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externalLinks/externalLink74.xml" ContentType="application/vnd.openxmlformats-officedocument.spreadsheetml.externalLink+xml"/>
  <Override PartName="/xl/externalLinks/externalLink75.xml" ContentType="application/vnd.openxmlformats-officedocument.spreadsheetml.externalLink+xml"/>
  <Override PartName="/xl/externalLinks/externalLink76.xml" ContentType="application/vnd.openxmlformats-officedocument.spreadsheetml.externalLink+xml"/>
  <Override PartName="/xl/externalLinks/externalLink77.xml" ContentType="application/vnd.openxmlformats-officedocument.spreadsheetml.externalLink+xml"/>
  <Override PartName="/xl/externalLinks/externalLink78.xml" ContentType="application/vnd.openxmlformats-officedocument.spreadsheetml.externalLink+xml"/>
  <Override PartName="/xl/externalLinks/externalLink79.xml" ContentType="application/vnd.openxmlformats-officedocument.spreadsheetml.externalLink+xml"/>
  <Override PartName="/xl/externalLinks/externalLink80.xml" ContentType="application/vnd.openxmlformats-officedocument.spreadsheetml.externalLink+xml"/>
  <Override PartName="/xl/externalLinks/externalLink81.xml" ContentType="application/vnd.openxmlformats-officedocument.spreadsheetml.externalLink+xml"/>
  <Override PartName="/xl/externalLinks/externalLink82.xml" ContentType="application/vnd.openxmlformats-officedocument.spreadsheetml.externalLink+xml"/>
  <Override PartName="/xl/externalLinks/externalLink83.xml" ContentType="application/vnd.openxmlformats-officedocument.spreadsheetml.externalLink+xml"/>
  <Override PartName="/xl/externalLinks/externalLink84.xml" ContentType="application/vnd.openxmlformats-officedocument.spreadsheetml.externalLink+xml"/>
  <Override PartName="/xl/externalLinks/externalLink85.xml" ContentType="application/vnd.openxmlformats-officedocument.spreadsheetml.externalLink+xml"/>
  <Override PartName="/xl/externalLinks/externalLink86.xml" ContentType="application/vnd.openxmlformats-officedocument.spreadsheetml.externalLink+xml"/>
  <Override PartName="/xl/externalLinks/externalLink87.xml" ContentType="application/vnd.openxmlformats-officedocument.spreadsheetml.externalLink+xml"/>
  <Override PartName="/xl/externalLinks/externalLink88.xml" ContentType="application/vnd.openxmlformats-officedocument.spreadsheetml.externalLink+xml"/>
  <Override PartName="/xl/externalLinks/externalLink89.xml" ContentType="application/vnd.openxmlformats-officedocument.spreadsheetml.externalLink+xml"/>
  <Override PartName="/xl/externalLinks/externalLink90.xml" ContentType="application/vnd.openxmlformats-officedocument.spreadsheetml.externalLink+xml"/>
  <Override PartName="/xl/externalLinks/externalLink91.xml" ContentType="application/vnd.openxmlformats-officedocument.spreadsheetml.externalLink+xml"/>
  <Override PartName="/xl/externalLinks/externalLink92.xml" ContentType="application/vnd.openxmlformats-officedocument.spreadsheetml.externalLink+xml"/>
  <Override PartName="/xl/externalLinks/externalLink93.xml" ContentType="application/vnd.openxmlformats-officedocument.spreadsheetml.externalLink+xml"/>
  <Override PartName="/xl/externalLinks/externalLink94.xml" ContentType="application/vnd.openxmlformats-officedocument.spreadsheetml.externalLink+xml"/>
  <Override PartName="/xl/externalLinks/externalLink95.xml" ContentType="application/vnd.openxmlformats-officedocument.spreadsheetml.externalLink+xml"/>
  <Override PartName="/xl/externalLinks/externalLink96.xml" ContentType="application/vnd.openxmlformats-officedocument.spreadsheetml.externalLink+xml"/>
  <Override PartName="/xl/externalLinks/externalLink97.xml" ContentType="application/vnd.openxmlformats-officedocument.spreadsheetml.externalLink+xml"/>
  <Override PartName="/xl/externalLinks/externalLink98.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fileVersion appName="xl" lastEdited="5" lowestEdited="5" rupBuild="9303"/>
  <workbookPr defaultThemeVersion="124226"/>
  <bookViews>
    <workbookView xWindow="26505" yWindow="-15" windowWidth="20610" windowHeight="11640" tabRatio="745"/>
  </bookViews>
  <sheets>
    <sheet name="設計書表紙" sheetId="76" r:id="rId1"/>
    <sheet name="工事内訳書" sheetId="58" r:id="rId2"/>
    <sheet name="内訳書" sheetId="4" r:id="rId3"/>
    <sheet name="１明細表（土木）" sheetId="96" r:id="rId4"/>
    <sheet name="施工単価表（土木）" sheetId="97" r:id="rId5"/>
    <sheet name="未登録代価表（土木）" sheetId="98" r:id="rId6"/>
    <sheet name="運転単価表（土木）" sheetId="99" r:id="rId7"/>
    <sheet name="２号明細書 (機械)" sheetId="66" r:id="rId8"/>
    <sheet name="３号明細書 (電気)" sheetId="70" r:id="rId9"/>
    <sheet name="４号明細書 (運搬費) " sheetId="77" r:id="rId10"/>
    <sheet name="５号明細書 (安全費) " sheetId="78" r:id="rId11"/>
    <sheet name="６号明細書 (スクラップ) " sheetId="75" r:id="rId12"/>
    <sheet name="施工条件明示一覧表" sheetId="79" r:id="rId13"/>
  </sheets>
  <externalReferences>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 r:id="rId79"/>
    <externalReference r:id="rId80"/>
    <externalReference r:id="rId81"/>
    <externalReference r:id="rId82"/>
    <externalReference r:id="rId83"/>
    <externalReference r:id="rId84"/>
    <externalReference r:id="rId85"/>
    <externalReference r:id="rId86"/>
    <externalReference r:id="rId87"/>
    <externalReference r:id="rId88"/>
    <externalReference r:id="rId89"/>
    <externalReference r:id="rId90"/>
    <externalReference r:id="rId91"/>
    <externalReference r:id="rId92"/>
    <externalReference r:id="rId93"/>
    <externalReference r:id="rId94"/>
    <externalReference r:id="rId95"/>
    <externalReference r:id="rId96"/>
    <externalReference r:id="rId97"/>
    <externalReference r:id="rId98"/>
    <externalReference r:id="rId99"/>
    <externalReference r:id="rId100"/>
    <externalReference r:id="rId101"/>
    <externalReference r:id="rId102"/>
    <externalReference r:id="rId103"/>
    <externalReference r:id="rId104"/>
    <externalReference r:id="rId105"/>
    <externalReference r:id="rId106"/>
    <externalReference r:id="rId107"/>
    <externalReference r:id="rId108"/>
    <externalReference r:id="rId109"/>
    <externalReference r:id="rId110"/>
    <externalReference r:id="rId111"/>
  </externalReferences>
  <definedNames>
    <definedName name="_">#REF!</definedName>
    <definedName name="_____________d2">[1]!ピクチャ5_Click</definedName>
    <definedName name="___________d2">[2]!ピクチャ5_Click</definedName>
    <definedName name="__________d2">[2]!ピクチャ5_Click</definedName>
    <definedName name="_________d2">[2]!ピクチャ5_Click</definedName>
    <definedName name="________d2">[2]!ピクチャ5_Click</definedName>
    <definedName name="_______d2">[2]!ピクチャ5_Click</definedName>
    <definedName name="_______RE2">#REF!</definedName>
    <definedName name="_______SUB2">#REF!</definedName>
    <definedName name="_______SUB3">#REF!</definedName>
    <definedName name="_______SUB4">#REF!</definedName>
    <definedName name="______d2">[2]!ピクチャ5_Click</definedName>
    <definedName name="______RE2">#REF!</definedName>
    <definedName name="______SUB2">#REF!</definedName>
    <definedName name="______SUB3">#REF!</definedName>
    <definedName name="______SUB4">#REF!</definedName>
    <definedName name="_____d2">[2]!ピクチャ5_Click</definedName>
    <definedName name="_____RE2">#REF!</definedName>
    <definedName name="_____SUB2">#REF!</definedName>
    <definedName name="_____SUB3">#REF!</definedName>
    <definedName name="_____SUB4">#REF!</definedName>
    <definedName name="____BOX01">#REF!</definedName>
    <definedName name="____BOX02">#REF!</definedName>
    <definedName name="____BOX03">#REF!</definedName>
    <definedName name="____BUN2">[3]歩・屋!$E$5:$T$16</definedName>
    <definedName name="____d2">[2]!ピクチャ5_Click</definedName>
    <definedName name="____RE2">#REF!</definedName>
    <definedName name="____SON1">#REF!</definedName>
    <definedName name="____son2">#REF!</definedName>
    <definedName name="____SON3">#REF!</definedName>
    <definedName name="____SUB2">#REF!</definedName>
    <definedName name="____SUB3">#REF!</definedName>
    <definedName name="____SUB4">#REF!</definedName>
    <definedName name="____tan1">#REF!</definedName>
    <definedName name="____tan2">#REF!</definedName>
    <definedName name="____tan3">#REF!</definedName>
    <definedName name="___A1">'[4]#REF'!#REF!</definedName>
    <definedName name="___ｂ９">#REF!</definedName>
    <definedName name="___BOX01">#REF!</definedName>
    <definedName name="___BOX02">#REF!</definedName>
    <definedName name="___BOX03">#REF!</definedName>
    <definedName name="___BUN2">[3]歩・屋!$E$5:$T$16</definedName>
    <definedName name="___d2">[2]!ピクチャ5_Click</definedName>
    <definedName name="___N10">#REF!</definedName>
    <definedName name="___N11">#REF!</definedName>
    <definedName name="___N12">#REF!</definedName>
    <definedName name="___N13">#REF!</definedName>
    <definedName name="___N14">#REF!</definedName>
    <definedName name="___N15">#REF!</definedName>
    <definedName name="___N16">#REF!</definedName>
    <definedName name="___N17">#REF!</definedName>
    <definedName name="___N18">#REF!</definedName>
    <definedName name="___N19">#REF!</definedName>
    <definedName name="___N20">#REF!</definedName>
    <definedName name="___N21">#REF!</definedName>
    <definedName name="___N22">#REF!</definedName>
    <definedName name="___N23">#REF!</definedName>
    <definedName name="___N24">#REF!</definedName>
    <definedName name="___N25">#REF!</definedName>
    <definedName name="___N26">#REF!</definedName>
    <definedName name="___N27">#REF!</definedName>
    <definedName name="___N28">#REF!</definedName>
    <definedName name="___N29">#REF!</definedName>
    <definedName name="___N30">#REF!</definedName>
    <definedName name="___N31">#REF!</definedName>
    <definedName name="___N32">#REF!</definedName>
    <definedName name="___N33">#REF!</definedName>
    <definedName name="___N34">#REF!</definedName>
    <definedName name="___N5">#REF!</definedName>
    <definedName name="___N6">#REF!</definedName>
    <definedName name="___N7">#REF!</definedName>
    <definedName name="___N8">#REF!</definedName>
    <definedName name="___N9">#REF!</definedName>
    <definedName name="___RE2">#REF!</definedName>
    <definedName name="___SON1">#REF!</definedName>
    <definedName name="___son2">#REF!</definedName>
    <definedName name="___SON3">#REF!</definedName>
    <definedName name="___SUB2">#REF!</definedName>
    <definedName name="___SUB3">#REF!</definedName>
    <definedName name="___SUB4">#REF!</definedName>
    <definedName name="___tan1">#REF!</definedName>
    <definedName name="___tan2">#REF!</definedName>
    <definedName name="___tan3">#REF!</definedName>
    <definedName name="___V1">#REF!</definedName>
    <definedName name="___V10">#REF!</definedName>
    <definedName name="___V11">#REF!</definedName>
    <definedName name="___V12">#REF!</definedName>
    <definedName name="___V13">#REF!</definedName>
    <definedName name="___V14">#REF!</definedName>
    <definedName name="___V15">#REF!</definedName>
    <definedName name="___V16">#REF!</definedName>
    <definedName name="___V17">#REF!</definedName>
    <definedName name="___V18">#REF!</definedName>
    <definedName name="___V19">#REF!</definedName>
    <definedName name="___V2">#REF!</definedName>
    <definedName name="___V20">#REF!</definedName>
    <definedName name="___V21">#REF!</definedName>
    <definedName name="___V22">#REF!</definedName>
    <definedName name="___V23">#REF!</definedName>
    <definedName name="___V24">#REF!</definedName>
    <definedName name="___V25">#REF!</definedName>
    <definedName name="___V26">#REF!</definedName>
    <definedName name="___V27">#REF!</definedName>
    <definedName name="___V28">#REF!</definedName>
    <definedName name="___V29">#REF!</definedName>
    <definedName name="___V30">#REF!</definedName>
    <definedName name="___V31">#REF!</definedName>
    <definedName name="___V32">#REF!</definedName>
    <definedName name="___V33">#REF!</definedName>
    <definedName name="___V34">#REF!</definedName>
    <definedName name="___V35">#REF!</definedName>
    <definedName name="___V36">#REF!</definedName>
    <definedName name="___V37">#REF!</definedName>
    <definedName name="___V38">#REF!</definedName>
    <definedName name="___V5">#REF!</definedName>
    <definedName name="___V6">#REF!</definedName>
    <definedName name="___V7">#REF!</definedName>
    <definedName name="___V8">#REF!</definedName>
    <definedName name="___V9">#REF!</definedName>
    <definedName name="__1">#REF!</definedName>
    <definedName name="__10">#REF!</definedName>
    <definedName name="__11">#REF!</definedName>
    <definedName name="__12">#REF!</definedName>
    <definedName name="__123Graph_A" localSheetId="7" hidden="1">#REF!</definedName>
    <definedName name="__123Graph_A" localSheetId="8" hidden="1">#REF!</definedName>
    <definedName name="__123Graph_A" localSheetId="9" hidden="1">#REF!</definedName>
    <definedName name="__123Graph_A" localSheetId="10" hidden="1">#REF!</definedName>
    <definedName name="__123Graph_A" localSheetId="11" hidden="1">#REF!</definedName>
    <definedName name="__123Graph_A" localSheetId="12" hidden="1">#REF!</definedName>
    <definedName name="__123Graph_A" hidden="1">#REF!</definedName>
    <definedName name="__123Graph_A外装" localSheetId="7" hidden="1">[5]仮設躯体!#REF!</definedName>
    <definedName name="__123Graph_A外装" localSheetId="8" hidden="1">[5]仮設躯体!#REF!</definedName>
    <definedName name="__123Graph_A外装" localSheetId="9" hidden="1">[5]仮設躯体!#REF!</definedName>
    <definedName name="__123Graph_A外装" localSheetId="10" hidden="1">[5]仮設躯体!#REF!</definedName>
    <definedName name="__123Graph_A外装" localSheetId="11" hidden="1">[5]仮設躯体!#REF!</definedName>
    <definedName name="__123Graph_A外装" hidden="1">[5]仮設躯体!#REF!</definedName>
    <definedName name="__123Graph_A躯体" localSheetId="7" hidden="1">[5]仮設躯体!#REF!</definedName>
    <definedName name="__123Graph_A躯体" localSheetId="8" hidden="1">[5]仮設躯体!#REF!</definedName>
    <definedName name="__123Graph_A躯体" localSheetId="9" hidden="1">[5]仮設躯体!#REF!</definedName>
    <definedName name="__123Graph_A躯体" localSheetId="10" hidden="1">[5]仮設躯体!#REF!</definedName>
    <definedName name="__123Graph_A躯体" localSheetId="11" hidden="1">[5]仮設躯体!#REF!</definedName>
    <definedName name="__123Graph_A躯体" hidden="1">[5]仮設躯体!#REF!</definedName>
    <definedName name="__123Graph_A建築" localSheetId="7" hidden="1">[5]仮設躯体!#REF!</definedName>
    <definedName name="__123Graph_A建築" localSheetId="8" hidden="1">[5]仮設躯体!#REF!</definedName>
    <definedName name="__123Graph_A建築" localSheetId="9" hidden="1">[5]仮設躯体!#REF!</definedName>
    <definedName name="__123Graph_A建築" localSheetId="10" hidden="1">[5]仮設躯体!#REF!</definedName>
    <definedName name="__123Graph_A建築" localSheetId="11" hidden="1">[5]仮設躯体!#REF!</definedName>
    <definedName name="__123Graph_A建築" hidden="1">[5]仮設躯体!#REF!</definedName>
    <definedName name="__123Graph_A室内" localSheetId="7" hidden="1">[5]仮設躯体!#REF!</definedName>
    <definedName name="__123Graph_A室内" localSheetId="8" hidden="1">[5]仮設躯体!#REF!</definedName>
    <definedName name="__123Graph_A室内" localSheetId="9" hidden="1">[5]仮設躯体!#REF!</definedName>
    <definedName name="__123Graph_A室内" localSheetId="10" hidden="1">[5]仮設躯体!#REF!</definedName>
    <definedName name="__123Graph_A室内" localSheetId="11" hidden="1">[5]仮設躯体!#REF!</definedName>
    <definedName name="__123Graph_A室内" hidden="1">[5]仮設躯体!#REF!</definedName>
    <definedName name="__123Graph_A土工" localSheetId="7" hidden="1">[5]仮設躯体!#REF!</definedName>
    <definedName name="__123Graph_A土工" localSheetId="8" hidden="1">[5]仮設躯体!#REF!</definedName>
    <definedName name="__123Graph_A土工" localSheetId="9" hidden="1">[5]仮設躯体!#REF!</definedName>
    <definedName name="__123Graph_A土工" localSheetId="10" hidden="1">[5]仮設躯体!#REF!</definedName>
    <definedName name="__123Graph_A土工" localSheetId="11" hidden="1">[5]仮設躯体!#REF!</definedName>
    <definedName name="__123Graph_A土工" hidden="1">[5]仮設躯体!#REF!</definedName>
    <definedName name="__123Graph_A内装" localSheetId="7" hidden="1">[5]仮設躯体!#REF!</definedName>
    <definedName name="__123Graph_A内装" localSheetId="8" hidden="1">[5]仮設躯体!#REF!</definedName>
    <definedName name="__123Graph_A内装" localSheetId="9" hidden="1">[5]仮設躯体!#REF!</definedName>
    <definedName name="__123Graph_A内装" localSheetId="10" hidden="1">[5]仮設躯体!#REF!</definedName>
    <definedName name="__123Graph_A内装" localSheetId="11" hidden="1">[5]仮設躯体!#REF!</definedName>
    <definedName name="__123Graph_A内装" hidden="1">[5]仮設躯体!#REF!</definedName>
    <definedName name="__123Graph_B" localSheetId="7" hidden="1">#REF!</definedName>
    <definedName name="__123Graph_B" localSheetId="8" hidden="1">#REF!</definedName>
    <definedName name="__123Graph_B" localSheetId="9" hidden="1">#REF!</definedName>
    <definedName name="__123Graph_B" localSheetId="10" hidden="1">#REF!</definedName>
    <definedName name="__123Graph_B" localSheetId="11" hidden="1">#REF!</definedName>
    <definedName name="__123Graph_B" hidden="1">#REF!</definedName>
    <definedName name="__123Graph_LBL_A" localSheetId="7" hidden="1">[6]工程算出!#REF!</definedName>
    <definedName name="__123Graph_LBL_A" localSheetId="8" hidden="1">[6]工程算出!#REF!</definedName>
    <definedName name="__123Graph_LBL_A" localSheetId="9" hidden="1">[6]工程算出!#REF!</definedName>
    <definedName name="__123Graph_LBL_A" localSheetId="10" hidden="1">[6]工程算出!#REF!</definedName>
    <definedName name="__123Graph_LBL_A" localSheetId="11" hidden="1">[6]工程算出!#REF!</definedName>
    <definedName name="__123Graph_LBL_A" localSheetId="12" hidden="1">[7]工程算出!#REF!</definedName>
    <definedName name="__123Graph_LBL_A" hidden="1">[6]工程算出!#REF!</definedName>
    <definedName name="__123Graph_X" localSheetId="7" hidden="1">[6]工程算出!#REF!</definedName>
    <definedName name="__123Graph_X" localSheetId="8" hidden="1">[6]工程算出!#REF!</definedName>
    <definedName name="__123Graph_X" localSheetId="9" hidden="1">[6]工程算出!#REF!</definedName>
    <definedName name="__123Graph_X" localSheetId="10" hidden="1">[6]工程算出!#REF!</definedName>
    <definedName name="__123Graph_X" localSheetId="11" hidden="1">[6]工程算出!#REF!</definedName>
    <definedName name="__123Graph_X" localSheetId="12" hidden="1">[7]工程算出!#REF!</definedName>
    <definedName name="__123Graph_X" hidden="1">[6]工程算出!#REF!</definedName>
    <definedName name="__123Graph_X外装" localSheetId="7" hidden="1">[5]仮設躯体!#REF!</definedName>
    <definedName name="__123Graph_X外装" localSheetId="8" hidden="1">[5]仮設躯体!#REF!</definedName>
    <definedName name="__123Graph_X外装" localSheetId="9" hidden="1">[5]仮設躯体!#REF!</definedName>
    <definedName name="__123Graph_X外装" localSheetId="10" hidden="1">[5]仮設躯体!#REF!</definedName>
    <definedName name="__123Graph_X外装" localSheetId="11" hidden="1">[5]仮設躯体!#REF!</definedName>
    <definedName name="__123Graph_X外装" hidden="1">[5]仮設躯体!#REF!</definedName>
    <definedName name="__123Graph_X躯体" localSheetId="7" hidden="1">[5]仮設躯体!#REF!</definedName>
    <definedName name="__123Graph_X躯体" localSheetId="8" hidden="1">[5]仮設躯体!#REF!</definedName>
    <definedName name="__123Graph_X躯体" localSheetId="9" hidden="1">[5]仮設躯体!#REF!</definedName>
    <definedName name="__123Graph_X躯体" localSheetId="10" hidden="1">[5]仮設躯体!#REF!</definedName>
    <definedName name="__123Graph_X躯体" localSheetId="11" hidden="1">[5]仮設躯体!#REF!</definedName>
    <definedName name="__123Graph_X躯体" hidden="1">[5]仮設躯体!#REF!</definedName>
    <definedName name="__123Graph_X建築" localSheetId="7" hidden="1">[5]仮設躯体!#REF!</definedName>
    <definedName name="__123Graph_X建築" localSheetId="8" hidden="1">[5]仮設躯体!#REF!</definedName>
    <definedName name="__123Graph_X建築" localSheetId="9" hidden="1">[5]仮設躯体!#REF!</definedName>
    <definedName name="__123Graph_X建築" localSheetId="10" hidden="1">[5]仮設躯体!#REF!</definedName>
    <definedName name="__123Graph_X建築" localSheetId="11" hidden="1">[5]仮設躯体!#REF!</definedName>
    <definedName name="__123Graph_X建築" hidden="1">[5]仮設躯体!#REF!</definedName>
    <definedName name="__123Graph_X室内" localSheetId="7" hidden="1">[5]仮設躯体!#REF!</definedName>
    <definedName name="__123Graph_X室内" localSheetId="8" hidden="1">[5]仮設躯体!#REF!</definedName>
    <definedName name="__123Graph_X室内" localSheetId="9" hidden="1">[5]仮設躯体!#REF!</definedName>
    <definedName name="__123Graph_X室内" localSheetId="10" hidden="1">[5]仮設躯体!#REF!</definedName>
    <definedName name="__123Graph_X室内" localSheetId="11" hidden="1">[5]仮設躯体!#REF!</definedName>
    <definedName name="__123Graph_X室内" hidden="1">[5]仮設躯体!#REF!</definedName>
    <definedName name="__123Graph_X土工" localSheetId="7" hidden="1">[5]仮設躯体!#REF!</definedName>
    <definedName name="__123Graph_X土工" localSheetId="8" hidden="1">[5]仮設躯体!#REF!</definedName>
    <definedName name="__123Graph_X土工" localSheetId="9" hidden="1">[5]仮設躯体!#REF!</definedName>
    <definedName name="__123Graph_X土工" localSheetId="10" hidden="1">[5]仮設躯体!#REF!</definedName>
    <definedName name="__123Graph_X土工" localSheetId="11" hidden="1">[5]仮設躯体!#REF!</definedName>
    <definedName name="__123Graph_X土工" hidden="1">[5]仮設躯体!#REF!</definedName>
    <definedName name="__123Graph_X内装" localSheetId="7" hidden="1">[5]仮設躯体!#REF!</definedName>
    <definedName name="__123Graph_X内装" localSheetId="8" hidden="1">[5]仮設躯体!#REF!</definedName>
    <definedName name="__123Graph_X内装" localSheetId="9" hidden="1">[5]仮設躯体!#REF!</definedName>
    <definedName name="__123Graph_X内装" localSheetId="10" hidden="1">[5]仮設躯体!#REF!</definedName>
    <definedName name="__123Graph_X内装" localSheetId="11" hidden="1">[5]仮設躯体!#REF!</definedName>
    <definedName name="__123Graph_X内装" hidden="1">[5]仮設躯体!#REF!</definedName>
    <definedName name="__2">#REF!</definedName>
    <definedName name="__3">#REF!</definedName>
    <definedName name="__4">#REF!</definedName>
    <definedName name="__5">#REF!</definedName>
    <definedName name="__6">#REF!</definedName>
    <definedName name="__7">#REF!</definedName>
    <definedName name="__8">#REF!</definedName>
    <definedName name="__9">#REF!</definedName>
    <definedName name="__A1">#REF!</definedName>
    <definedName name="__ｂ９">#REF!</definedName>
    <definedName name="__BOX01">#REF!</definedName>
    <definedName name="__BOX02">#REF!</definedName>
    <definedName name="__BOX03">#REF!</definedName>
    <definedName name="__BUN2">[3]歩・屋!$E$5:$T$16</definedName>
    <definedName name="__d2">[2]!ピクチャ5_Click</definedName>
    <definedName name="__N10">#REF!</definedName>
    <definedName name="__N11">#REF!</definedName>
    <definedName name="__N12">#REF!</definedName>
    <definedName name="__N13">#REF!</definedName>
    <definedName name="__N14">#REF!</definedName>
    <definedName name="__N15">#REF!</definedName>
    <definedName name="__N16">#REF!</definedName>
    <definedName name="__N17">#REF!</definedName>
    <definedName name="__N18">#REF!</definedName>
    <definedName name="__N19">#REF!</definedName>
    <definedName name="__N20">#REF!</definedName>
    <definedName name="__N21">#REF!</definedName>
    <definedName name="__N22">#REF!</definedName>
    <definedName name="__N23">#REF!</definedName>
    <definedName name="__N24">#REF!</definedName>
    <definedName name="__N25">#REF!</definedName>
    <definedName name="__N26">#REF!</definedName>
    <definedName name="__N27">#REF!</definedName>
    <definedName name="__N28">#REF!</definedName>
    <definedName name="__N29">#REF!</definedName>
    <definedName name="__N30">#REF!</definedName>
    <definedName name="__N31">#REF!</definedName>
    <definedName name="__N32">#REF!</definedName>
    <definedName name="__N33">#REF!</definedName>
    <definedName name="__N34">#REF!</definedName>
    <definedName name="__N5">#REF!</definedName>
    <definedName name="__N6">#REF!</definedName>
    <definedName name="__N7">#REF!</definedName>
    <definedName name="__N8">#REF!</definedName>
    <definedName name="__N9">#REF!</definedName>
    <definedName name="__RE2">#REF!</definedName>
    <definedName name="__SON1">#REF!</definedName>
    <definedName name="__son2">#REF!</definedName>
    <definedName name="__SON3">#REF!</definedName>
    <definedName name="__SUB2">#REF!</definedName>
    <definedName name="__SUB3">#REF!</definedName>
    <definedName name="__SUB4">#REF!</definedName>
    <definedName name="__tan1">#REF!</definedName>
    <definedName name="__tan2">#REF!</definedName>
    <definedName name="__tan3">#REF!</definedName>
    <definedName name="__V1">#REF!</definedName>
    <definedName name="__V10">#REF!</definedName>
    <definedName name="__V11">#REF!</definedName>
    <definedName name="__V12">#REF!</definedName>
    <definedName name="__V13">#REF!</definedName>
    <definedName name="__V14">#REF!</definedName>
    <definedName name="__V15">#REF!</definedName>
    <definedName name="__V16">#REF!</definedName>
    <definedName name="__V17">#REF!</definedName>
    <definedName name="__V18">#REF!</definedName>
    <definedName name="__V19">#REF!</definedName>
    <definedName name="__V2">#REF!</definedName>
    <definedName name="__V20">#REF!</definedName>
    <definedName name="__V21">#REF!</definedName>
    <definedName name="__V22">#REF!</definedName>
    <definedName name="__V23">#REF!</definedName>
    <definedName name="__V24">#REF!</definedName>
    <definedName name="__V25">#REF!</definedName>
    <definedName name="__V26">#REF!</definedName>
    <definedName name="__V27">#REF!</definedName>
    <definedName name="__V28">#REF!</definedName>
    <definedName name="__V29">#REF!</definedName>
    <definedName name="__V30">#REF!</definedName>
    <definedName name="__V31">#REF!</definedName>
    <definedName name="__V32">#REF!</definedName>
    <definedName name="__V33">#REF!</definedName>
    <definedName name="__V34">#REF!</definedName>
    <definedName name="__V35">#REF!</definedName>
    <definedName name="__V36">#REF!</definedName>
    <definedName name="__V37">#REF!</definedName>
    <definedName name="__V38">#REF!</definedName>
    <definedName name="__V5">#REF!</definedName>
    <definedName name="__V6">#REF!</definedName>
    <definedName name="__V7">#REF!</definedName>
    <definedName name="__V8">#REF!</definedName>
    <definedName name="__V9">#REF!</definedName>
    <definedName name="_1">#REF!</definedName>
    <definedName name="_10">#REF!</definedName>
    <definedName name="_1000">#REF!</definedName>
    <definedName name="_1010">[8]見積01!#REF!</definedName>
    <definedName name="_1020">[8]見積01!#REF!</definedName>
    <definedName name="_11">#REF!</definedName>
    <definedName name="_111">#REF!</definedName>
    <definedName name="_111a">#REF!</definedName>
    <definedName name="_116">#REF!</definedName>
    <definedName name="_116a">#REF!</definedName>
    <definedName name="_117">#REF!</definedName>
    <definedName name="_117a">#REF!</definedName>
    <definedName name="_118">#REF!</definedName>
    <definedName name="_118a">#REF!</definedName>
    <definedName name="_119">#REF!</definedName>
    <definedName name="_119a">#REF!</definedName>
    <definedName name="_11a">#REF!</definedName>
    <definedName name="_12">#REF!</definedName>
    <definedName name="_120">#REF!</definedName>
    <definedName name="_120a">#REF!</definedName>
    <definedName name="_121">#REF!</definedName>
    <definedName name="_121a">#REF!</definedName>
    <definedName name="_122">#REF!</definedName>
    <definedName name="_122a">#REF!</definedName>
    <definedName name="_123">#REF!</definedName>
    <definedName name="_123Gaaa_A" localSheetId="7" hidden="1">[9]Sheet2!#REF!</definedName>
    <definedName name="_123Gaaa_A" localSheetId="8" hidden="1">[9]Sheet2!#REF!</definedName>
    <definedName name="_123Gaaa_A" localSheetId="9" hidden="1">[9]Sheet2!#REF!</definedName>
    <definedName name="_123Gaaa_A" localSheetId="10" hidden="1">[9]Sheet2!#REF!</definedName>
    <definedName name="_123Gaaa_A" localSheetId="11" hidden="1">[9]Sheet2!#REF!</definedName>
    <definedName name="_123Gaaa_A" hidden="1">[9]Sheet2!#REF!</definedName>
    <definedName name="_123Graph" localSheetId="7" hidden="1">[9]Sheet2!#REF!</definedName>
    <definedName name="_123Graph" localSheetId="8" hidden="1">[9]Sheet2!#REF!</definedName>
    <definedName name="_123Graph" localSheetId="9" hidden="1">[9]Sheet2!#REF!</definedName>
    <definedName name="_123Graph" localSheetId="10" hidden="1">[9]Sheet2!#REF!</definedName>
    <definedName name="_123Graph" localSheetId="11" hidden="1">[9]Sheet2!#REF!</definedName>
    <definedName name="_123Graph" hidden="1">[9]Sheet2!#REF!</definedName>
    <definedName name="_13">[8]見積01!#REF!</definedName>
    <definedName name="_14">[8]見積01!#REF!</definedName>
    <definedName name="_15">[8]見積01!#REF!</definedName>
    <definedName name="_16">#REF!</definedName>
    <definedName name="_17">#REF!</definedName>
    <definedName name="_18">#REF!</definedName>
    <definedName name="_19">#REF!</definedName>
    <definedName name="_1ｂ９_">#REF!</definedName>
    <definedName name="_1Print_Area_02__4">#REF!</definedName>
    <definedName name="_2">#REF!</definedName>
    <definedName name="_2.0×2___1.08×2___×_2.95">#REF!</definedName>
    <definedName name="_20">#REF!</definedName>
    <definedName name="_21">#REF!</definedName>
    <definedName name="_216">#REF!</definedName>
    <definedName name="_217">#REF!</definedName>
    <definedName name="_218">#REF!</definedName>
    <definedName name="_219">#REF!</definedName>
    <definedName name="_22">#REF!</definedName>
    <definedName name="_220">#REF!</definedName>
    <definedName name="_221">#REF!</definedName>
    <definedName name="_222">#REF!</definedName>
    <definedName name="_223">#REF!</definedName>
    <definedName name="_23">#REF!</definedName>
    <definedName name="_2ページまで">#REF!</definedName>
    <definedName name="_2印刷範囲_2">#REF!</definedName>
    <definedName name="_2号明細書_M">#REF!</definedName>
    <definedName name="_3">#REF!</definedName>
    <definedName name="_33">#REF!</definedName>
    <definedName name="_3Print_Area_02">#REF!</definedName>
    <definedName name="_3ページまで">#REF!</definedName>
    <definedName name="_3印刷範囲_5">#REF!</definedName>
    <definedName name="_3行挿入">#REF!</definedName>
    <definedName name="_4">#REF!</definedName>
    <definedName name="_44">#REF!</definedName>
    <definedName name="_4d2_">[10]!ピクチャ5_Click</definedName>
    <definedName name="_4Print_Area_03">#REF!</definedName>
    <definedName name="_4ページまで">#REF!</definedName>
    <definedName name="_4印刷範囲_6">#REF!</definedName>
    <definedName name="_5">#REF!</definedName>
    <definedName name="_50">#REF!</definedName>
    <definedName name="_55">#REF!</definedName>
    <definedName name="_5ページまで">#REF!</definedName>
    <definedName name="_5印刷範囲_7">#REF!</definedName>
    <definedName name="_6">#REF!</definedName>
    <definedName name="_66">#REF!</definedName>
    <definedName name="_6ページまで">#REF!</definedName>
    <definedName name="_7">#REF!</definedName>
    <definedName name="_7ページまで">#REF!</definedName>
    <definedName name="_8">#REF!</definedName>
    <definedName name="_850">#REF!</definedName>
    <definedName name="_88">#REF!</definedName>
    <definedName name="_9">#REF!</definedName>
    <definedName name="_99">#REF!</definedName>
    <definedName name="_A1">#REF!</definedName>
    <definedName name="_A10">#REF!</definedName>
    <definedName name="_A11">#REF!</definedName>
    <definedName name="_A12">#REF!</definedName>
    <definedName name="_A13">#REF!</definedName>
    <definedName name="_A14">#REF!</definedName>
    <definedName name="_A15">#REF!</definedName>
    <definedName name="_A16">#REF!</definedName>
    <definedName name="_A17">#REF!</definedName>
    <definedName name="_A18">#REF!</definedName>
    <definedName name="_A19">#REF!</definedName>
    <definedName name="_A2">#REF!</definedName>
    <definedName name="_A20">#REF!</definedName>
    <definedName name="_A21">#REF!</definedName>
    <definedName name="_A22">#REF!</definedName>
    <definedName name="_A23">#REF!</definedName>
    <definedName name="_A24">#REF!</definedName>
    <definedName name="_A25">#REF!</definedName>
    <definedName name="_A26">#REF!</definedName>
    <definedName name="_A27">#REF!</definedName>
    <definedName name="_A28">#REF!</definedName>
    <definedName name="_A29">#REF!</definedName>
    <definedName name="_A3">#REF!</definedName>
    <definedName name="_A30">#REF!</definedName>
    <definedName name="_A31">#REF!</definedName>
    <definedName name="_A32">#REF!</definedName>
    <definedName name="_A33">#REF!</definedName>
    <definedName name="_A34">#REF!</definedName>
    <definedName name="_A35">#REF!</definedName>
    <definedName name="_A36">#REF!</definedName>
    <definedName name="_A37">#REF!</definedName>
    <definedName name="_A38">#REF!</definedName>
    <definedName name="_A39">#REF!</definedName>
    <definedName name="_A4">#REF!</definedName>
    <definedName name="_A40">#REF!</definedName>
    <definedName name="_A41">#REF!</definedName>
    <definedName name="_A42">#REF!</definedName>
    <definedName name="_A43">#REF!</definedName>
    <definedName name="_A44">#REF!</definedName>
    <definedName name="_A45">#REF!</definedName>
    <definedName name="_A46">#REF!</definedName>
    <definedName name="_A47">#REF!</definedName>
    <definedName name="_A48">#REF!</definedName>
    <definedName name="_A49">#REF!</definedName>
    <definedName name="_A5">#REF!</definedName>
    <definedName name="_A50">#REF!</definedName>
    <definedName name="_A51">#REF!</definedName>
    <definedName name="_A52">#REF!</definedName>
    <definedName name="_A53">#REF!</definedName>
    <definedName name="_A54">#REF!</definedName>
    <definedName name="_A55">#REF!</definedName>
    <definedName name="_A56">#REF!</definedName>
    <definedName name="_A57">#REF!</definedName>
    <definedName name="_A58">#REF!</definedName>
    <definedName name="_A59">#REF!</definedName>
    <definedName name="_A6">#REF!</definedName>
    <definedName name="_A60">#REF!</definedName>
    <definedName name="_A61">#REF!</definedName>
    <definedName name="_A62">#REF!</definedName>
    <definedName name="_A63">#REF!</definedName>
    <definedName name="_A64">#REF!</definedName>
    <definedName name="_A65">#REF!</definedName>
    <definedName name="_A66">#REF!</definedName>
    <definedName name="_A67">#REF!</definedName>
    <definedName name="_A68">#REF!</definedName>
    <definedName name="_A69">#REF!</definedName>
    <definedName name="_A7">#REF!</definedName>
    <definedName name="_A70">#REF!</definedName>
    <definedName name="_A71">#REF!</definedName>
    <definedName name="_A73">#REF!</definedName>
    <definedName name="_A74">#REF!</definedName>
    <definedName name="_A75">#REF!</definedName>
    <definedName name="_A76">#REF!</definedName>
    <definedName name="_A77">#REF!</definedName>
    <definedName name="_A78">#REF!</definedName>
    <definedName name="_A79">#REF!</definedName>
    <definedName name="_A8">#REF!</definedName>
    <definedName name="_A81">#REF!</definedName>
    <definedName name="_A82">#REF!</definedName>
    <definedName name="_A9">#REF!</definedName>
    <definedName name="_ｂ９">#REF!</definedName>
    <definedName name="_BOX01">#REF!</definedName>
    <definedName name="_BOX02">#REF!</definedName>
    <definedName name="_BOX03">#REF!</definedName>
    <definedName name="_BUN2">[3]歩・屋!$E$5:$T$16</definedName>
    <definedName name="_d2">[2]!ピクチャ5_Click</definedName>
    <definedName name="_d3">[11]!ピクチャ5_Click</definedName>
    <definedName name="_dd1">[12]!Dialog3_ボタン2_Click</definedName>
    <definedName name="_ddd2">[12]!ピクチャ5_Click</definedName>
    <definedName name="_Fill" localSheetId="7" hidden="1">#REF!</definedName>
    <definedName name="_Fill" localSheetId="8" hidden="1">#REF!</definedName>
    <definedName name="_Fill" localSheetId="9" hidden="1">#REF!</definedName>
    <definedName name="_Fill" localSheetId="10" hidden="1">#REF!</definedName>
    <definedName name="_Fill" localSheetId="11" hidden="1">#REF!</definedName>
    <definedName name="_Fill" hidden="1">#REF!</definedName>
    <definedName name="_I1">#REF!</definedName>
    <definedName name="_I2">#REF!</definedName>
    <definedName name="_I3">#REF!</definedName>
    <definedName name="_Key1" localSheetId="7" hidden="1">#REF!</definedName>
    <definedName name="_Key1" localSheetId="8" hidden="1">#REF!</definedName>
    <definedName name="_Key1" localSheetId="9" hidden="1">#REF!</definedName>
    <definedName name="_Key1" localSheetId="10" hidden="1">#REF!</definedName>
    <definedName name="_Key1" localSheetId="11" hidden="1">#REF!</definedName>
    <definedName name="_Key1" localSheetId="12" hidden="1">#REF!</definedName>
    <definedName name="_Key1" hidden="1">#REF!</definedName>
    <definedName name="_Key2" localSheetId="7" hidden="1">#REF!</definedName>
    <definedName name="_Key2" localSheetId="8" hidden="1">#REF!</definedName>
    <definedName name="_Key2" localSheetId="9" hidden="1">#REF!</definedName>
    <definedName name="_Key2" localSheetId="10" hidden="1">#REF!</definedName>
    <definedName name="_Key2" localSheetId="11" hidden="1">#REF!</definedName>
    <definedName name="_Key2" localSheetId="12" hidden="1">#REF!</definedName>
    <definedName name="_Key2" hidden="1">#REF!</definedName>
    <definedName name="_N1">#REF!</definedName>
    <definedName name="_N10">#REF!</definedName>
    <definedName name="_N11">#REF!</definedName>
    <definedName name="_N12">#REF!</definedName>
    <definedName name="_N13">#REF!</definedName>
    <definedName name="_N14">#REF!</definedName>
    <definedName name="_N15">#REF!</definedName>
    <definedName name="_N16">#REF!</definedName>
    <definedName name="_N17">#REF!</definedName>
    <definedName name="_N18">#REF!</definedName>
    <definedName name="_N19">#REF!</definedName>
    <definedName name="_N2">#REF!</definedName>
    <definedName name="_N20">#REF!</definedName>
    <definedName name="_N21">#REF!</definedName>
    <definedName name="_N22">#REF!</definedName>
    <definedName name="_N23">#REF!</definedName>
    <definedName name="_N24">#REF!</definedName>
    <definedName name="_N25">#REF!</definedName>
    <definedName name="_N26">#REF!</definedName>
    <definedName name="_N27">#REF!</definedName>
    <definedName name="_N28">#REF!</definedName>
    <definedName name="_N29">#REF!</definedName>
    <definedName name="_N3">#REF!</definedName>
    <definedName name="_N30">#REF!</definedName>
    <definedName name="_N31">#REF!</definedName>
    <definedName name="_N32">#REF!</definedName>
    <definedName name="_N33">#REF!</definedName>
    <definedName name="_N34">#REF!</definedName>
    <definedName name="_N4">#REF!</definedName>
    <definedName name="_N5">#REF!</definedName>
    <definedName name="_N6">#REF!</definedName>
    <definedName name="_N7">#REF!</definedName>
    <definedName name="_N8">#REF!</definedName>
    <definedName name="_N9">#REF!</definedName>
    <definedName name="_Order1" hidden="1">255</definedName>
    <definedName name="_Order2" hidden="1">255</definedName>
    <definedName name="_P">#REF!</definedName>
    <definedName name="_P1">#REF!</definedName>
    <definedName name="_p2">#REF!</definedName>
    <definedName name="_p3">#REF!</definedName>
    <definedName name="_Parse_Out" localSheetId="7" hidden="1">#REF!</definedName>
    <definedName name="_Parse_Out" localSheetId="8" hidden="1">#REF!</definedName>
    <definedName name="_Parse_Out" localSheetId="9" hidden="1">#REF!</definedName>
    <definedName name="_Parse_Out" localSheetId="10" hidden="1">#REF!</definedName>
    <definedName name="_Parse_Out" localSheetId="11" hidden="1">#REF!</definedName>
    <definedName name="_Parse_Out" hidden="1">#REF!</definedName>
    <definedName name="_RE2">#REF!</definedName>
    <definedName name="_Regression_Int" hidden="1">1</definedName>
    <definedName name="_Regression_Out" localSheetId="7" hidden="1">#REF!</definedName>
    <definedName name="_Regression_Out" localSheetId="8" hidden="1">#REF!</definedName>
    <definedName name="_Regression_Out" localSheetId="9" hidden="1">#REF!</definedName>
    <definedName name="_Regression_Out" localSheetId="10" hidden="1">#REF!</definedName>
    <definedName name="_Regression_Out" localSheetId="11" hidden="1">#REF!</definedName>
    <definedName name="_Regression_Out" hidden="1">#REF!</definedName>
    <definedName name="_Regression_X" localSheetId="7" hidden="1">#REF!</definedName>
    <definedName name="_Regression_X" localSheetId="8" hidden="1">#REF!</definedName>
    <definedName name="_Regression_X" localSheetId="9" hidden="1">#REF!</definedName>
    <definedName name="_Regression_X" localSheetId="10" hidden="1">#REF!</definedName>
    <definedName name="_Regression_X" localSheetId="11" hidden="1">#REF!</definedName>
    <definedName name="_Regression_X" hidden="1">#REF!</definedName>
    <definedName name="_Regression_Y" localSheetId="7" hidden="1">#REF!</definedName>
    <definedName name="_Regression_Y" localSheetId="8" hidden="1">#REF!</definedName>
    <definedName name="_Regression_Y" localSheetId="9" hidden="1">#REF!</definedName>
    <definedName name="_Regression_Y" localSheetId="10" hidden="1">#REF!</definedName>
    <definedName name="_Regression_Y" localSheetId="11" hidden="1">#REF!</definedName>
    <definedName name="_Regression_Y" hidden="1">#REF!</definedName>
    <definedName name="_SON1">#REF!</definedName>
    <definedName name="_son2">#REF!</definedName>
    <definedName name="_SON3">#REF!</definedName>
    <definedName name="_Sort" localSheetId="7" hidden="1">#REF!</definedName>
    <definedName name="_Sort" localSheetId="8" hidden="1">#REF!</definedName>
    <definedName name="_Sort" localSheetId="9" hidden="1">#REF!</definedName>
    <definedName name="_Sort" localSheetId="10" hidden="1">#REF!</definedName>
    <definedName name="_Sort" localSheetId="11" hidden="1">#REF!</definedName>
    <definedName name="_Sort" hidden="1">#REF!</definedName>
    <definedName name="_SUB2">#REF!</definedName>
    <definedName name="_SUB3">#REF!</definedName>
    <definedName name="_SUB4">#REF!</definedName>
    <definedName name="_Table1_In1" localSheetId="7" hidden="1">#REF!</definedName>
    <definedName name="_Table1_In1" localSheetId="8" hidden="1">#REF!</definedName>
    <definedName name="_Table1_In1" localSheetId="9" hidden="1">#REF!</definedName>
    <definedName name="_Table1_In1" localSheetId="10" hidden="1">#REF!</definedName>
    <definedName name="_Table1_In1" localSheetId="11" hidden="1">#REF!</definedName>
    <definedName name="_Table1_In1" hidden="1">#REF!</definedName>
    <definedName name="_Table1_Out" localSheetId="7" hidden="1">#REF!</definedName>
    <definedName name="_Table1_Out" localSheetId="8" hidden="1">#REF!</definedName>
    <definedName name="_Table1_Out" localSheetId="9" hidden="1">#REF!</definedName>
    <definedName name="_Table1_Out" localSheetId="10" hidden="1">#REF!</definedName>
    <definedName name="_Table1_Out" localSheetId="11" hidden="1">#REF!</definedName>
    <definedName name="_Table1_Out" hidden="1">#REF!</definedName>
    <definedName name="_Table2_In1" localSheetId="7" hidden="1">#REF!</definedName>
    <definedName name="_Table2_In1" localSheetId="8" hidden="1">#REF!</definedName>
    <definedName name="_Table2_In1" localSheetId="9" hidden="1">#REF!</definedName>
    <definedName name="_Table2_In1" localSheetId="10" hidden="1">#REF!</definedName>
    <definedName name="_Table2_In1" localSheetId="11" hidden="1">#REF!</definedName>
    <definedName name="_Table2_In1" hidden="1">#REF!</definedName>
    <definedName name="_Table2_In2" localSheetId="7" hidden="1">#REF!</definedName>
    <definedName name="_Table2_In2" localSheetId="8" hidden="1">#REF!</definedName>
    <definedName name="_Table2_In2" localSheetId="9" hidden="1">#REF!</definedName>
    <definedName name="_Table2_In2" localSheetId="10" hidden="1">#REF!</definedName>
    <definedName name="_Table2_In2" localSheetId="11" hidden="1">#REF!</definedName>
    <definedName name="_Table2_In2" hidden="1">#REF!</definedName>
    <definedName name="_Table2_Out" localSheetId="7" hidden="1">#REF!</definedName>
    <definedName name="_Table2_Out" localSheetId="8" hidden="1">#REF!</definedName>
    <definedName name="_Table2_Out" localSheetId="9" hidden="1">#REF!</definedName>
    <definedName name="_Table2_Out" localSheetId="10" hidden="1">#REF!</definedName>
    <definedName name="_Table2_Out" localSheetId="11" hidden="1">#REF!</definedName>
    <definedName name="_Table2_Out" hidden="1">#REF!</definedName>
    <definedName name="_tan1">#REF!</definedName>
    <definedName name="_tan2">#REF!</definedName>
    <definedName name="_tan3">#REF!</definedName>
    <definedName name="_V1">#REF!</definedName>
    <definedName name="_V10">#REF!</definedName>
    <definedName name="_V11">#REF!</definedName>
    <definedName name="_V12">#REF!</definedName>
    <definedName name="_V13">#REF!</definedName>
    <definedName name="_V14">#REF!</definedName>
    <definedName name="_V15">#REF!</definedName>
    <definedName name="_V16">#REF!</definedName>
    <definedName name="_V17">#REF!</definedName>
    <definedName name="_V18">#REF!</definedName>
    <definedName name="_V19">#REF!</definedName>
    <definedName name="_V2">#REF!</definedName>
    <definedName name="_V20">#REF!</definedName>
    <definedName name="_V21">#REF!</definedName>
    <definedName name="_V22">#REF!</definedName>
    <definedName name="_V23">#REF!</definedName>
    <definedName name="_V24">#REF!</definedName>
    <definedName name="_V25">#REF!</definedName>
    <definedName name="_V26">#REF!</definedName>
    <definedName name="_V27">#REF!</definedName>
    <definedName name="_V28">#REF!</definedName>
    <definedName name="_V29">#REF!</definedName>
    <definedName name="_V3">#REF!</definedName>
    <definedName name="_V30">#REF!</definedName>
    <definedName name="_V31">#REF!</definedName>
    <definedName name="_V32">#REF!</definedName>
    <definedName name="_V33">#REF!</definedName>
    <definedName name="_V34">#REF!</definedName>
    <definedName name="_V35">#REF!</definedName>
    <definedName name="_V36">#REF!</definedName>
    <definedName name="_V37">#REF!</definedName>
    <definedName name="_V38">#REF!</definedName>
    <definedName name="_V4">#REF!</definedName>
    <definedName name="_V5">#REF!</definedName>
    <definedName name="_V6">#REF!</definedName>
    <definedName name="_V7">#REF!</definedName>
    <definedName name="_V8">#REF!</definedName>
    <definedName name="_V9">#REF!</definedName>
    <definedName name="\0">#REF!</definedName>
    <definedName name="\1">[13]諸経費計算表!$R$3:$AA$38</definedName>
    <definedName name="\11">[13]諸経費計算表!$R$3:$AA$38</definedName>
    <definedName name="￥1250">#REF!</definedName>
    <definedName name="￥1900">#REF!</definedName>
    <definedName name="\2">[13]諸経費計算表!$A$8:$F$65</definedName>
    <definedName name="\A">#REF!</definedName>
    <definedName name="\A1">#REF!</definedName>
    <definedName name="\AA">#REF!</definedName>
    <definedName name="\AAA">#REF!</definedName>
    <definedName name="\B">#REF!</definedName>
    <definedName name="\B1">#REF!</definedName>
    <definedName name="\C">#REF!</definedName>
    <definedName name="\C1">#REF!</definedName>
    <definedName name="\D">#REF!</definedName>
    <definedName name="\D1">#REF!</definedName>
    <definedName name="\E">#REF!</definedName>
    <definedName name="\E1">#REF!</definedName>
    <definedName name="\F">#REF!</definedName>
    <definedName name="\F1">#REF!</definedName>
    <definedName name="\FF">#REF!</definedName>
    <definedName name="\G">#REF!</definedName>
    <definedName name="\G1">#REF!</definedName>
    <definedName name="\GOTO">#REF!</definedName>
    <definedName name="\H">#REF!</definedName>
    <definedName name="\H1">#REF!</definedName>
    <definedName name="\I">#REF!</definedName>
    <definedName name="\I1">#REF!</definedName>
    <definedName name="\J">#REF!</definedName>
    <definedName name="\J1">#REF!</definedName>
    <definedName name="\K">#REF!</definedName>
    <definedName name="\K1">#REF!</definedName>
    <definedName name="\L">#REF!</definedName>
    <definedName name="\L1">#REF!</definedName>
    <definedName name="\M">#REF!</definedName>
    <definedName name="\M1">#REF!</definedName>
    <definedName name="\N">#REF!</definedName>
    <definedName name="\N1">#REF!</definedName>
    <definedName name="\O">#REF!</definedName>
    <definedName name="\O1">#REF!</definedName>
    <definedName name="\P">#REF!</definedName>
    <definedName name="\P1">#REF!</definedName>
    <definedName name="\pn">[13]諸経費計算表!$A$2</definedName>
    <definedName name="\Q">#REF!</definedName>
    <definedName name="\R">#REF!</definedName>
    <definedName name="\S">#REF!</definedName>
    <definedName name="\T">#REF!</definedName>
    <definedName name="\U">#REF!</definedName>
    <definedName name="\V">#REF!</definedName>
    <definedName name="\W">#REF!</definedName>
    <definedName name="\X">#REF!</definedName>
    <definedName name="\Y">#REF!</definedName>
    <definedName name="\Z">#REF!</definedName>
    <definedName name="￥あ">[14]土工!$D$2</definedName>
    <definedName name="\一覧表">#REF!</definedName>
    <definedName name="\印刷設定">#REF!</definedName>
    <definedName name="\印刷設定一">#REF!</definedName>
    <definedName name="A">#REF!</definedName>
    <definedName name="A_1">'[15]Ａ代価 '!$A$1:$K$65</definedName>
    <definedName name="Ａ_４">#REF!</definedName>
    <definedName name="Ａ_５">#REF!</definedName>
    <definedName name="A_アセチレン">#REF!</definedName>
    <definedName name="A_ガソリン">#REF!</definedName>
    <definedName name="A_プロパンガス">#REF!</definedName>
    <definedName name="A_軽油">#REF!</definedName>
    <definedName name="A_酸素">#REF!</definedName>
    <definedName name="A1_">[16]複１!#REF!</definedName>
    <definedName name="aa">[17]経費計算!#REF!</definedName>
    <definedName name="AAA">#REF!</definedName>
    <definedName name="AAAA">[0]!AAAA</definedName>
    <definedName name="aaaaa">[18]!Dialog3_ボタン2_Click</definedName>
    <definedName name="AAAAAAAAAAA">[19]!Dialog3_ボタン2_Click</definedName>
    <definedName name="AB">0.2</definedName>
    <definedName name="abc">#REF!</definedName>
    <definedName name="AC">#REF!</definedName>
    <definedName name="AccessDatabase" hidden="1">"C:\My Documents\キンニャモニャセンター計算集計1.mdb"</definedName>
    <definedName name="AD">#REF!</definedName>
    <definedName name="AE">#REF!</definedName>
    <definedName name="AF">#REF!</definedName>
    <definedName name="AG">#REF!</definedName>
    <definedName name="AH">#REF!</definedName>
    <definedName name="AI">#REF!</definedName>
    <definedName name="AIM">#REF!</definedName>
    <definedName name="AJ">#REF!</definedName>
    <definedName name="AN">#REF!</definedName>
    <definedName name="Anzen">[20]!Anzen</definedName>
    <definedName name="AnzenHyouji">[20]!AnzenHyouji</definedName>
    <definedName name="aqw">[0]!aqw</definedName>
    <definedName name="AS">#REF!</definedName>
    <definedName name="ASDVIUI">#REF!</definedName>
    <definedName name="AUTOEXEC">#REF!</definedName>
    <definedName name="awe">[0]!awe</definedName>
    <definedName name="B">#REF!</definedName>
    <definedName name="Ｂ_14">'[21]Ｂ代価 '!#REF!</definedName>
    <definedName name="B4OUT">#REF!</definedName>
    <definedName name="B5OUT">#REF!</definedName>
    <definedName name="BANGOU">#REF!</definedName>
    <definedName name="ｂｂ">[22]条件!$C$14</definedName>
    <definedName name="BG">#REF!</definedName>
    <definedName name="BUGAKE">#REF!</definedName>
    <definedName name="BUN">[3]歩・屋!$E$5:$T$16</definedName>
    <definedName name="Ｂの１">#REF!</definedName>
    <definedName name="Ｂの２">#REF!</definedName>
    <definedName name="Ｂの３">#REF!</definedName>
    <definedName name="Ｂの４">#REF!</definedName>
    <definedName name="Ｂの６">#REF!</definedName>
    <definedName name="B種">#REF!</definedName>
    <definedName name="Ｂ代価">#REF!</definedName>
    <definedName name="C_25">'[21]Ｃ代価(1)'!#REF!</definedName>
    <definedName name="C_26">#REF!</definedName>
    <definedName name="C_27">'[21]Ｃ代価(1)'!#REF!</definedName>
    <definedName name="C_28">'[21]Ｃ代価(1)'!#REF!</definedName>
    <definedName name="C_29">#REF!</definedName>
    <definedName name="C_30">'[21]Ｃ代価(1)'!#REF!</definedName>
    <definedName name="C_31">'[21]Ｃ代価(1)'!#REF!</definedName>
    <definedName name="Ｃ_32">'[21]Ｃ代価(1)'!#REF!</definedName>
    <definedName name="Ｃ_33">'[21]Ｃ代価(1)'!#REF!</definedName>
    <definedName name="Ｃ_34">'[21]Ｃ代価(1)'!#REF!</definedName>
    <definedName name="Ｃ_35">'[21]Ｃ代価(1)'!#REF!</definedName>
    <definedName name="Ｃ_36">'[21]Ｃ代価(1)'!#REF!</definedName>
    <definedName name="C0">#REF!</definedName>
    <definedName name="CC">#REF!</definedName>
    <definedName name="ｃｃｃｃｃｃ">[18]!ピクチャ5_Click</definedName>
    <definedName name="ｃｄ">'[23]３ページ'!$S$66</definedName>
    <definedName name="COUNTER">[24]表紙!#REF!</definedName>
    <definedName name="_xlnm.Criteria">#REF!</definedName>
    <definedName name="Criteria_MI">#REF!</definedName>
    <definedName name="CV3C2">[25]ｹｰﾌﾞﾙ計!#REF!</definedName>
    <definedName name="cv3c2_">[26]ｹｰﾌﾞﾙ労務!#REF!</definedName>
    <definedName name="CVVS2C2">[25]ｹｰﾌﾞﾙ計!#REF!</definedName>
    <definedName name="ｃｚ">#REF!</definedName>
    <definedName name="Ｃの１">#REF!</definedName>
    <definedName name="Ｃの１０">#REF!</definedName>
    <definedName name="Ｃの１１">#REF!</definedName>
    <definedName name="Ｃの１２">#REF!</definedName>
    <definedName name="Ｃの１３">#REF!</definedName>
    <definedName name="Ｃの１４">#REF!</definedName>
    <definedName name="Ｃの１５">#REF!</definedName>
    <definedName name="Ｃの１６">#REF!</definedName>
    <definedName name="Ｃの１７">#REF!</definedName>
    <definedName name="Ｃの１８">#REF!</definedName>
    <definedName name="Ｃの１９">#REF!</definedName>
    <definedName name="Ｃの２">#REF!</definedName>
    <definedName name="Ｃの２０">#REF!</definedName>
    <definedName name="Ｃの２１">#REF!</definedName>
    <definedName name="Ｃの２２">#REF!</definedName>
    <definedName name="Ｃの２３">#REF!</definedName>
    <definedName name="Ｃの２４">#REF!</definedName>
    <definedName name="Ｃの２５">#REF!</definedName>
    <definedName name="Ｃの２６">#REF!</definedName>
    <definedName name="Ｃの２７">#REF!</definedName>
    <definedName name="Ｃの２８">#REF!</definedName>
    <definedName name="Ｃの２９">#REF!</definedName>
    <definedName name="Ｃの３">#REF!</definedName>
    <definedName name="Ｃの３０">#REF!</definedName>
    <definedName name="Ｃの３１">#REF!</definedName>
    <definedName name="Ｃの３２">#REF!</definedName>
    <definedName name="Ｃの３３">#REF!</definedName>
    <definedName name="Ｃの３４">#REF!</definedName>
    <definedName name="Ｃの３５">#REF!</definedName>
    <definedName name="Ｃの３６">#REF!</definedName>
    <definedName name="Ｃの４">#REF!</definedName>
    <definedName name="Ｃの５">#REF!</definedName>
    <definedName name="Ｃの６">#REF!</definedName>
    <definedName name="Ｃの７">#REF!</definedName>
    <definedName name="Ｃの８">#REF!</definedName>
    <definedName name="Ｃの９">#REF!</definedName>
    <definedName name="Ｃ既存校舎">[27]内訳書!#REF!</definedName>
    <definedName name="C種">#REF!</definedName>
    <definedName name="Ｃ代価">#REF!</definedName>
    <definedName name="Ｃ代価表一覧表">#REF!</definedName>
    <definedName name="D">#REF!</definedName>
    <definedName name="DAIKA">#REF!</definedName>
    <definedName name="data">[28]一位代価!$A:$IV</definedName>
    <definedName name="data1">#REF!</definedName>
    <definedName name="data12">#REF!</definedName>
    <definedName name="data2">#REF!</definedName>
    <definedName name="data3">#REF!</definedName>
    <definedName name="data4">#REF!</definedName>
    <definedName name="_xlnm.Database">#REF!</definedName>
    <definedName name="Database_MI">#REF!</definedName>
    <definedName name="ｄｃ">[22]条件!$E$23</definedName>
    <definedName name="DD">#REF!</definedName>
    <definedName name="ddd">[12]!ピクチャ5_Click</definedName>
    <definedName name="dddd">[29]!Dialog3_ボタン2_Click</definedName>
    <definedName name="dddd3">[29]!Dialog3_ボタン2_Click</definedName>
    <definedName name="ｄｄｄｄｄ">[30]!ピクチャ5_Click</definedName>
    <definedName name="ddddd5">[29]!ピクチャ5_Click</definedName>
    <definedName name="DDDDDD">[31]!Dialog3_ボタン2_Click</definedName>
    <definedName name="ｄｆ">[22]条件!$C$24</definedName>
    <definedName name="Dialog3_ボタン2_Click">[32]!Dialog3_ボタン2_Click</definedName>
    <definedName name="DK">21000</definedName>
    <definedName name="DKT">19100</definedName>
    <definedName name="ＤＳ">#REF!</definedName>
    <definedName name="Dグランド照明">[27]内訳書!#REF!</definedName>
    <definedName name="e">[0]!e</definedName>
    <definedName name="EC">#REF!</definedName>
    <definedName name="ED">#REF!</definedName>
    <definedName name="EF">#REF!</definedName>
    <definedName name="EG">#REF!</definedName>
    <definedName name="Eizen">[20]!Eizen</definedName>
    <definedName name="EIZEN5" localSheetId="12" hidden="1">{"設定1",#N/A,FALSE,"第5号-1";"設定2",#N/A,FALSE,"第5号-1"}</definedName>
    <definedName name="EIZEN5" hidden="1">{"設定1",#N/A,FALSE,"第5号-1";"設定2",#N/A,FALSE,"第5号-1"}</definedName>
    <definedName name="EizenHyouji">[20]!EizenHyouji</definedName>
    <definedName name="EK">#REF!</definedName>
    <definedName name="end">#REF!</definedName>
    <definedName name="ES">#REF!</definedName>
    <definedName name="EV">#REF!</definedName>
    <definedName name="_xlnm.Extract">#REF!</definedName>
    <definedName name="Extract_MI">#REF!</definedName>
    <definedName name="F">#REF!</definedName>
    <definedName name="ｆｆ">[22]条件!$C$16</definedName>
    <definedName name="ｆｇ">[22]条件!$C$23</definedName>
    <definedName name="ｆｈ">[22]条件!$C$9</definedName>
    <definedName name="fhkjhyg">#REF!</definedName>
    <definedName name="FL">[3]歩・屋!$D$4:$D$43</definedName>
    <definedName name="FNA">#REF!</definedName>
    <definedName name="FOR総括表">#REF!</definedName>
    <definedName name="FROMV1">#REF!</definedName>
    <definedName name="FS">17200</definedName>
    <definedName name="G">#REF!</definedName>
    <definedName name="GenbaKanri">[20]!GenbaKanri</definedName>
    <definedName name="GenbaKanriHyouji">[20]!GenbaKanriHyouji</definedName>
    <definedName name="gggg">#REF!</definedName>
    <definedName name="gggggg">#REF!</definedName>
    <definedName name="ＧＴ">[3]歩・屋!$W$12</definedName>
    <definedName name="H">#REF!</definedName>
    <definedName name="hanni">#REF!</definedName>
    <definedName name="hdata12">#REF!</definedName>
    <definedName name="HH">#REF!</definedName>
    <definedName name="ｈｈｈ">[3]歩・屋!$W$13</definedName>
    <definedName name="HK">17902</definedName>
    <definedName name="HOKAN">#REF!</definedName>
    <definedName name="HS">0.2</definedName>
    <definedName name="HYOU">#REF!</definedName>
    <definedName name="HYOU1">#REF!</definedName>
    <definedName name="I">#REF!</definedName>
    <definedName name="IAS">#REF!</definedName>
    <definedName name="iii" localSheetId="12" hidden="1">{"設定1",#N/A,FALSE,"第5号-1";"設定2",#N/A,FALSE,"第5号-1"}</definedName>
    <definedName name="iii" hidden="1">{"設定1",#N/A,FALSE,"第5号-1";"設定2",#N/A,FALSE,"第5号-1"}</definedName>
    <definedName name="iii_1" localSheetId="12" hidden="1">{"設定1",#N/A,FALSE,"第5号-1";"設定2",#N/A,FALSE,"第5号-1"}</definedName>
    <definedName name="iii_1" hidden="1">{"設定1",#N/A,FALSE,"第5号-1";"設定2",#N/A,FALSE,"第5号-1"}</definedName>
    <definedName name="IN_KNN">#REF!</definedName>
    <definedName name="INPUT">#REF!</definedName>
    <definedName name="INPUT1">#REF!</definedName>
    <definedName name="INPUT2">#REF!</definedName>
    <definedName name="int">#REF!</definedName>
    <definedName name="IppanKanri">[20]!IppanKanri</definedName>
    <definedName name="IppanKanriHyouji">[20]!IppanKanriHyouji</definedName>
    <definedName name="J">#REF!</definedName>
    <definedName name="ｊｊ">[22]条件!$C$21</definedName>
    <definedName name="Junbi">[20]!Junbi</definedName>
    <definedName name="JunbiHyouji">[20]!JunbiHyouji</definedName>
    <definedName name="K">[0]!K</definedName>
    <definedName name="keihi2" localSheetId="7" hidden="1">#REF!</definedName>
    <definedName name="keihi2" localSheetId="8" hidden="1">#REF!</definedName>
    <definedName name="keihi2" localSheetId="9" hidden="1">#REF!</definedName>
    <definedName name="keihi2" localSheetId="10" hidden="1">#REF!</definedName>
    <definedName name="keihi2" localSheetId="11" hidden="1">#REF!</definedName>
    <definedName name="keihi2" hidden="1">#REF!</definedName>
    <definedName name="KH">22720</definedName>
    <definedName name="KHK">0</definedName>
    <definedName name="kk">[0]!kk</definedName>
    <definedName name="kkk">[33]入力一般管理!#REF!</definedName>
    <definedName name="kkkkk" localSheetId="12" hidden="1">{"設定1",#N/A,FALSE,"第5号-1";"設定2",#N/A,FALSE,"第5号-1"}</definedName>
    <definedName name="kkkkk" hidden="1">{"設定1",#N/A,FALSE,"第5号-1";"設定2",#N/A,FALSE,"第5号-1"}</definedName>
    <definedName name="kkkkk_1" localSheetId="12" hidden="1">{"設定1",#N/A,FALSE,"第5号-1";"設定2",#N/A,FALSE,"第5号-1"}</definedName>
    <definedName name="kkkkk_1" hidden="1">{"設定1",#N/A,FALSE,"第5号-1";"設定2",#N/A,FALSE,"第5号-1"}</definedName>
    <definedName name="KR">#REF!</definedName>
    <definedName name="KS">0.18</definedName>
    <definedName name="kt">0</definedName>
    <definedName name="kw計">#REF!</definedName>
    <definedName name="L">[0]!L</definedName>
    <definedName name="L3554Ｌ３０００">#REF!</definedName>
    <definedName name="LL">#REF!</definedName>
    <definedName name="LOOPN">[24]表紙!#REF!</definedName>
    <definedName name="LOOPS">[24]表紙!#REF!</definedName>
    <definedName name="LOOP入">[24]表紙!#REF!</definedName>
    <definedName name="LOOP抜">[24]表紙!#REF!</definedName>
    <definedName name="M">[0]!M</definedName>
    <definedName name="MENU">#REF!</definedName>
    <definedName name="MENUA">[24]表紙!#REF!</definedName>
    <definedName name="MENUB">[24]表紙!#REF!</definedName>
    <definedName name="MENUE">[24]表紙!#REF!</definedName>
    <definedName name="MENUP">[24]表紙!#REF!</definedName>
    <definedName name="MENUP2">[24]表紙!#REF!</definedName>
    <definedName name="MI">#REF!</definedName>
    <definedName name="ｍｊ">'[23]３ページ'!#REF!</definedName>
    <definedName name="mm">[34]表紙!#REF!</definedName>
    <definedName name="Module1.印刷">[0]!Module1.印刷</definedName>
    <definedName name="MP">17902</definedName>
    <definedName name="MT">2040</definedName>
    <definedName name="n">#REF!</definedName>
    <definedName name="NAIYOU">#REF!</definedName>
    <definedName name="NL">#REF!</definedName>
    <definedName name="NO.0_NO.9">#REF!</definedName>
    <definedName name="NO.105_NO.118">#REF!</definedName>
    <definedName name="NO.23_NO.37">#REF!</definedName>
    <definedName name="NO.37_NO.105">#REF!</definedName>
    <definedName name="NO.9_NO.23">#REF!</definedName>
    <definedName name="NV">'[35]代価表 '!$Z$2</definedName>
    <definedName name="O">[36]!ピクチャ5_Click</definedName>
    <definedName name="P">#REF!</definedName>
    <definedName name="Ｐ_11">#REF!</definedName>
    <definedName name="Ｐ_12">#REF!</definedName>
    <definedName name="Ｐ_13">#REF!</definedName>
    <definedName name="Ｐ_14">#REF!</definedName>
    <definedName name="Ｐ_15">#REF!</definedName>
    <definedName name="PAC費">#REF!</definedName>
    <definedName name="PBOX200">[25]ｹｰﾌﾞﾙ計!#REF!</definedName>
    <definedName name="PE管28">[25]ｹｰﾌﾞﾙ計!#REF!</definedName>
    <definedName name="PE管42">[25]ｹｰﾌﾞﾙ計!#REF!</definedName>
    <definedName name="PMI">#REF!</definedName>
    <definedName name="po">#REF!</definedName>
    <definedName name="PP">0.8</definedName>
    <definedName name="PR_KBN">#REF!</definedName>
    <definedName name="PR_MSG">#REF!</definedName>
    <definedName name="PRI">#REF!</definedName>
    <definedName name="PRINT">#REF!</definedName>
    <definedName name="_xlnm.Print_Area" localSheetId="7">'２号明細書 (機械)'!$A$1:$I$252</definedName>
    <definedName name="_xlnm.Print_Area" localSheetId="8">'３号明細書 (電気)'!$A$1:$I$675</definedName>
    <definedName name="_xlnm.Print_Area" localSheetId="9">'４号明細書 (運搬費) '!$A$1:$I$83</definedName>
    <definedName name="_xlnm.Print_Area" localSheetId="10">'５号明細書 (安全費) '!$A$1:$I$83</definedName>
    <definedName name="_xlnm.Print_Area" localSheetId="11">'６号明細書 (スクラップ) '!$A$1:$I$83</definedName>
    <definedName name="_xlnm.Print_Area" localSheetId="1">工事内訳書!$A$1:$M$55</definedName>
    <definedName name="_xlnm.Print_Area" localSheetId="12">施工条件明示一覧表!$A$1:$BI$162</definedName>
    <definedName name="_xlnm.Print_Area" localSheetId="2">内訳書!$A$1:$I$89</definedName>
    <definedName name="_xlnm.Print_Area">#REF!</definedName>
    <definedName name="PRINT_AREA_MI">[37]内訳書１!#REF!</definedName>
    <definedName name="Print_Area１">#REF!</definedName>
    <definedName name="Print_Area２">[38]消火栓材料表!#REF!</definedName>
    <definedName name="Print_Area3">#REF!</definedName>
    <definedName name="Print_Area4">#REF!</definedName>
    <definedName name="Print_Area5">#REF!</definedName>
    <definedName name="_xlnm.Print_Titles">#REF!</definedName>
    <definedName name="PRINT_TITLES_MI">#REF!</definedName>
    <definedName name="prn">#REF!</definedName>
    <definedName name="PT_11">#REF!</definedName>
    <definedName name="PT_12">#REF!</definedName>
    <definedName name="PT_13">#REF!</definedName>
    <definedName name="PT_14">#REF!</definedName>
    <definedName name="PT_15">#REF!</definedName>
    <definedName name="PT_16">#REF!</definedName>
    <definedName name="Q">#REF!</definedName>
    <definedName name="QD">#REF!</definedName>
    <definedName name="QH">#REF!</definedName>
    <definedName name="ｑｑ">'[23]３ページ'!$L$17</definedName>
    <definedName name="ｑｑｑｑｑ" localSheetId="12" hidden="1">{"設定1",#N/A,FALSE,"第5号-1";"設定2",#N/A,FALSE,"第5号-1"}</definedName>
    <definedName name="ｑｑｑｑｑ" hidden="1">{"設定1",#N/A,FALSE,"第5号-1";"設定2",#N/A,FALSE,"第5号-1"}</definedName>
    <definedName name="ｑｔ">'[39]２ページ'!#REF!</definedName>
    <definedName name="ｑｗ" localSheetId="12" hidden="1">{"設定1",#N/A,FALSE,"第5号-1";"設定2",#N/A,FALSE,"第5号-1"}</definedName>
    <definedName name="ｑｗ" hidden="1">{"設定1",#N/A,FALSE,"第5号-1";"設定2",#N/A,FALSE,"第5号-1"}</definedName>
    <definedName name="qwe">[0]!qwe</definedName>
    <definedName name="qwu" localSheetId="12" hidden="1">{"設定1",#N/A,FALSE,"第5号-1";"設定2",#N/A,FALSE,"第5号-1"}</definedName>
    <definedName name="qwu" hidden="1">{"設定1",#N/A,FALSE,"第5号-1";"設定2",#N/A,FALSE,"第5号-1"}</definedName>
    <definedName name="qwu_1" localSheetId="12" hidden="1">{"設定1",#N/A,FALSE,"第5号-1";"設定2",#N/A,FALSE,"第5号-1"}</definedName>
    <definedName name="qwu_1" hidden="1">{"設定1",#N/A,FALSE,"第5号-1";"設定2",#N/A,FALSE,"第5号-1"}</definedName>
    <definedName name="ｑｙ">'[39]２ページ'!#REF!</definedName>
    <definedName name="R_ガラス工">#REF!</definedName>
    <definedName name="R_サッシ工">#REF!</definedName>
    <definedName name="R_タイル工">#REF!</definedName>
    <definedName name="R_ダクト工">#REF!</definedName>
    <definedName name="R_とび工">#REF!</definedName>
    <definedName name="R_はつり工">#REF!</definedName>
    <definedName name="R_ブロック工">#REF!</definedName>
    <definedName name="R_運転手_一般_">#REF!</definedName>
    <definedName name="R_運転手_特殊_">#REF!</definedName>
    <definedName name="R_屋根ふき工">#REF!</definedName>
    <definedName name="R_型枠工">#REF!</definedName>
    <definedName name="R_軽作業員">#REF!</definedName>
    <definedName name="R_建具工">#REF!</definedName>
    <definedName name="R_建築ブロック">#REF!</definedName>
    <definedName name="R_工場派遣作業">#REF!</definedName>
    <definedName name="R_左官">#REF!</definedName>
    <definedName name="R_石工">#REF!</definedName>
    <definedName name="R_設備機械工">#REF!</definedName>
    <definedName name="R_造園工">#REF!</definedName>
    <definedName name="R_大工">#REF!</definedName>
    <definedName name="R_鉄筋工">#REF!</definedName>
    <definedName name="R_鉄骨工">#REF!</definedName>
    <definedName name="R_電工">#REF!</definedName>
    <definedName name="R_塗装工">#REF!</definedName>
    <definedName name="R_土木一般世話">#REF!</definedName>
    <definedName name="R_特殊作業員">#REF!</definedName>
    <definedName name="R_内装工">#REF!</definedName>
    <definedName name="R_配管工">#REF!</definedName>
    <definedName name="R_板金工">#REF!</definedName>
    <definedName name="R_普通作業員">#REF!</definedName>
    <definedName name="R_保温工">#REF!</definedName>
    <definedName name="R_法面工">#REF!</definedName>
    <definedName name="R_防水工">#REF!</definedName>
    <definedName name="R_溶接工">#REF!</definedName>
    <definedName name="RE">#REF!</definedName>
    <definedName name="Record1">[0]!Record1</definedName>
    <definedName name="Record12">[0]!Record12</definedName>
    <definedName name="Record2">[0]!Record2</definedName>
    <definedName name="RENP">#REF!</definedName>
    <definedName name="RF">#REF!</definedName>
    <definedName name="ro">'[3]拾・幹線(屋)'!$O$10</definedName>
    <definedName name="rr">[40]!Dialog3_ボタン2_Click</definedName>
    <definedName name="RS">#REF!</definedName>
    <definedName name="RUM">#REF!</definedName>
    <definedName name="RV">#REF!</definedName>
    <definedName name="s">#REF!</definedName>
    <definedName name="sa">'[39]３ページ'!#REF!</definedName>
    <definedName name="SAB">#REF!</definedName>
    <definedName name="SCV">#REF!</definedName>
    <definedName name="sk">'[23]３ページ'!#REF!</definedName>
    <definedName name="SKｿｹｯﾄφ20">#REF!</definedName>
    <definedName name="SKｿｹｯﾄφ40">#REF!</definedName>
    <definedName name="smif">[41]機器等据付工!#REF!</definedName>
    <definedName name="SONI">#REF!</definedName>
    <definedName name="SONO">#REF!</definedName>
    <definedName name="SPK">17940</definedName>
    <definedName name="SQRT">#REF!</definedName>
    <definedName name="ｓｒ">[14]土工!#REF!</definedName>
    <definedName name="SUB">#REF!</definedName>
    <definedName name="SUS屋内">#REF!</definedName>
    <definedName name="SUS据付">#REF!</definedName>
    <definedName name="ｔ">[0]!ｔ</definedName>
    <definedName name="TANKA">'[42]H15年度4月-企業庁・県建設部単価表'!$A$5:$H$490</definedName>
    <definedName name="TF">#REF!</definedName>
    <definedName name="to">'[3]拾・幹線(屋)'!$O$14</definedName>
    <definedName name="TORA">'[3]#REF'!$C$5:$S$38</definedName>
    <definedName name="TPAJI">#REF!</definedName>
    <definedName name="TS">20800</definedName>
    <definedName name="T区">#REF!</definedName>
    <definedName name="U">[0]!U</definedName>
    <definedName name="UG">#REF!</definedName>
    <definedName name="UHY">#REF!</definedName>
    <definedName name="Unnpan">[20]!Unnpan</definedName>
    <definedName name="V">#REF!</definedName>
    <definedName name="ｖｆ">'[23]３ページ'!#REF!</definedName>
    <definedName name="VNJ">#REF!</definedName>
    <definedName name="VP.VU据付">#REF!</definedName>
    <definedName name="VU屋内">#REF!</definedName>
    <definedName name="ｖｖ">[43]条件!$C$6</definedName>
    <definedName name="W">#REF!</definedName>
    <definedName name="WA">#REF!</definedName>
    <definedName name="WIR_D_34">#REF!</definedName>
    <definedName name="wrn.REP1." localSheetId="12" hidden="1">{"設定1",#N/A,FALSE,"第5号-1";"設定2",#N/A,FALSE,"第5号-1"}</definedName>
    <definedName name="wrn.REP1." hidden="1">{"設定1",#N/A,FALSE,"第5号-1";"設定2",#N/A,FALSE,"第5号-1"}</definedName>
    <definedName name="wrn.REP1._1" localSheetId="12" hidden="1">{"設定1",#N/A,FALSE,"第5号-1";"設定2",#N/A,FALSE,"第5号-1"}</definedName>
    <definedName name="wrn.REP1._1" hidden="1">{"設定1",#N/A,FALSE,"第5号-1";"設定2",#N/A,FALSE,"第5号-1"}</definedName>
    <definedName name="wrn.REP2" localSheetId="12" hidden="1">{"設定1",#N/A,FALSE,"第5号-1";"設定2",#N/A,FALSE,"第5号-1"}</definedName>
    <definedName name="wrn.REP2" hidden="1">{"設定1",#N/A,FALSE,"第5号-1";"設定2",#N/A,FALSE,"第5号-1"}</definedName>
    <definedName name="wrn.REP2_1" localSheetId="12" hidden="1">{"設定1",#N/A,FALSE,"第5号-1";"設定2",#N/A,FALSE,"第5号-1"}</definedName>
    <definedName name="wrn.REP2_1" hidden="1">{"設定1",#N/A,FALSE,"第5号-1";"設定2",#N/A,FALSE,"第5号-1"}</definedName>
    <definedName name="wrn.レポート." hidden="1">{#N/A,#N/A,FALSE,"内訳"}</definedName>
    <definedName name="wrn.機械代価表１０１から." localSheetId="12" hidden="1">{#N/A,#N/A,FALSE,"AM-101";#N/A,#N/A,FALSE,"AM-102";#N/A,#N/A,FALSE,"AM-103";#N/A,#N/A,FALSE,"AM-104";#N/A,#N/A,FALSE,"AM-105";#N/A,#N/A,FALSE,"AM-106";#N/A,#N/A,FALSE,"AM-107";#N/A,#N/A,FALSE,"AM-108";#N/A,#N/A,FALSE,"AM-109";#N/A,#N/A,FALSE,"AM-110";#N/A,#N/A,FALSE,"AM-111";#N/A,#N/A,FALSE,"AM-112";#N/A,#N/A,FALSE,"AM-113"}</definedName>
    <definedName name="wrn.機械代価表１０１から." hidden="1">{#N/A,#N/A,FALSE,"AM-101";#N/A,#N/A,FALSE,"AM-102";#N/A,#N/A,FALSE,"AM-103";#N/A,#N/A,FALSE,"AM-104";#N/A,#N/A,FALSE,"AM-105";#N/A,#N/A,FALSE,"AM-106";#N/A,#N/A,FALSE,"AM-107";#N/A,#N/A,FALSE,"AM-108";#N/A,#N/A,FALSE,"AM-109";#N/A,#N/A,FALSE,"AM-110";#N/A,#N/A,FALSE,"AM-111";#N/A,#N/A,FALSE,"AM-112";#N/A,#N/A,FALSE,"AM-113"}</definedName>
    <definedName name="wrn.機械代価表１から２０." localSheetId="12"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１から２０."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２１から４０." localSheetId="12"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２１から４０."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４１から６０." localSheetId="12"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４１から６０."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６１から８０." localSheetId="12"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６１から８０."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８１から１００." localSheetId="12"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機械代価表８１から１００."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出張所改築工事." localSheetId="12"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出張所改築工事."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上清水開削４." localSheetId="12"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代価表１０１から." localSheetId="12" hidden="1">{#N/A,#N/A,FALSE,"AM-101";#N/A,#N/A,FALSE,"AM-102";#N/A,#N/A,FALSE,"AM-103";#N/A,#N/A,FALSE,"AM-104";#N/A,#N/A,FALSE,"AM-105";#N/A,#N/A,FALSE,"AM-106";#N/A,#N/A,FALSE,"AM-107";#N/A,#N/A,FALSE,"AM-108";#N/A,#N/A,FALSE,"AM-109";#N/A,#N/A,FALSE,"AM-110";#N/A,#N/A,FALSE,"AM-111";#N/A,#N/A,FALSE,"AM-112";#N/A,#N/A,FALSE,"AM-113"}</definedName>
    <definedName name="wrn.代価表１０１から." hidden="1">{#N/A,#N/A,FALSE,"AM-101";#N/A,#N/A,FALSE,"AM-102";#N/A,#N/A,FALSE,"AM-103";#N/A,#N/A,FALSE,"AM-104";#N/A,#N/A,FALSE,"AM-105";#N/A,#N/A,FALSE,"AM-106";#N/A,#N/A,FALSE,"AM-107";#N/A,#N/A,FALSE,"AM-108";#N/A,#N/A,FALSE,"AM-109";#N/A,#N/A,FALSE,"AM-110";#N/A,#N/A,FALSE,"AM-111";#N/A,#N/A,FALSE,"AM-112";#N/A,#N/A,FALSE,"AM-113"}</definedName>
    <definedName name="wrn.代価表１から２０." localSheetId="12"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１から２０."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２１から４０." localSheetId="12"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２１から４０."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４１から６０." localSheetId="12"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４１から６０."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６１から８０." localSheetId="12"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６１から８０."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８１から１００." localSheetId="12"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代価表８１から１００."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内訳書." localSheetId="12" hidden="1">{#N/A,#N/A,FALSE,"表紙";#N/A,#N/A,FALSE,"内訳表";#N/A,#N/A,FALSE,"経費計算書"}</definedName>
    <definedName name="wrn.内訳書." hidden="1">{#N/A,#N/A,FALSE,"表紙";#N/A,#N/A,FALSE,"内訳表";#N/A,#N/A,FALSE,"経費計算書"}</definedName>
    <definedName name="wrn.内訳書建築機械." localSheetId="12" hidden="1">{#N/A,#N/A,FALSE,"表紙";#N/A,#N/A,FALSE,"内訳表";#N/A,#N/A,FALSE,"内訳表 (2)";#N/A,#N/A,FALSE,"経費計算書"}</definedName>
    <definedName name="wrn.内訳書建築機械." hidden="1">{#N/A,#N/A,FALSE,"表紙";#N/A,#N/A,FALSE,"内訳表";#N/A,#N/A,FALSE,"内訳表 (2)";#N/A,#N/A,FALSE,"経費計算書"}</definedName>
    <definedName name="wrn.明細書建築機械." localSheetId="12"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機械."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電気." localSheetId="12"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wrn.明細書建築電気."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ｗｓ">[44]Code!#REF!</definedName>
    <definedName name="ｗｗ">'[39]３ページ'!#REF!</definedName>
    <definedName name="X">#REF!</definedName>
    <definedName name="XC">#REF!</definedName>
    <definedName name="XMIN">#REF!</definedName>
    <definedName name="ｘｘ">[22]条件!$C$11</definedName>
    <definedName name="Y">[0]!Y</definedName>
    <definedName name="Yusou">[20]!Yusou</definedName>
    <definedName name="YusouHyouji">[20]!YusouHyouji</definedName>
    <definedName name="ｙｙ">[24]表紙!#REF!</definedName>
    <definedName name="ｙｙｙ">#REF!</definedName>
    <definedName name="Z">#REF!</definedName>
    <definedName name="ZAI">#REF!</definedName>
    <definedName name="ZAT1">#REF!</definedName>
    <definedName name="zat2">#REF!</definedName>
    <definedName name="ZAT3">#REF!</definedName>
    <definedName name="ZX">[45]!ピクチャ5_Click</definedName>
    <definedName name="Z一般管理費">#REF!</definedName>
    <definedName name="Z一般管理費1">#REF!</definedName>
    <definedName name="Z一般管理費2">#REF!</definedName>
    <definedName name="Z一般管理費3">#REF!</definedName>
    <definedName name="Z一般労務費">#REF!</definedName>
    <definedName name="Z一般労務費1">#REF!</definedName>
    <definedName name="Z一般労務費2">#REF!</definedName>
    <definedName name="Z一般労務費3">#REF!</definedName>
    <definedName name="Z間接工事費">#REF!</definedName>
    <definedName name="Z間接工事費1">#REF!</definedName>
    <definedName name="Z間接工事費2">#REF!</definedName>
    <definedName name="Z間接工事費3">#REF!</definedName>
    <definedName name="Z機械経費">#REF!</definedName>
    <definedName name="Z機械経費1">#REF!</definedName>
    <definedName name="Z機械経費2">#REF!</definedName>
    <definedName name="Z機械経費3">#REF!</definedName>
    <definedName name="Z機器費">#REF!</definedName>
    <definedName name="Z機器費1">#REF!</definedName>
    <definedName name="Z機器費2">#REF!</definedName>
    <definedName name="Z機器費3">#REF!</definedName>
    <definedName name="Z技術費">#REF!</definedName>
    <definedName name="Z技術費1">#REF!</definedName>
    <definedName name="Z技術費2">#REF!</definedName>
    <definedName name="Z技術費3">#REF!</definedName>
    <definedName name="Z共通仮設費">#REF!</definedName>
    <definedName name="Z共通仮設費1">#REF!</definedName>
    <definedName name="Z共通仮設費2">#REF!</definedName>
    <definedName name="Z共通仮設費3">#REF!</definedName>
    <definedName name="Z現場間接費">#REF!</definedName>
    <definedName name="Z現場間接費1">#REF!</definedName>
    <definedName name="Z現場間接費2">#REF!</definedName>
    <definedName name="Z現場間接費3">#REF!</definedName>
    <definedName name="Z工事価格">#REF!</definedName>
    <definedName name="Z工事価格1">#REF!</definedName>
    <definedName name="Z工事価格2">#REF!</definedName>
    <definedName name="Z工事価格3">#REF!</definedName>
    <definedName name="Z工事原価">#REF!</definedName>
    <definedName name="Z工事原価1">#REF!</definedName>
    <definedName name="Z工事原価2">#REF!</definedName>
    <definedName name="Z工事原価3">#REF!</definedName>
    <definedName name="Z工派計">#REF!</definedName>
    <definedName name="Z工派計1">#REF!</definedName>
    <definedName name="Z工派計2">#REF!</definedName>
    <definedName name="Z工派計3">#REF!</definedName>
    <definedName name="Z工派試験">#REF!</definedName>
    <definedName name="Z工派試験1">#REF!</definedName>
    <definedName name="Z工派試験2">#REF!</definedName>
    <definedName name="Z工派試験3">#REF!</definedName>
    <definedName name="Z工派据付">#REF!</definedName>
    <definedName name="Z工派据付1">#REF!</definedName>
    <definedName name="Z工派据付2">#REF!</definedName>
    <definedName name="Z工派据付3">#REF!</definedName>
    <definedName name="Z材料費">#REF!</definedName>
    <definedName name="Z材料費1">#REF!</definedName>
    <definedName name="Z材料費2">#REF!</definedName>
    <definedName name="Z材料費3">#REF!</definedName>
    <definedName name="Z試運転費">#REF!</definedName>
    <definedName name="Z試運転費1">#REF!</definedName>
    <definedName name="Z試運転費2">#REF!</definedName>
    <definedName name="Z試運転費3">#REF!</definedName>
    <definedName name="Z純工事">#REF!</definedName>
    <definedName name="Z純工事1">#REF!</definedName>
    <definedName name="Z純工事2">#REF!</definedName>
    <definedName name="Z純工事3">#REF!</definedName>
    <definedName name="Z水道光熱">#REF!</definedName>
    <definedName name="Z水道光熱1">#REF!</definedName>
    <definedName name="Z水道光熱2">#REF!</definedName>
    <definedName name="Z水道光熱3">#REF!</definedName>
    <definedName name="Z据付間接費">#REF!</definedName>
    <definedName name="Z据付間接費1">#REF!</definedName>
    <definedName name="Z据付間接費2">#REF!</definedName>
    <definedName name="Z据付間接費3">#REF!</definedName>
    <definedName name="Z据付工間接">#REF!</definedName>
    <definedName name="Z据付工間接1">#REF!</definedName>
    <definedName name="Z据付工間接2">#REF!</definedName>
    <definedName name="Z据付工間接3">#REF!</definedName>
    <definedName name="Z据付費">#REF!</definedName>
    <definedName name="Z据付費1">#REF!</definedName>
    <definedName name="Z据付費2">#REF!</definedName>
    <definedName name="Z据付費3">#REF!</definedName>
    <definedName name="Z組合せ試験">#REF!</definedName>
    <definedName name="Z組合せ試験1">#REF!</definedName>
    <definedName name="Z組合せ試験2">#REF!</definedName>
    <definedName name="Z組合せ試験3">#REF!</definedName>
    <definedName name="Z総合試運転">#REF!</definedName>
    <definedName name="Z総合試運転1">#REF!</definedName>
    <definedName name="Z総合試運転2">#REF!</definedName>
    <definedName name="Z総合試運転3">#REF!</definedName>
    <definedName name="Z直工">#REF!</definedName>
    <definedName name="Z直工1">#REF!</definedName>
    <definedName name="Z直工2">#REF!</definedName>
    <definedName name="Z直工3">#REF!</definedName>
    <definedName name="Z直接経費">#REF!</definedName>
    <definedName name="Z直接経費1">#REF!</definedName>
    <definedName name="Z直接経費2">#REF!</definedName>
    <definedName name="Z直接経費3">#REF!</definedName>
    <definedName name="Z直接材料費">#REF!</definedName>
    <definedName name="Z直接材料費1">#REF!</definedName>
    <definedName name="Z直接材料費2">#REF!</definedName>
    <definedName name="Z直接材料費3">#REF!</definedName>
    <definedName name="Z直接労務費">#REF!</definedName>
    <definedName name="Z直接労務費1">#REF!</definedName>
    <definedName name="Z直接労務費2">#REF!</definedName>
    <definedName name="Z直接労務費3">#REF!</definedName>
    <definedName name="Z特許使用料">#REF!</definedName>
    <definedName name="Z特許使用料1">#REF!</definedName>
    <definedName name="Z特許使用料2">#REF!</definedName>
    <definedName name="Z特許使用料3">#REF!</definedName>
    <definedName name="Z複合工費">#REF!</definedName>
    <definedName name="Z複合工費1">#REF!</definedName>
    <definedName name="Z複合工費2">#REF!</definedName>
    <definedName name="Z複合工費3">#REF!</definedName>
    <definedName name="Z補助材料費">#REF!</definedName>
    <definedName name="Z補助材料費1">#REF!</definedName>
    <definedName name="Z補助材料費2">#REF!</definedName>
    <definedName name="Z補助材料費3">#REF!</definedName>
    <definedName name="Z輸送費">#REF!</definedName>
    <definedName name="Z輸送費1">#REF!</definedName>
    <definedName name="Z輸送費2">#REF!</definedName>
    <definedName name="Z輸送費3">#REF!</definedName>
    <definedName name="φ50本設配管">[46]!φ50本設配管</definedName>
    <definedName name="ア">[47]表紙!#REF!</definedName>
    <definedName name="あ">[0]!あ</definedName>
    <definedName name="あ1">#REF!</definedName>
    <definedName name="ああ">#REF!</definedName>
    <definedName name="あああ">[0]!あああ</definedName>
    <definedName name="ああああ">#REF!</definedName>
    <definedName name="あああああ" localSheetId="7" hidden="1">#REF!</definedName>
    <definedName name="あああああ" localSheetId="8" hidden="1">#REF!</definedName>
    <definedName name="あああああ" localSheetId="9" hidden="1">#REF!</definedName>
    <definedName name="あああああ" localSheetId="10" hidden="1">#REF!</definedName>
    <definedName name="あああああ" localSheetId="11" hidden="1">#REF!</definedName>
    <definedName name="あああああ" hidden="1">#REF!</definedName>
    <definedName name="ああああああ">[47]表紙!#REF!</definedName>
    <definedName name="あい">[0]!あい</definedName>
    <definedName name="ｱｽﾌｧﾙﾄ乳剤PK3">#REF!</definedName>
    <definedName name="ｱｾﾁﾚﾝ">#REF!</definedName>
    <definedName name="い">[0]!い</definedName>
    <definedName name="いい">'[23]３ページ'!$L$9</definedName>
    <definedName name="いいいい">[48]!Anzen</definedName>
    <definedName name="いらない列1">#REF!</definedName>
    <definedName name="いらない列2">#REF!</definedName>
    <definedName name="う">[0]!う</definedName>
    <definedName name="うう">'[23]２ページ'!$I$36</definedName>
    <definedName name="ううう">#REF!</definedName>
    <definedName name="うううう">#REF!</definedName>
    <definedName name="うぇ">[0]!うぇ</definedName>
    <definedName name="え">[49]!Dialog3_ボタン2_Click</definedName>
    <definedName name="ええ">'[23]３ページ'!$G$16</definedName>
    <definedName name="えええ" localSheetId="7" hidden="1">#REF!</definedName>
    <definedName name="えええ" localSheetId="8" hidden="1">#REF!</definedName>
    <definedName name="えええ" localSheetId="9" hidden="1">#REF!</definedName>
    <definedName name="えええ" localSheetId="10" hidden="1">#REF!</definedName>
    <definedName name="えええ" localSheetId="11" hidden="1">#REF!</definedName>
    <definedName name="えええ" hidden="1">#REF!</definedName>
    <definedName name="ｴﾙﾎﾞφ20">#REF!</definedName>
    <definedName name="ｴﾙﾎﾞφ25">#REF!</definedName>
    <definedName name="ｴﾙﾎﾞφ40">#REF!</definedName>
    <definedName name="お">[0]!お</definedName>
    <definedName name="おお">'[23]１ページ'!$J$58</definedName>
    <definedName name="ガス">#REF!</definedName>
    <definedName name="ｶﾞｽPS">#REF!</definedName>
    <definedName name="ガス給湯器">[3]歩・屋!$W$10</definedName>
    <definedName name="ｶﾞｿﾘﾝ">#REF!</definedName>
    <definedName name="ｶｯﾀｰﾌﾞﾚｰﾄﾞ30">#REF!</definedName>
    <definedName name="ｶｯﾀｰﾌﾞﾚｰﾄﾞ40">#REF!</definedName>
    <definedName name="ｶｯﾀｰﾌﾞﾚｰﾄﾞ55">#REF!</definedName>
    <definedName name="ｶｯﾀｰﾌﾞﾚｰﾄﾞ60">#REF!</definedName>
    <definedName name="ｶｯﾀｰ運転30㎝">#REF!</definedName>
    <definedName name="ｶｯﾀｰ運転40㎝">#REF!</definedName>
    <definedName name="ｶﾞﾗｽ工">#REF!</definedName>
    <definedName name="ガラス工２">[50]府県別労務!$C$50</definedName>
    <definedName name="き">[0]!き</definedName>
    <definedName name="く">'[39]３ページ'!#REF!</definedName>
    <definedName name="くうちょう">#REF!</definedName>
    <definedName name="くぇ">[0]!くぇ</definedName>
    <definedName name="グランド照明">[27]内訳書!#REF!</definedName>
    <definedName name="ｸﾚｰﾝ付ﾄﾗｯｸ運転2.9t">#REF!</definedName>
    <definedName name="ｸﾛｽ集計範囲">#REF!</definedName>
    <definedName name="ケーブル電線類">#REF!</definedName>
    <definedName name="ｺｰﾄﾞ">'[42]H15年度4月-企業庁・県建設部単価表'!$A$5:$A$490</definedName>
    <definedName name="ｺﾝｸﾘｰﾄ混和剤">#REF!</definedName>
    <definedName name="ｺﾝﾏ小数点">#REF!</definedName>
    <definedName name="さ" localSheetId="12"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さ"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さく岩工">#REF!</definedName>
    <definedName name="ささＳ">#REF!</definedName>
    <definedName name="さし">[0]!さし</definedName>
    <definedName name="サッシ工">#REF!</definedName>
    <definedName name="ｻﾄﾞﾙ分水栓φ150×φ20">#REF!</definedName>
    <definedName name="ｻﾄﾞﾙ分水栓φ150×φ25">#REF!</definedName>
    <definedName name="ｻﾄﾞﾙ分水栓φ150×φ40">#REF!</definedName>
    <definedName name="ｻﾄﾞﾙ分水栓φ75×φ20">#REF!</definedName>
    <definedName name="ｻﾝﾀﾞｰｽﾄｰﾝ">#REF!</definedName>
    <definedName name="じょ">'[3]#REF'!$U$1:$AK$2</definedName>
    <definedName name="ｽﾞｰﾑ">[5]仮設躯体!$A$2:$I$21</definedName>
    <definedName name="スコアボード比較">#REF!</definedName>
    <definedName name="スタイル">#REF!</definedName>
    <definedName name="スタンション">[51]!Dialog3_ボタン2_Click</definedName>
    <definedName name="すてん溶接工">#REF!</definedName>
    <definedName name="ｿｹｯﾄφ20">#REF!</definedName>
    <definedName name="ｿｹｯﾄφ25">#REF!</definedName>
    <definedName name="ｿｹｯﾄφ25×φ20">#REF!</definedName>
    <definedName name="ｿｹｯﾄφ40">#REF!</definedName>
    <definedName name="その他" localSheetId="12" hidden="1">{"設定1",#N/A,FALSE,"第5号-1";"設定2",#N/A,FALSE,"第5号-1"}</definedName>
    <definedName name="その他" hidden="1">{"設定1",#N/A,FALSE,"第5号-1";"設定2",#N/A,FALSE,"第5号-1"}</definedName>
    <definedName name="その他器具">#REF!</definedName>
    <definedName name="た">[0]!た</definedName>
    <definedName name="だいＫ">[52]表紙!#REF!</definedName>
    <definedName name="ﾀｲﾄﾙ行">#REF!</definedName>
    <definedName name="タイル" localSheetId="12" hidden="1">{"設定1",#N/A,FALSE,"第5号-1";"設定2",#N/A,FALSE,"第5号-1"}</definedName>
    <definedName name="タイル" hidden="1">{"設定1",#N/A,FALSE,"第5号-1";"設定2",#N/A,FALSE,"第5号-1"}</definedName>
    <definedName name="タイル１" localSheetId="12" hidden="1">{"設定1",#N/A,FALSE,"第5号-1";"設定2",#N/A,FALSE,"第5号-1"}</definedName>
    <definedName name="タイル１" hidden="1">{"設定1",#N/A,FALSE,"第5号-1";"設定2",#N/A,FALSE,"第5号-1"}</definedName>
    <definedName name="タイル工">#REF!</definedName>
    <definedName name="たか">#REF!</definedName>
    <definedName name="ダク">[53]明細!#REF!</definedName>
    <definedName name="ダクタイル鋳鉄管">#REF!</definedName>
    <definedName name="ダクト">[53]明細!#REF!</definedName>
    <definedName name="ダクト工">#REF!</definedName>
    <definedName name="ﾀﾝﾊﾟｰ運転舗装用">#REF!</definedName>
    <definedName name="ﾀﾝﾊﾟｰ運転埋戻用">#REF!</definedName>
    <definedName name="ﾀﾝﾊﾟｰ運転路盤用">#REF!</definedName>
    <definedName name="ﾀﾞﾝﾌﾟﾄﾗｯｸ11t車">#REF!</definedName>
    <definedName name="ﾀﾞﾝﾌﾟﾄﾗｯｸ4t車">#REF!</definedName>
    <definedName name="ﾁｰｽﾞφ25×φ20">#REF!</definedName>
    <definedName name="ﾁｰｽﾞφ40×φ20">#REF!</definedName>
    <definedName name="っｄ">'[23]１ページ'!$F$8</definedName>
    <definedName name="っｆ">'[23]容計（ﾕﾆｯﾄ）'!$F$33</definedName>
    <definedName name="っｇ">'[23]３ページ'!#REF!</definedName>
    <definedName name="っｈ">'[23]１ページ'!$F$11</definedName>
    <definedName name="っｊ">'[23]３ページ'!#REF!</definedName>
    <definedName name="っｋ">'[23]１ページ'!$F$9</definedName>
    <definedName name="っｌ">'[23]３ページ'!$S$68</definedName>
    <definedName name="っｐ">'[23]３ページ'!$S$56</definedName>
    <definedName name="っｒ">'[23]３ページ'!$G$16</definedName>
    <definedName name="っｓ">'[23]１ページ'!$F$10</definedName>
    <definedName name="っｔ">'[23]３ページ'!$S$54</definedName>
    <definedName name="っｗ">'[23]３ページ'!$G$16</definedName>
    <definedName name="っｙ">'[23]２ページ'!$I$36</definedName>
    <definedName name="データ">#REF!</definedName>
    <definedName name="データ2">#REF!</definedName>
    <definedName name="データー">#REF!</definedName>
    <definedName name="テスト">[0]!テスト</definedName>
    <definedName name="テスト１">[0]!テスト１</definedName>
    <definedName name="てすと１">[0]!てすと１</definedName>
    <definedName name="テスト２">[0]!テスト２</definedName>
    <definedName name="てすと２">[0]!てすと２</definedName>
    <definedName name="テスト３">[0]!テスト３</definedName>
    <definedName name="てすと３">[0]!てすと３</definedName>
    <definedName name="テスト４">[0]!テスト４</definedName>
    <definedName name="てすと８">[0]!てすと８</definedName>
    <definedName name="てなにん">[54]!Dialog3_ボタン2_Click</definedName>
    <definedName name="テレビ">[0]!テレビ</definedName>
    <definedName name="とび工">#REF!</definedName>
    <definedName name="ﾄﾗｯｸ">'[3]#REF'!$K$1</definedName>
    <definedName name="ﾄﾗｯｸｸﾚｰﾝ運転4.8_4.9t">#REF!</definedName>
    <definedName name="ﾄﾗｯｸｸﾚｰﾝ賃料4.9t">#REF!</definedName>
    <definedName name="ﾄﾗｯｸ運転2t">#REF!</definedName>
    <definedName name="ﾄﾗｯｸ運転3_3.5t">#REF!</definedName>
    <definedName name="トンネル作業員">#REF!</definedName>
    <definedName name="トンネル世話役">#REF!</definedName>
    <definedName name="トンネル特殊工">#REF!</definedName>
    <definedName name="パターン1">#REF!</definedName>
    <definedName name="ﾊﾞｯｸﾎｳ0.1・">#REF!</definedName>
    <definedName name="ﾊﾞｯｸﾎｳ0.2">#REF!</definedName>
    <definedName name="ﾊﾞｯｸﾎｳ0.35">#REF!</definedName>
    <definedName name="ハツリ">#REF!</definedName>
    <definedName name="はつり工">#REF!</definedName>
    <definedName name="バルブ">#REF!</definedName>
    <definedName name="ﾊﾝﾄﾞﾎｰﾙ１">[3]愛駿寮公共下水道接続工事!#REF!</definedName>
    <definedName name="ﾊﾝﾄﾞﾎｰﾙ２">#REF!</definedName>
    <definedName name="ﾊﾝﾄﾞﾎｰﾙ築造ｱｽﾌｧﾙﾄ有り直堀">[55]!Dialog3_ボタン2_Click</definedName>
    <definedName name="ピクチャ5_Click">[32]!ピクチャ5_Click</definedName>
    <definedName name="ﾋﾟｯﾄ築造">[55]!Dialog3_ボタン2_Click</definedName>
    <definedName name="ふ">#REF!</definedName>
    <definedName name="プリカ50">[25]ｹｰﾌﾞﾙ計!#REF!</definedName>
    <definedName name="フロック" localSheetId="12" hidden="1">{"設定1",#N/A,FALSE,"第5号-1";"設定2",#N/A,FALSE,"第5号-1"}</definedName>
    <definedName name="フロック" hidden="1">{"設定1",#N/A,FALSE,"第5号-1";"設定2",#N/A,FALSE,"第5号-1"}</definedName>
    <definedName name="フロック形成池" localSheetId="12" hidden="1">{"設定1",#N/A,FALSE,"第5号-1";"設定2",#N/A,FALSE,"第5号-1"}</definedName>
    <definedName name="フロック形成池" hidden="1">{"設定1",#N/A,FALSE,"第5号-1";"設定2",#N/A,FALSE,"第5号-1"}</definedName>
    <definedName name="ブロック工">#REF!</definedName>
    <definedName name="ページ１">#REF!</definedName>
    <definedName name="ページ２">#REF!</definedName>
    <definedName name="ページ３">#REF!</definedName>
    <definedName name="ページ４">#REF!</definedName>
    <definedName name="ページ５">#REF!</definedName>
    <definedName name="ページ６">#REF!</definedName>
    <definedName name="ポンプ">[3]歩・屋!$W$5</definedName>
    <definedName name="ポンプB">[3]歩・屋!$W$5</definedName>
    <definedName name="ﾒｰｶｰﾘｽﾄ">[56]見積･重量!#REF!</definedName>
    <definedName name="ﾒｰﾀｰφ13">#REF!</definedName>
    <definedName name="ﾒｰﾀｰφ16">#REF!</definedName>
    <definedName name="ﾒｰﾀｰφ20">#REF!</definedName>
    <definedName name="ﾒｰﾀｰφ25">#REF!</definedName>
    <definedName name="ﾒｰﾀｰφ40">#REF!</definedName>
    <definedName name="ﾒｽｱﾀﾞﾌﾟﾀｰφ20">#REF!</definedName>
    <definedName name="ﾒｽｱﾀﾞﾌﾟﾀｰφ25">#REF!</definedName>
    <definedName name="ﾒｽｱﾀﾞﾌﾟﾀｰφ40">#REF!</definedName>
    <definedName name="ﾒﾆｭｰ">#REF!</definedName>
    <definedName name="モジュール数">[57]条件!$C$11</definedName>
    <definedName name="モジュール単価">#REF!</definedName>
    <definedName name="モタ">#REF!</definedName>
    <definedName name="モルタ">#REF!</definedName>
    <definedName name="モルタル">#REF!</definedName>
    <definedName name="モルタル１２">#REF!</definedName>
    <definedName name="ユニット数">#REF!</definedName>
    <definedName name="ら">[0]!ら</definedName>
    <definedName name="ﾛﾗｰ運転0.8_1.1t">#REF!</definedName>
    <definedName name="ﾛﾗｰ運転3.0_4.0t">#REF!</definedName>
    <definedName name="ん">[22]条件!$E$21</definedName>
    <definedName name="んｈ">'[23]１ページ'!$J$41</definedName>
    <definedName name="んｍ">[0]!んｍ</definedName>
    <definedName name="安全">#REF!</definedName>
    <definedName name="按分">#REF!</definedName>
    <definedName name="異形管率">#REF!</definedName>
    <definedName name="移動">#REF!</definedName>
    <definedName name="維持管理委託費">#REF!</definedName>
    <definedName name="井戸水">#REF!</definedName>
    <definedName name="井水">[58]条件!$C$6</definedName>
    <definedName name="一">#REF!</definedName>
    <definedName name="一位代価">#REF!</definedName>
    <definedName name="一般運転手">#REF!</definedName>
    <definedName name="一般労務費">#REF!</definedName>
    <definedName name="印刷">[59]!印刷</definedName>
    <definedName name="印刷05">#REF!</definedName>
    <definedName name="印刷1">#REF!</definedName>
    <definedName name="印刷10">#REF!</definedName>
    <definedName name="印刷2">#REF!</definedName>
    <definedName name="印刷20">#REF!</definedName>
    <definedName name="印刷3">#REF!</definedName>
    <definedName name="印刷30">#REF!</definedName>
    <definedName name="印刷4">#REF!</definedName>
    <definedName name="印刷40">#REF!</definedName>
    <definedName name="印刷50">#REF!</definedName>
    <definedName name="印刷7">#REF!</definedName>
    <definedName name="印刷8">#REF!</definedName>
    <definedName name="印刷EX">#REF!</definedName>
    <definedName name="印刷後">[0]!印刷後</definedName>
    <definedName name="印刷範囲">#REF!</definedName>
    <definedName name="印刷表">[60]表紙!#REF!</definedName>
    <definedName name="雨水濾過">[3]歩・屋!$W$8</definedName>
    <definedName name="運送費表示">#REF!</definedName>
    <definedName name="運転時間">#REF!</definedName>
    <definedName name="運転手_一般">#REF!</definedName>
    <definedName name="運転手_特殊">#REF!</definedName>
    <definedName name="運転日数">#REF!</definedName>
    <definedName name="運搬">#REF!</definedName>
    <definedName name="営繕">#REF!</definedName>
    <definedName name="衛生器具">#REF!</definedName>
    <definedName name="汚水桝">[61]排水桝!#REF!</definedName>
    <definedName name="横太線">#N/A</definedName>
    <definedName name="屋外ｶﾞｽ">#REF!</definedName>
    <definedName name="屋外給水">#REF!</definedName>
    <definedName name="屋外排水">#REF!</definedName>
    <definedName name="屋根">[5]外部!$A$1</definedName>
    <definedName name="屋根ふき工">#REF!</definedName>
    <definedName name="屋内ｶﾞｽ">#REF!</definedName>
    <definedName name="屋内給水">#REF!</definedName>
    <definedName name="屋内排水">#REF!</definedName>
    <definedName name="化粧鏡">#REF!</definedName>
    <definedName name="仮" localSheetId="7" hidden="1">#REF!</definedName>
    <definedName name="仮" localSheetId="8" hidden="1">#REF!</definedName>
    <definedName name="仮" localSheetId="9" hidden="1">#REF!</definedName>
    <definedName name="仮" localSheetId="10" hidden="1">#REF!</definedName>
    <definedName name="仮" localSheetId="11" hidden="1">#REF!</definedName>
    <definedName name="仮" hidden="1">#REF!</definedName>
    <definedName name="仮1" localSheetId="7" hidden="1">#REF!</definedName>
    <definedName name="仮1" localSheetId="8" hidden="1">#REF!</definedName>
    <definedName name="仮1" localSheetId="9" hidden="1">#REF!</definedName>
    <definedName name="仮1" localSheetId="10" hidden="1">#REF!</definedName>
    <definedName name="仮1" localSheetId="11" hidden="1">#REF!</definedName>
    <definedName name="仮1" hidden="1">#REF!</definedName>
    <definedName name="仮２" localSheetId="7" hidden="1">#REF!</definedName>
    <definedName name="仮２" localSheetId="8" hidden="1">#REF!</definedName>
    <definedName name="仮２" localSheetId="9" hidden="1">#REF!</definedName>
    <definedName name="仮２" localSheetId="10" hidden="1">#REF!</definedName>
    <definedName name="仮２" localSheetId="11" hidden="1">#REF!</definedName>
    <definedName name="仮２" hidden="1">#REF!</definedName>
    <definedName name="仮ＮＯ">#REF!</definedName>
    <definedName name="仮囲い">[0]!仮囲い</definedName>
    <definedName name="仮囲い１">[0]!仮囲い１</definedName>
    <definedName name="仮囲い２">[0]!仮囲い２</definedName>
    <definedName name="仮囲い３">[0]!仮囲い３</definedName>
    <definedName name="仮囲い４">[0]!仮囲い４</definedName>
    <definedName name="仮囲い５">[0]!仮囲い５</definedName>
    <definedName name="仮設">#REF!</definedName>
    <definedName name="仮設1">[0]!仮設1</definedName>
    <definedName name="仮設給水">[0]!仮設給水</definedName>
    <definedName name="仮設給水管資材" localSheetId="12" hidden="1">{"設定1",#N/A,FALSE,"第5号-1";"設定2",#N/A,FALSE,"第5号-1"}</definedName>
    <definedName name="仮設給水管資材" hidden="1">{"設定1",#N/A,FALSE,"第5号-1";"設定2",#N/A,FALSE,"第5号-1"}</definedName>
    <definedName name="仮設給水労務">[0]!仮設給水労務</definedName>
    <definedName name="仮設配水管労務" localSheetId="12" hidden="1">{"設定1",#N/A,FALSE,"第5号-1";"設定2",#N/A,FALSE,"第5号-1"}</definedName>
    <definedName name="仮設配水管労務" hidden="1">{"設定1",#N/A,FALSE,"第5号-1";"設定2",#N/A,FALSE,"第5号-1"}</definedName>
    <definedName name="仮設費" hidden="1">{#N/A,#N/A,FALSE,"内訳"}</definedName>
    <definedName name="河川水">#REF!</definedName>
    <definedName name="稼働時間">#REF!</definedName>
    <definedName name="解析単位重量">#REF!</definedName>
    <definedName name="回収率">[57]条件!$C$14</definedName>
    <definedName name="改行1">[62]配水管原!#REF!</definedName>
    <definedName name="改行2">[62]配水管原!#REF!</definedName>
    <definedName name="開口">[55]!Dialog3_ボタン2_Click</definedName>
    <definedName name="開始頁">[60]表紙!#REF!</definedName>
    <definedName name="外構">[5]外構!$A$1</definedName>
    <definedName name="外部給排">#REF!</definedName>
    <definedName name="外部建具">[5]外部!$A$193</definedName>
    <definedName name="概要">[62]配水管原!#REF!</definedName>
    <definedName name="確認0">#REF!</definedName>
    <definedName name="換気">#REF!</definedName>
    <definedName name="環境">#REF!</definedName>
    <definedName name="環境対策区分">#REF!</definedName>
    <definedName name="環境対策区分1">#REF!</definedName>
    <definedName name="管渠土工計算書">#REF!</definedName>
    <definedName name="管理" localSheetId="12" hidden="1">{"設定1",#N/A,FALSE,"第5号-1";"設定2",#N/A,FALSE,"第5号-1"}</definedName>
    <definedName name="管理" hidden="1">{"設定1",#N/A,FALSE,"第5号-1";"設定2",#N/A,FALSE,"第5号-1"}</definedName>
    <definedName name="管理棟" localSheetId="12" hidden="1">{"設定1",#N/A,FALSE,"第5号-1";"設定2",#N/A,FALSE,"第5号-1"}</definedName>
    <definedName name="管理棟" hidden="1">{"設定1",#N/A,FALSE,"第5号-1";"設定2",#N/A,FALSE,"第5号-1"}</definedName>
    <definedName name="管理棟配線" localSheetId="12" hidden="1">{"設定1",#N/A,FALSE,"第5号-1";"設定2",#N/A,FALSE,"第5号-1"}</definedName>
    <definedName name="管理棟配線" hidden="1">{"設定1",#N/A,FALSE,"第5号-1";"設定2",#N/A,FALSE,"第5号-1"}</definedName>
    <definedName name="管理棟配線材料" localSheetId="12" hidden="1">{"設定1",#N/A,FALSE,"第5号-1";"設定2",#N/A,FALSE,"第5号-1"}</definedName>
    <definedName name="管理棟配線材料" hidden="1">{"設定1",#N/A,FALSE,"第5号-1";"設定2",#N/A,FALSE,"第5号-1"}</definedName>
    <definedName name="貫通部">#REF!</definedName>
    <definedName name="器">#REF!</definedName>
    <definedName name="基礎工">#REF!</definedName>
    <definedName name="既存校舎">[27]内訳書!#REF!</definedName>
    <definedName name="機械一般率表">#REF!</definedName>
    <definedName name="機械仮設改率表">#REF!</definedName>
    <definedName name="機械仮設新率表">#REF!</definedName>
    <definedName name="機械現場改率表">#REF!</definedName>
    <definedName name="機械現場新率表">#REF!</definedName>
    <definedName name="機械設備据付工">#REF!</definedName>
    <definedName name="機械内訳書" localSheetId="12" hidden="1">{"設定1",#N/A,FALSE,"第5号-1";"設定2",#N/A,FALSE,"第5号-1"}</definedName>
    <definedName name="機械内訳書" hidden="1">{"設定1",#N/A,FALSE,"第5号-1";"設定2",#N/A,FALSE,"第5号-1"}</definedName>
    <definedName name="機器名称">[63]機器等据付工!$B$8:$B$41,[63]機器等据付工!$B$65,[63]機器等据付工!$B$65:$B$98</definedName>
    <definedName name="機器名称２">[41]機器等据付工!#REF!</definedName>
    <definedName name="記号">[64]表紙!#REF!</definedName>
    <definedName name="記号3">[65]搬入据付様式!#REF!</definedName>
    <definedName name="記号4">[65]搬入据付様式!#REF!</definedName>
    <definedName name="記号5">[65]搬入据付様式!#REF!</definedName>
    <definedName name="記号6">[65]搬入据付様式!#REF!</definedName>
    <definedName name="軌道工">#REF!</definedName>
    <definedName name="鬼崎1">#REF!</definedName>
    <definedName name="技師_Ａ">#REF!</definedName>
    <definedName name="技師_Ｂ">#REF!</definedName>
    <definedName name="技師_Ｃ">#REF!</definedName>
    <definedName name="技師Ａ">#REF!</definedName>
    <definedName name="技師Ｂ">#REF!</definedName>
    <definedName name="技術">#REF!</definedName>
    <definedName name="技術員">#REF!</definedName>
    <definedName name="技術者Ａ">#REF!</definedName>
    <definedName name="技術者Ｂ">#REF!</definedName>
    <definedName name="客土データ">#REF!</definedName>
    <definedName name="逆洗回数">[57]条件!$E$21</definedName>
    <definedName name="逆洗時間">[57]条件!$C$22</definedName>
    <definedName name="逆洗次亜費">#REF!</definedName>
    <definedName name="逆洗水率">[57]条件!$C$16</definedName>
    <definedName name="逆洗水量">[57]条件!$C$18</definedName>
    <definedName name="逆洗頻度">[57]条件!$C$21</definedName>
    <definedName name="逆洗分割数">#REF!</definedName>
    <definedName name="吸出防止材">[66]明細書!#REF!</definedName>
    <definedName name="給水PS">#REF!</definedName>
    <definedName name="給水労務2" localSheetId="12" hidden="1">{"設定1",#N/A,FALSE,"第5号-1";"設定2",#N/A,FALSE,"第5号-1"}</definedName>
    <definedName name="給水労務2" hidden="1">{"設定1",#N/A,FALSE,"第5号-1";"設定2",#N/A,FALSE,"第5号-1"}</definedName>
    <definedName name="給湯">#REF!</definedName>
    <definedName name="給排">#REF!</definedName>
    <definedName name="給排2">#REF!</definedName>
    <definedName name="給排水表紙">#REF!</definedName>
    <definedName name="共">#REF!</definedName>
    <definedName name="共仮">#REF!</definedName>
    <definedName name="共通">[5]仮設躯体!#REF!</definedName>
    <definedName name="橋梁世話役">#REF!</definedName>
    <definedName name="橋梁塗装工">#REF!</definedName>
    <definedName name="橋梁特殊工">#REF!</definedName>
    <definedName name="業印">#REF!</definedName>
    <definedName name="金額">#REF!</definedName>
    <definedName name="金入り設計書">#REF!</definedName>
    <definedName name="金入設定">[24]表紙!#REF!</definedName>
    <definedName name="金抜き設計書">#REF!</definedName>
    <definedName name="金抜設定">[60]表紙!#REF!</definedName>
    <definedName name="躯体">[5]仮設躯体!$A$182</definedName>
    <definedName name="掘削">[47]表紙!#REF!</definedName>
    <definedName name="掘削梁">[47]表紙!#REF!</definedName>
    <definedName name="桑名市多度町">#REF!</definedName>
    <definedName name="型わく工">#REF!</definedName>
    <definedName name="型枠_小型">#REF!</definedName>
    <definedName name="型枠_小型Ⅱ">#REF!</definedName>
    <definedName name="型枠_鉄筋">#REF!</definedName>
    <definedName name="型枠_無筋">#REF!</definedName>
    <definedName name="型枠工">#REF!</definedName>
    <definedName name="形状寸法">#REF!</definedName>
    <definedName name="系列数">[57]条件!$C$8</definedName>
    <definedName name="経費">[3]歩・屋!$W$3</definedName>
    <definedName name="経費率">#REF!</definedName>
    <definedName name="継続">#REF!</definedName>
    <definedName name="罫非表示">#REF!</definedName>
    <definedName name="罫表示">#REF!</definedName>
    <definedName name="計">#REF!</definedName>
    <definedName name="計画浄水量">#REF!</definedName>
    <definedName name="計画膜ろ過水量">[57]条件!$C$17</definedName>
    <definedName name="計画膜ろ過流束">[57]条件!$C$5</definedName>
    <definedName name="計算書">#REF!</definedName>
    <definedName name="計装" localSheetId="12" hidden="1">{"設定1",#N/A,FALSE,"第5号-1";"設定2",#N/A,FALSE,"第5号-1"}</definedName>
    <definedName name="計装" hidden="1">{"設定1",#N/A,FALSE,"第5号-1";"設定2",#N/A,FALSE,"第5号-1"}</definedName>
    <definedName name="軽作業員">#REF!</definedName>
    <definedName name="軽油">#REF!</definedName>
    <definedName name="軽油陸上用">#REF!</definedName>
    <definedName name="桁">#REF!</definedName>
    <definedName name="月_1日">#REF!</definedName>
    <definedName name="件">[0]!件</definedName>
    <definedName name="建具工">#REF!</definedName>
    <definedName name="建築">[5]内訳!$A$42</definedName>
    <definedName name="建築ﾌﾞﾛｯｸ工">#REF!</definedName>
    <definedName name="建築一般率表">#REF!</definedName>
    <definedName name="建築現場改率表">#REF!</definedName>
    <definedName name="建築現場新率表">#REF!</definedName>
    <definedName name="建築工事">#REF!</definedName>
    <definedName name="建築電気設備" hidden="1">{#N/A,#N/A,FALSE,"内訳"}</definedName>
    <definedName name="県名">#REF!</definedName>
    <definedName name="見積空調">'[67]代価表 '!#REF!</definedName>
    <definedName name="見積比較換気">'[68]代価表 '!$Z$2</definedName>
    <definedName name="見積比較表">'[69]代価表 '!$Z$2</definedName>
    <definedName name="見比衛生2">'[70]代価表 '!#REF!</definedName>
    <definedName name="原価">#REF!</definedName>
    <definedName name="原水量">#REF!</definedName>
    <definedName name="現">#REF!</definedName>
    <definedName name="現管">#REF!</definedName>
    <definedName name="現場管理費">#REF!</definedName>
    <definedName name="呼出">#N/A</definedName>
    <definedName name="交通整理員">#REF!</definedName>
    <definedName name="工事カ所名">[71]設計書入力!$DT$23:$DU$700</definedName>
    <definedName name="工事件名">[72]工事総括!$C$3</definedName>
    <definedName name="工事明細">#REF!</definedName>
    <definedName name="工種区分">#REF!</definedName>
    <definedName name="工場派遣労務費">#REF!</definedName>
    <definedName name="甲形止水栓φ20">#REF!</definedName>
    <definedName name="甲形止水栓φ25">#REF!</definedName>
    <definedName name="甲形止水栓φ40">#REF!</definedName>
    <definedName name="行削除">#REF!</definedName>
    <definedName name="行数">#REF!</definedName>
    <definedName name="行数18">#N/A</definedName>
    <definedName name="行挿入">#REF!</definedName>
    <definedName name="鋼管">#REF!</definedName>
    <definedName name="鋼管φ20">#REF!</definedName>
    <definedName name="鋼管φ25">#REF!</definedName>
    <definedName name="鋼管φ40">#REF!</definedName>
    <definedName name="鋼製加工品">#REF!</definedName>
    <definedName name="鋼製架台">#REF!</definedName>
    <definedName name="高さ1">#REF!</definedName>
    <definedName name="高級船員">#REF!</definedName>
    <definedName name="根拠設定">[60]表紙!#REF!</definedName>
    <definedName name="根拠範囲">[3]歩・屋!$B$3:$AD$372</definedName>
    <definedName name="左官">#REF!</definedName>
    <definedName name="査定率">#REF!</definedName>
    <definedName name="査定率表">[56]見積･重量!#REF!</definedName>
    <definedName name="最大給水量">#REF!</definedName>
    <definedName name="砕石">[73]一位代価表!$F$147</definedName>
    <definedName name="細粒度AS">#REF!</definedName>
    <definedName name="材質">#REF!</definedName>
    <definedName name="材種">[74]鉄骨DATA!$A$2:$A$10</definedName>
    <definedName name="材料形状">#REF!</definedName>
    <definedName name="削除">#REF!</definedName>
    <definedName name="撮影士">#REF!</definedName>
    <definedName name="撮影助手">#REF!</definedName>
    <definedName name="雑材率">#REF!</definedName>
    <definedName name="山砂">#REF!</definedName>
    <definedName name="山林砂防工">#REF!</definedName>
    <definedName name="酸素">#REF!</definedName>
    <definedName name="残土自由処分">#REF!</definedName>
    <definedName name="使用量">#REF!</definedName>
    <definedName name="施工区分">#REF!</definedName>
    <definedName name="施工地域">#REF!</definedName>
    <definedName name="試運転費">#REF!</definedName>
    <definedName name="寺井２" localSheetId="12" hidden="1">{"設定1",#N/A,FALSE,"第5号-1";"設定2",#N/A,FALSE,"第5号-1"}</definedName>
    <definedName name="寺井２" hidden="1">{"設定1",#N/A,FALSE,"第5号-1";"設定2",#N/A,FALSE,"第5号-1"}</definedName>
    <definedName name="次亜逆洗費">#REF!</definedName>
    <definedName name="次亜消毒費">#REF!</definedName>
    <definedName name="次亜単価">#REF!</definedName>
    <definedName name="自家発">[75]!Dialog3_ボタン2_Click</definedName>
    <definedName name="室内">[5]内訳!$A$249</definedName>
    <definedName name="実行">#REF!</definedName>
    <definedName name="主任技師">#REF!</definedName>
    <definedName name="主任技術者">#REF!</definedName>
    <definedName name="主任地質調査員">#REF!</definedName>
    <definedName name="種別">[56]見積･重量!#REF!</definedName>
    <definedName name="修正">[24]表紙!#REF!</definedName>
    <definedName name="修正1">[24]表紙!#REF!</definedName>
    <definedName name="修正2">[24]表紙!#REF!</definedName>
    <definedName name="修正3">[24]表紙!#REF!</definedName>
    <definedName name="修正4">[24]表紙!#REF!</definedName>
    <definedName name="修正5">[60]表紙!#REF!</definedName>
    <definedName name="修正6">[60]表紙!#REF!</definedName>
    <definedName name="修正年月">[76]目次!$B$2</definedName>
    <definedName name="終了">#N/A</definedName>
    <definedName name="出力">#REF!</definedName>
    <definedName name="出力２">'[3]#REF'!$U$5:$AK$5</definedName>
    <definedName name="準備">#REF!</definedName>
    <definedName name="純元">#REF!</definedName>
    <definedName name="純工">#REF!</definedName>
    <definedName name="処分費">[0]!処分費</definedName>
    <definedName name="処分費１">[0]!処分費１</definedName>
    <definedName name="処分費２">[0]!処分費２</definedName>
    <definedName name="処分費３">[0]!処分費３</definedName>
    <definedName name="処理水量">#REF!</definedName>
    <definedName name="小計">[71]設計書入力!$FD$21:$GH$23</definedName>
    <definedName name="小松経費" localSheetId="7" hidden="1">#REF!</definedName>
    <definedName name="小松経費" localSheetId="8" hidden="1">#REF!</definedName>
    <definedName name="小松経費" localSheetId="9" hidden="1">#REF!</definedName>
    <definedName name="小松経費" localSheetId="10" hidden="1">#REF!</definedName>
    <definedName name="小松経費" localSheetId="11" hidden="1">#REF!</definedName>
    <definedName name="小松経費" hidden="1">#REF!</definedName>
    <definedName name="小配管">#REF!</definedName>
    <definedName name="小配管弁類">#REF!</definedName>
    <definedName name="小便器">#REF!</definedName>
    <definedName name="松阪市">#REF!</definedName>
    <definedName name="消毒次亜費">#REF!</definedName>
    <definedName name="消毒費">#REF!</definedName>
    <definedName name="照明" localSheetId="12" hidden="1">{"設定1",#N/A,FALSE,"第5号-1";"設定2",#N/A,FALSE,"第5号-1"}</definedName>
    <definedName name="照明" hidden="1">{"設定1",#N/A,FALSE,"第5号-1";"設定2",#N/A,FALSE,"第5号-1"}</definedName>
    <definedName name="照明器具_K201">#REF!</definedName>
    <definedName name="省略単価">#REF!</definedName>
    <definedName name="場内整備">[77]土工集計!$B$2:$J$23</definedName>
    <definedName name="条件">#REF!</definedName>
    <definedName name="条件１">#REF!</definedName>
    <definedName name="条件２">#REF!</definedName>
    <definedName name="条件３">#REF!</definedName>
    <definedName name="条件４">#REF!</definedName>
    <definedName name="条件５">#REF!</definedName>
    <definedName name="条件６">#REF!</definedName>
    <definedName name="浄化槽">#REF!</definedName>
    <definedName name="伸縮止水栓φ20">#REF!</definedName>
    <definedName name="伸縮止水栓φ20×φ13">#REF!</definedName>
    <definedName name="伸縮止水栓φ20×φ16">#REF!</definedName>
    <definedName name="伸縮止水栓φ25">#REF!</definedName>
    <definedName name="伸縮止水栓φ40">#REF!</definedName>
    <definedName name="新設・撤去・再用区分">#REF!</definedName>
    <definedName name="人件費">#REF!</definedName>
    <definedName name="人工集計表">#REF!</definedName>
    <definedName name="人力床堀">#REF!</definedName>
    <definedName name="人力埋戻工">#REF!</definedName>
    <definedName name="人力埋戻工ﾀﾝﾊﾟｰ">#REF!</definedName>
    <definedName name="水槽_FRP">[3]歩・屋!$W$6</definedName>
    <definedName name="水槽_鉄">[3]歩・屋!$W$7</definedName>
    <definedName name="水中ポンプ">[73]一位代価表!$F$223</definedName>
    <definedName name="数値">#REF!</definedName>
    <definedName name="数値コピー">#REF!</definedName>
    <definedName name="数量">#REF!</definedName>
    <definedName name="数量1">#REF!</definedName>
    <definedName name="据付" localSheetId="12" hidden="1">{"設定1",#N/A,FALSE,"第5号-1";"設定2",#N/A,FALSE,"第5号-1"}</definedName>
    <definedName name="据付" hidden="1">{"設定1",#N/A,FALSE,"第5号-1";"設定2",#N/A,FALSE,"第5号-1"}</definedName>
    <definedName name="据付2" localSheetId="12" hidden="1">{"設定1",#N/A,FALSE,"第5号-1";"設定2",#N/A,FALSE,"第5号-1"}</definedName>
    <definedName name="据付2" hidden="1">{"設定1",#N/A,FALSE,"第5号-1";"設定2",#N/A,FALSE,"第5号-1"}</definedName>
    <definedName name="据付3" localSheetId="12" hidden="1">{"設定1",#N/A,FALSE,"第5号-1";"設定2",#N/A,FALSE,"第5号-1"}</definedName>
    <definedName name="据付3" hidden="1">{"設定1",#N/A,FALSE,"第5号-1";"設定2",#N/A,FALSE,"第5号-1"}</definedName>
    <definedName name="据付4" localSheetId="12" hidden="1">{"設定1",#N/A,FALSE,"第5号-1";"設定2",#N/A,FALSE,"第5号-1"}</definedName>
    <definedName name="据付4" hidden="1">{"設定1",#N/A,FALSE,"第5号-1";"設定2",#N/A,FALSE,"第5号-1"}</definedName>
    <definedName name="据付5" localSheetId="12" hidden="1">{"設定1",#N/A,FALSE,"第5号-1";"設定2",#N/A,FALSE,"第5号-1"}</definedName>
    <definedName name="据付5" hidden="1">{"設定1",#N/A,FALSE,"第5号-1";"設定2",#N/A,FALSE,"第5号-1"}</definedName>
    <definedName name="据付6" localSheetId="12" hidden="1">{"設定1",#N/A,FALSE,"第5号-1";"設定2",#N/A,FALSE,"第5号-1"}</definedName>
    <definedName name="据付6" hidden="1">{"設定1",#N/A,FALSE,"第5号-1";"設定2",#N/A,FALSE,"第5号-1"}</definedName>
    <definedName name="整備士">#REF!</definedName>
    <definedName name="生コンFｰ160">#REF!</definedName>
    <definedName name="生コンFｰ210">#REF!</definedName>
    <definedName name="請負額算定">[78]!印刷</definedName>
    <definedName name="石工">#REF!</definedName>
    <definedName name="切込砕石Cｰ30">#REF!</definedName>
    <definedName name="切込砕石Cｰ40">#REF!</definedName>
    <definedName name="切込砕石Cｰ80">#REF!</definedName>
    <definedName name="接合材料率">#REF!</definedName>
    <definedName name="設計">[64]表紙!#REF!</definedName>
    <definedName name="設計技術員">#REF!</definedName>
    <definedName name="設計書2">[0]!設計書2</definedName>
    <definedName name="設計書表紙金入">#REF!</definedName>
    <definedName name="設計書表紙金抜">#REF!</definedName>
    <definedName name="設計書表紙金抜２">[79]設計書!$AN$63:$AX$86</definedName>
    <definedName name="設備機械工">#REF!</definedName>
    <definedName name="設備名称1">#REF!</definedName>
    <definedName name="洗面器">#REF!</definedName>
    <definedName name="潜かん工">#REF!</definedName>
    <definedName name="潜かん世話役">#REF!</definedName>
    <definedName name="潜水士">#REF!</definedName>
    <definedName name="潜水世話役">#REF!</definedName>
    <definedName name="潜水送気員">#REF!</definedName>
    <definedName name="潜水連絡員">#REF!</definedName>
    <definedName name="船団長">#REF!</definedName>
    <definedName name="前払金割合">#REF!</definedName>
    <definedName name="全体内訳書" localSheetId="12" hidden="1">{"設定1",#N/A,FALSE,"第5号-1";"設定2",#N/A,FALSE,"第5号-1"}</definedName>
    <definedName name="全体内訳書" hidden="1">{"設定1",#N/A,FALSE,"第5号-1";"設定2",#N/A,FALSE,"第5号-1"}</definedName>
    <definedName name="全頁印刷">[24]表紙!#REF!</definedName>
    <definedName name="粗粒AS">#REF!</definedName>
    <definedName name="組合せ試験費">#REF!</definedName>
    <definedName name="創">#REF!</definedName>
    <definedName name="操縦士">#REF!</definedName>
    <definedName name="総括">[5]内訳!$A$1</definedName>
    <definedName name="送付" localSheetId="12" hidden="1">{"設定1",#N/A,FALSE,"第5号-1";"設定2",#N/A,FALSE,"第5号-1"}</definedName>
    <definedName name="送付" hidden="1">{"設定1",#N/A,FALSE,"第5号-1";"設定2",#N/A,FALSE,"第5号-1"}</definedName>
    <definedName name="送付1" localSheetId="12" hidden="1">{"設定1",#N/A,FALSE,"第5号-1";"設定2",#N/A,FALSE,"第5号-1"}</definedName>
    <definedName name="送付1" hidden="1">{"設定1",#N/A,FALSE,"第5号-1";"設定2",#N/A,FALSE,"第5号-1"}</definedName>
    <definedName name="造園工">#REF!</definedName>
    <definedName name="測量技師">#REF!</definedName>
    <definedName name="測量技師補">#REF!</definedName>
    <definedName name="測量主任技師">#REF!</definedName>
    <definedName name="測量助手">#REF!</definedName>
    <definedName name="測量上級主任技師">#REF!</definedName>
    <definedName name="続">#REF!</definedName>
    <definedName name="多度">#REF!</definedName>
    <definedName name="多度内訳書その２">#REF!</definedName>
    <definedName name="太罫線">#REF!</definedName>
    <definedName name="耐震水槽">[3]歩・屋!$W$11</definedName>
    <definedName name="代価">[0]!代価</definedName>
    <definedName name="代価1" hidden="1">{#N/A,#N/A,FALSE,"内訳"}</definedName>
    <definedName name="代価一覧PRINT">#REF!</definedName>
    <definedName name="代価一覧表PRINT">#REF!</definedName>
    <definedName name="代価根拠範囲">[3]歩・屋!$B$3:$AD$362</definedName>
    <definedName name="代価電気">[80]一位代価!$A:$IV</definedName>
    <definedName name="代価表">#REF!</definedName>
    <definedName name="代価表Ａ" localSheetId="12"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代価表Ａ"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大工">#REF!</definedName>
    <definedName name="大便器">#REF!</definedName>
    <definedName name="第_Ａ_２">#REF!</definedName>
    <definedName name="第_Ａ_３">#REF!</definedName>
    <definedName name="第_Ｂ_１">#REF!</definedName>
    <definedName name="第_Ｂ_２">'[81]Ａ代価 '!#REF!</definedName>
    <definedName name="第_Ｂ_４">'[81]Ａ代価 '!#REF!</definedName>
    <definedName name="第１号管代価">#REF!</definedName>
    <definedName name="第１号明細書" localSheetId="12" hidden="1">{"設定1",#N/A,FALSE,"第5号-1";"設定2",#N/A,FALSE,"第5号-1"}</definedName>
    <definedName name="第１号明細書" hidden="1">{"設定1",#N/A,FALSE,"第5号-1";"設定2",#N/A,FALSE,"第5号-1"}</definedName>
    <definedName name="第一号">#REF!</definedName>
    <definedName name="第三号">#REF!</definedName>
    <definedName name="第二号">[17]経費計算!#REF!</definedName>
    <definedName name="単位">#REF!</definedName>
    <definedName name="単位量">#REF!</definedName>
    <definedName name="単価">#REF!</definedName>
    <definedName name="単価コード">[82]単価コード!$B$1:$H$65536</definedName>
    <definedName name="単価一覧">#REF!</definedName>
    <definedName name="単価一覧表">[83]単価一覧表!$A$2:$H$378</definedName>
    <definedName name="単価表">[84]単価コード表!$B$3:$L$1403</definedName>
    <definedName name="段数">[57]条件!$C$10</definedName>
    <definedName name="地質調査員">#REF!</definedName>
    <definedName name="地質調査技師">#REF!</definedName>
    <definedName name="池数__1池式">#REF!</definedName>
    <definedName name="着水井" localSheetId="12" hidden="1">{"設定1",#N/A,FALSE,"第5号-1";"設定2",#N/A,FALSE,"第5号-1"}</definedName>
    <definedName name="着水井" hidden="1">{"設定1",#N/A,FALSE,"第5号-1";"設定2",#N/A,FALSE,"第5号-1"}</definedName>
    <definedName name="着水井機器" localSheetId="12" hidden="1">{"設定1",#N/A,FALSE,"第5号-1";"設定2",#N/A,FALSE,"第5号-1"}</definedName>
    <definedName name="着水井機器" hidden="1">{"設定1",#N/A,FALSE,"第5号-1";"設定2",#N/A,FALSE,"第5号-1"}</definedName>
    <definedName name="中部">#REF!</definedName>
    <definedName name="鋳鉄管">#REF!</definedName>
    <definedName name="鋳鉄管重量表">#REF!</definedName>
    <definedName name="鋳鉄管切断機500以下">#REF!</definedName>
    <definedName name="鋳鉄管弁類">#REF!</definedName>
    <definedName name="長さ1">#REF!</definedName>
    <definedName name="直仮">[5]内訳!$A$79</definedName>
    <definedName name="直管重量">#REF!</definedName>
    <definedName name="直工">#REF!</definedName>
    <definedName name="直接工事費">#REF!</definedName>
    <definedName name="低減率">#REF!</definedName>
    <definedName name="提出範囲">[3]歩・屋!$B$3:$V$372</definedName>
    <definedName name="適用２">#REF!</definedName>
    <definedName name="撤去">#REF!</definedName>
    <definedName name="鉄管">#REF!</definedName>
    <definedName name="鉄筋工">#REF!</definedName>
    <definedName name="鉄骨工">#REF!</definedName>
    <definedName name="田端">#REF!</definedName>
    <definedName name="電気" localSheetId="12" hidden="1">{"設定1",#N/A,FALSE,"第5号-1";"設定2",#N/A,FALSE,"第5号-1"}</definedName>
    <definedName name="電気" hidden="1">{"設定1",#N/A,FALSE,"第5号-1";"設定2",#N/A,FALSE,"第5号-1"}</definedName>
    <definedName name="電気①">#REF!</definedName>
    <definedName name="電気②" localSheetId="7" hidden="1">#REF!</definedName>
    <definedName name="電気②" localSheetId="8" hidden="1">#REF!</definedName>
    <definedName name="電気②" localSheetId="9" hidden="1">#REF!</definedName>
    <definedName name="電気②" localSheetId="10" hidden="1">#REF!</definedName>
    <definedName name="電気②" localSheetId="11" hidden="1">#REF!</definedName>
    <definedName name="電気②" hidden="1">#REF!</definedName>
    <definedName name="電気一般率表">#REF!</definedName>
    <definedName name="電気温水器">[3]歩・屋!$W$9</definedName>
    <definedName name="電気温水器B">[3]歩・屋!$W$9</definedName>
    <definedName name="電気仮設改率表">#REF!</definedName>
    <definedName name="電気仮設新率表">#REF!</definedName>
    <definedName name="電気現場改率表">#REF!</definedName>
    <definedName name="電気現場新率表">#REF!</definedName>
    <definedName name="電気材料">[17]経費計算!#REF!</definedName>
    <definedName name="電気材料①">[17]経費計算!#REF!</definedName>
    <definedName name="電気材料③">[17]経費計算!#REF!</definedName>
    <definedName name="電気代価">[85]単価根拠!$U$56</definedName>
    <definedName name="電気労務" localSheetId="12" hidden="1">{"設定1",#N/A,FALSE,"第5号-1";"設定2",#N/A,FALSE,"第5号-1"}</definedName>
    <definedName name="電気労務" hidden="1">{"設定1",#N/A,FALSE,"第5号-1";"設定2",#N/A,FALSE,"第5号-1"}</definedName>
    <definedName name="電気労務費" localSheetId="12" hidden="1">{"設定1",#N/A,FALSE,"第5号-1";"設定2",#N/A,FALSE,"第5号-1"}</definedName>
    <definedName name="電気労務費" hidden="1">{"設定1",#N/A,FALSE,"第5号-1";"設定2",#N/A,FALSE,"第5号-1"}</definedName>
    <definedName name="電極">[86]!ピクチャ5_Click</definedName>
    <definedName name="電工">#REF!</definedName>
    <definedName name="電工1">[25]ｹｰﾌﾞﾙ計!#REF!</definedName>
    <definedName name="電線管埋設">#REF!</definedName>
    <definedName name="電線管類">#REF!</definedName>
    <definedName name="電柱基礎">#REF!</definedName>
    <definedName name="電力量">#REF!</definedName>
    <definedName name="吐">[53]内訳!#REF!</definedName>
    <definedName name="吐１">[53]内訳!#REF!</definedName>
    <definedName name="吐出">[53]内訳!#REF!</definedName>
    <definedName name="吐出弁">[53]内訳!#REF!</definedName>
    <definedName name="塗装">#REF!</definedName>
    <definedName name="塗装・被覆工">#REF!</definedName>
    <definedName name="塗装工">#REF!</definedName>
    <definedName name="塗装費">#REF!</definedName>
    <definedName name="土工">[73]工事費内訳表!$H$11</definedName>
    <definedName name="土木一般世話役">#REF!</definedName>
    <definedName name="土木世話役">#REF!</definedName>
    <definedName name="土留工">#REF!</definedName>
    <definedName name="土量計算書">[47]表紙!#REF!</definedName>
    <definedName name="東海">#REF!</definedName>
    <definedName name="湯ノ谷印刷">[87]!湯ノ谷印刷</definedName>
    <definedName name="当り">#REF!</definedName>
    <definedName name="頭出しA">[88]修正履歴!#REF!</definedName>
    <definedName name="動力費">#REF!</definedName>
    <definedName name="特殊運転手">#REF!</definedName>
    <definedName name="特殊作業員">#REF!</definedName>
    <definedName name="内屋根">[5]内訳!$A$153</definedName>
    <definedName name="内外構">[5]内訳!$A$361</definedName>
    <definedName name="内躯体">[5]内訳!$A$56</definedName>
    <definedName name="内装工">#REF!</definedName>
    <definedName name="内部給排1">[89]外部改修工事!#REF!</definedName>
    <definedName name="内部給排2">[89]外部改修工事!#REF!</definedName>
    <definedName name="内部給排3">[89]外部改修工事!#REF!</definedName>
    <definedName name="内部建具">[5]内部!$A$1</definedName>
    <definedName name="内部雑">[5]内訳!$A$316</definedName>
    <definedName name="内訳" localSheetId="12" hidden="1">{"設定1",#N/A,FALSE,"第5号-1";"設定2",#N/A,FALSE,"第5号-1"}</definedName>
    <definedName name="内訳" hidden="1">{"設定1",#N/A,FALSE,"第5号-1";"設定2",#N/A,FALSE,"第5号-1"}</definedName>
    <definedName name="内訳1" localSheetId="12" hidden="1">{"設定1",#N/A,FALSE,"第5号-1";"設定2",#N/A,FALSE,"第5号-1"}</definedName>
    <definedName name="内訳1" hidden="1">{"設定1",#N/A,FALSE,"第5号-1";"設定2",#N/A,FALSE,"第5号-1"}</definedName>
    <definedName name="内訳2">[90]内訳!#REF!</definedName>
    <definedName name="内訳20" hidden="1">{#N/A,#N/A,FALSE,"内訳"}</definedName>
    <definedName name="内訳21" hidden="1">{#N/A,#N/A,FALSE,"内訳"}</definedName>
    <definedName name="内訳２２" hidden="1">{#N/A,#N/A,FALSE,"内訳"}</definedName>
    <definedName name="内訳23" hidden="1">{#N/A,#N/A,FALSE,"内訳"}</definedName>
    <definedName name="内訳24" hidden="1">{#N/A,#N/A,FALSE,"内訳"}</definedName>
    <definedName name="内訳25" hidden="1">{#N/A,#N/A,FALSE,"内訳"}</definedName>
    <definedName name="内訳26" hidden="1">{#N/A,#N/A,FALSE,"内訳"}</definedName>
    <definedName name="内訳27" hidden="1">{#N/A,#N/A,FALSE,"内訳"}</definedName>
    <definedName name="内訳28" hidden="1">{#N/A,#N/A,FALSE,"内訳"}</definedName>
    <definedName name="内訳29" hidden="1">{#N/A,#N/A,FALSE,"内訳"}</definedName>
    <definedName name="内訳３" hidden="1">{#N/A,#N/A,FALSE,"内訳"}</definedName>
    <definedName name="内訳30" hidden="1">{#N/A,#N/A,FALSE,"内訳"}</definedName>
    <definedName name="内訳31" hidden="1">{#N/A,#N/A,FALSE,"内訳"}</definedName>
    <definedName name="内訳33" hidden="1">{#N/A,#N/A,FALSE,"内訳"}</definedName>
    <definedName name="内訳34" hidden="1">{#N/A,#N/A,FALSE,"内訳"}</definedName>
    <definedName name="内訳35" hidden="1">{#N/A,#N/A,FALSE,"内訳"}</definedName>
    <definedName name="内訳36" hidden="1">{#N/A,#N/A,FALSE,"内訳"}</definedName>
    <definedName name="内訳37" hidden="1">{#N/A,#N/A,FALSE,"内訳"}</definedName>
    <definedName name="内訳38" hidden="1">{#N/A,#N/A,FALSE,"内訳"}</definedName>
    <definedName name="内訳39" hidden="1">{#N/A,#N/A,FALSE,"内訳"}</definedName>
    <definedName name="内訳４" hidden="1">{#N/A,#N/A,FALSE,"内訳"}</definedName>
    <definedName name="内訳40" hidden="1">{#N/A,#N/A,FALSE,"内訳"}</definedName>
    <definedName name="内訳55" hidden="1">{#N/A,#N/A,FALSE,"内訳"}</definedName>
    <definedName name="内訳６０" hidden="1">{#N/A,#N/A,FALSE,"内訳"}</definedName>
    <definedName name="内訳62" hidden="1">{#N/A,#N/A,FALSE,"内訳"}</definedName>
    <definedName name="内訳64" hidden="1">{#N/A,#N/A,FALSE,"内訳"}</definedName>
    <definedName name="内訳65" hidden="1">{#N/A,#N/A,FALSE,"内訳"}</definedName>
    <definedName name="内訳66" hidden="1">{#N/A,#N/A,FALSE,"内訳"}</definedName>
    <definedName name="内訳70" hidden="1">{#N/A,#N/A,FALSE,"内訳"}</definedName>
    <definedName name="内訳77" hidden="1">{#N/A,#N/A,FALSE,"内訳"}</definedName>
    <definedName name="内訳80" hidden="1">{#N/A,#N/A,FALSE,"内訳"}</definedName>
    <definedName name="内訳83" hidden="1">{#N/A,#N/A,FALSE,"内訳"}</definedName>
    <definedName name="内訳84" hidden="1">{#N/A,#N/A,FALSE,"内訳"}</definedName>
    <definedName name="内訳89" hidden="1">{#N/A,#N/A,FALSE,"内訳"}</definedName>
    <definedName name="内訳90" hidden="1">{#N/A,#N/A,FALSE,"内訳"}</definedName>
    <definedName name="内訳96" hidden="1">{#N/A,#N/A,FALSE,"内訳"}</definedName>
    <definedName name="内訳97" hidden="1">{#N/A,#N/A,FALSE,"内訳"}</definedName>
    <definedName name="内訳98" hidden="1">{#N/A,#N/A,FALSE,"内訳"}</definedName>
    <definedName name="内訳99" hidden="1">{#N/A,#N/A,FALSE,"内訳"}</definedName>
    <definedName name="内訳一覧">#REF!</definedName>
    <definedName name="内訳書" localSheetId="12" hidden="1">{"設定1",#N/A,FALSE,"第5号-1";"設定2",#N/A,FALSE,"第5号-1"}</definedName>
    <definedName name="内訳書" hidden="1">{"設定1",#N/A,FALSE,"第5号-1";"設定2",#N/A,FALSE,"第5号-1"}</definedName>
    <definedName name="二次">#REF!</definedName>
    <definedName name="日平均">#REF!</definedName>
    <definedName name="入力">#REF!</definedName>
    <definedName name="入力項目印刷">#REF!</definedName>
    <definedName name="入力項目表印刷">#REF!</definedName>
    <definedName name="廃材処分費">#REF!</definedName>
    <definedName name="排水">[91]排水器具・ﾄﾗｯﾌﾟ!$V$50:$AC$70</definedName>
    <definedName name="排水PS">#REF!</definedName>
    <definedName name="排水器具･ﾄﾗｯﾌﾟ等">[91]排水器具・ﾄﾗｯﾌﾟ!$V$50:$AC$70</definedName>
    <definedName name="配管工">#REF!</definedName>
    <definedName name="配線器具">#REF!</definedName>
    <definedName name="配線材料" localSheetId="12" hidden="1">{"設定1",#N/A,FALSE,"第5号-1";"設定2",#N/A,FALSE,"第5号-1"}</definedName>
    <definedName name="配線材料" hidden="1">{"設定1",#N/A,FALSE,"第5号-1";"設定2",#N/A,FALSE,"第5号-1"}</definedName>
    <definedName name="剥離剤">#REF!</definedName>
    <definedName name="泊まり人件費">#REF!</definedName>
    <definedName name="八戸北2_PAC">#REF!</definedName>
    <definedName name="搬送現場率表">#REF!</definedName>
    <definedName name="板金工">#REF!</definedName>
    <definedName name="番号">#REF!</definedName>
    <definedName name="盤基礎">#REF!</definedName>
    <definedName name="盤名称11">#REF!</definedName>
    <definedName name="盤名称12">#REF!</definedName>
    <definedName name="比較">#REF!</definedName>
    <definedName name="費">'[92]代価表 '!$Z$6</definedName>
    <definedName name="表紙">[93]!印刷</definedName>
    <definedName name="表題">[62]配水管原!#REF!</definedName>
    <definedName name="表流水">#REF!</definedName>
    <definedName name="不活性ガス">[3]歩・屋!$W$13</definedName>
    <definedName name="付属品率">#REF!</definedName>
    <definedName name="付帯">[5]付帯!$C$4</definedName>
    <definedName name="普作1">[25]ｹｰﾌﾞﾙ計!#REF!</definedName>
    <definedName name="普通ｾﾒﾝﾄ">#REF!</definedName>
    <definedName name="普通ｾﾒﾝﾄ_1000">#REF!</definedName>
    <definedName name="普通ｾﾒﾝﾄ50未満">#REF!</definedName>
    <definedName name="普通作業員">#REF!</definedName>
    <definedName name="普通船員">#REF!</definedName>
    <definedName name="部分印刷">[60]表紙!#REF!</definedName>
    <definedName name="副単">#REF!</definedName>
    <definedName name="幅1">#REF!</definedName>
    <definedName name="複合" localSheetId="12" hidden="1">{"設定1",#N/A,FALSE,"第5号-1";"設定2",#N/A,FALSE,"第5号-1"}</definedName>
    <definedName name="複合" hidden="1">{"設定1",#N/A,FALSE,"第5号-1";"設定2",#N/A,FALSE,"第5号-1"}</definedName>
    <definedName name="複合工" localSheetId="12" hidden="1">{"設定1",#N/A,FALSE,"第5号-1";"設定2",#N/A,FALSE,"第5号-1"}</definedName>
    <definedName name="複合工" hidden="1">{"設定1",#N/A,FALSE,"第5号-1";"設定2",#N/A,FALSE,"第5号-1"}</definedName>
    <definedName name="複合工集計表">#REF!</definedName>
    <definedName name="複合工費">#REF!</definedName>
    <definedName name="複合単価_001">#REF!</definedName>
    <definedName name="複合単価_002">#REF!</definedName>
    <definedName name="複合単価_003">#REF!</definedName>
    <definedName name="複合単価_004">#REF!</definedName>
    <definedName name="複合単価_005">#REF!</definedName>
    <definedName name="複合単価_006">#REF!</definedName>
    <definedName name="複合単価_007">#REF!</definedName>
    <definedName name="複合単価_008">#REF!</definedName>
    <definedName name="複合単価_009">#REF!</definedName>
    <definedName name="複合単価_010">#REF!</definedName>
    <definedName name="複合単価_011">#REF!</definedName>
    <definedName name="複合単価_012">#REF!</definedName>
    <definedName name="複合単価_013">#REF!</definedName>
    <definedName name="複合単価_014">#REF!</definedName>
    <definedName name="複合単価_015">#REF!</definedName>
    <definedName name="複合単価_016">#REF!</definedName>
    <definedName name="複合単価_017">#REF!</definedName>
    <definedName name="複合単価_018">#REF!</definedName>
    <definedName name="複合単価_019">#REF!</definedName>
    <definedName name="複合単価_020">#REF!</definedName>
    <definedName name="複合単価_021">#REF!</definedName>
    <definedName name="複合単価_022">#REF!</definedName>
    <definedName name="複合単価_023">#REF!</definedName>
    <definedName name="複合単価_024">#REF!</definedName>
    <definedName name="複合単価_025">#REF!</definedName>
    <definedName name="複合単価_026">#REF!</definedName>
    <definedName name="複合単価_027">#REF!</definedName>
    <definedName name="複合単価_028">#REF!</definedName>
    <definedName name="複合単価_029">#REF!</definedName>
    <definedName name="複合単価_030">#REF!</definedName>
    <definedName name="複合単価_031">#REF!</definedName>
    <definedName name="複合単価_032">#REF!</definedName>
    <definedName name="複合単価_033">#REF!</definedName>
    <definedName name="複合単価_034">#REF!</definedName>
    <definedName name="複合単価_035">#REF!</definedName>
    <definedName name="複合単価_036">#REF!</definedName>
    <definedName name="複合単価_037">#REF!</definedName>
    <definedName name="複合単価_038">#REF!</definedName>
    <definedName name="複合単価_039">#REF!</definedName>
    <definedName name="複合単価_040">#REF!</definedName>
    <definedName name="複合単価_041">#REF!</definedName>
    <definedName name="複合単価_042">#REF!</definedName>
    <definedName name="複合単価_043">#REF!</definedName>
    <definedName name="複合単価_044">#REF!</definedName>
    <definedName name="複合単価_045">#REF!</definedName>
    <definedName name="複合単価_046">#REF!</definedName>
    <definedName name="複合単価_047">#REF!</definedName>
    <definedName name="複合単価_048">#REF!</definedName>
    <definedName name="複合単価_049">#REF!</definedName>
    <definedName name="複合単価_050">#REF!</definedName>
    <definedName name="複合単価_051">#REF!</definedName>
    <definedName name="複合単価_052">#REF!</definedName>
    <definedName name="複合単価表">#REF!</definedName>
    <definedName name="複写">#REF!</definedName>
    <definedName name="複写範囲">#REF!</definedName>
    <definedName name="物価資料価格表">'[94]物価資料価格表(変更後)'!$A$1:$L$65536</definedName>
    <definedName name="分類">[95]機器等据付重量表!$C$7:$C$56,[95]機器等据付重量表!$C$63,[95]機器等据付重量表!$C$63:$C$112,[95]機器等据付重量表!$C$119,[95]機器等据付重量表!$C$119:$C$168,[95]機器等据付重量表!$C$175:$C$224,[95]機器等据付重量表!$C$231,[95]機器等据付重量表!$C$231:$C$280,[95]機器等据付重量表!$C$287,[95]機器等据付重量表!$C$287:$C$336,[95]機器等据付重量表!$C$343,[95]機器等据付重量表!$C$343:$C$392</definedName>
    <definedName name="粉炭費">#REF!</definedName>
    <definedName name="兵庫県都まちづくり部設備課">[96]小項目!#REF!</definedName>
    <definedName name="頁枚数">[24]表紙!#REF!</definedName>
    <definedName name="別途">[5]付帯!$F$3</definedName>
    <definedName name="変更用紙">[78]!印刷</definedName>
    <definedName name="弁類">#REF!</definedName>
    <definedName name="保温工">#REF!</definedName>
    <definedName name="保証方法">#REF!</definedName>
    <definedName name="保存">#N/A</definedName>
    <definedName name="舗装データ">#REF!</definedName>
    <definedName name="舗装復旧工">#REF!</definedName>
    <definedName name="歩掛け">#REF!</definedName>
    <definedName name="歩掛表">#REF!</definedName>
    <definedName name="補給率">#REF!</definedName>
    <definedName name="補正">#REF!</definedName>
    <definedName name="法面工">#REF!</definedName>
    <definedName name="防水工">#REF!</definedName>
    <definedName name="膜ポンプKW">#REF!</definedName>
    <definedName name="膜ろ過原水量">[57]条件!$C$15</definedName>
    <definedName name="膜ろ過棟" localSheetId="12" hidden="1">{"設定1",#N/A,FALSE,"第5号-1";"設定2",#N/A,FALSE,"第5号-1"}</definedName>
    <definedName name="膜ろ過棟" hidden="1">{"設定1",#N/A,FALSE,"第5号-1";"設定2",#N/A,FALSE,"第5号-1"}</definedName>
    <definedName name="膜交換費">#REF!</definedName>
    <definedName name="密粒AS">#REF!</definedName>
    <definedName name="名称">#REF!</definedName>
    <definedName name="面積">#REF!</definedName>
    <definedName name="問い合せ">#REF!</definedName>
    <definedName name="役務">#REF!</definedName>
    <definedName name="薬注回数">[57]条件!$E$23</definedName>
    <definedName name="薬注時間">[57]条件!$C$24</definedName>
    <definedName name="薬注頻度">[57]条件!$C$23</definedName>
    <definedName name="薬品洗浄費">#REF!</definedName>
    <definedName name="輸送１">#REF!</definedName>
    <definedName name="輸送費">#REF!</definedName>
    <definedName name="予定価格積算書">#REF!</definedName>
    <definedName name="幼児便器">#REF!</definedName>
    <definedName name="擁壁小">[73]工事費内訳表!$H$43</definedName>
    <definedName name="擁壁大">[73]工事費内訳表!$H$69</definedName>
    <definedName name="洋風便器">#REF!</definedName>
    <definedName name="溶接工">#REF!</definedName>
    <definedName name="溶接棒">#REF!</definedName>
    <definedName name="理事_技師長">#REF!</definedName>
    <definedName name="率元">#REF!</definedName>
    <definedName name="立案冠記号">[97]Code!#REF!</definedName>
    <definedName name="粒調砕石Mｰ30">#REF!</definedName>
    <definedName name="鈴鹿市">#REF!</definedName>
    <definedName name="鈴木" localSheetId="12" hidden="1">{"設定1",#N/A,FALSE,"第5号-1";"設定2",#N/A,FALSE,"第5号-1"}</definedName>
    <definedName name="鈴木" hidden="1">{"設定1",#N/A,FALSE,"第5号-1";"設定2",#N/A,FALSE,"第5号-1"}</definedName>
    <definedName name="鈴木_1" localSheetId="12" hidden="1">{"設定1",#N/A,FALSE,"第5号-1";"設定2",#N/A,FALSE,"第5号-1"}</definedName>
    <definedName name="鈴木_1" hidden="1">{"設定1",#N/A,FALSE,"第5号-1";"設定2",#N/A,FALSE,"第5号-1"}</definedName>
    <definedName name="列数">[57]条件!$C$9</definedName>
    <definedName name="列幅変更">#REF!</definedName>
    <definedName name="路床砕石">#REF!</definedName>
    <definedName name="労務">#REF!</definedName>
    <definedName name="労務原価">#REF!</definedName>
    <definedName name="労務単価">#REF!</definedName>
    <definedName name="労務費">[17]経費計算!#REF!</definedName>
    <definedName name="労務費１">[17]経費計算!#REF!</definedName>
    <definedName name="労務費2">[87]!湯ノ谷印刷</definedName>
    <definedName name="労務表">[98]労務単価コード!$B$2:$E$64</definedName>
    <definedName name="濾過池配線材料" localSheetId="12" hidden="1">{"設定1",#N/A,FALSE,"第5号-1";"設定2",#N/A,FALSE,"第5号-1"}</definedName>
    <definedName name="濾過池配線材料" hidden="1">{"設定1",#N/A,FALSE,"第5号-1";"設定2",#N/A,FALSE,"第5号-1"}</definedName>
  </definedNames>
  <calcPr calcId="145621"/>
</workbook>
</file>

<file path=xl/sharedStrings.xml><?xml version="1.0" encoding="utf-8"?>
<sst xmlns="http://schemas.openxmlformats.org/spreadsheetml/2006/main" count="17806" uniqueCount="1713">
  <si>
    <t>式</t>
    <rPh sb="0" eb="1">
      <t>シキ</t>
    </rPh>
    <phoneticPr fontId="6"/>
  </si>
  <si>
    <t>費    目</t>
  </si>
  <si>
    <t>工    種</t>
  </si>
  <si>
    <t>種      別</t>
  </si>
  <si>
    <t>細    別</t>
  </si>
  <si>
    <t>単    価</t>
  </si>
  <si>
    <t>金      額</t>
  </si>
  <si>
    <t>摘        要</t>
  </si>
  <si>
    <t>設  計  書  用  紙</t>
  </si>
  <si>
    <t>労務費</t>
  </si>
  <si>
    <t>計</t>
    <rPh sb="0" eb="1">
      <t>ケイ</t>
    </rPh>
    <phoneticPr fontId="6"/>
  </si>
  <si>
    <t>四日市市上下水道局</t>
    <rPh sb="4" eb="6">
      <t>ジョウゲ</t>
    </rPh>
    <phoneticPr fontId="6"/>
  </si>
  <si>
    <t>仮設及び工事用道路等の調整</t>
  </si>
  <si>
    <t>建設機械等の調整</t>
  </si>
  <si>
    <t>施工順序の調整</t>
  </si>
  <si>
    <t>用地補償物件の未処理箇所あり</t>
  </si>
  <si>
    <t>未処理箇所</t>
  </si>
  <si>
    <t>完了見込み時期</t>
  </si>
  <si>
    <t>交通安全施設等の配置</t>
  </si>
  <si>
    <t>イメージアップの内容（率分）</t>
  </si>
  <si>
    <t>イメージアップの内容（積上）</t>
  </si>
  <si>
    <t>※法令上乗せ制限の場合</t>
  </si>
  <si>
    <t>（部分改定を行った内容も含む（最新改定平成　年　月　日））</t>
  </si>
  <si>
    <t>式</t>
    <rPh sb="0" eb="1">
      <t>シキ</t>
    </rPh>
    <phoneticPr fontId="4"/>
  </si>
  <si>
    <t>材料費</t>
    <rPh sb="0" eb="3">
      <t>ザイリョウヒ</t>
    </rPh>
    <phoneticPr fontId="4"/>
  </si>
  <si>
    <t>その他</t>
    <rPh sb="2" eb="3">
      <t>タ</t>
    </rPh>
    <phoneticPr fontId="4"/>
  </si>
  <si>
    <t>明示項目</t>
    <rPh sb="0" eb="2">
      <t>メイジ</t>
    </rPh>
    <rPh sb="2" eb="4">
      <t>コウモク</t>
    </rPh>
    <phoneticPr fontId="4"/>
  </si>
  <si>
    <t>明示事項</t>
    <rPh sb="0" eb="2">
      <t>メイジ</t>
    </rPh>
    <rPh sb="2" eb="4">
      <t>ジコウ</t>
    </rPh>
    <phoneticPr fontId="4"/>
  </si>
  <si>
    <t>条件及び内容</t>
    <rPh sb="0" eb="2">
      <t>ジョウケン</t>
    </rPh>
    <rPh sb="2" eb="3">
      <t>オヨ</t>
    </rPh>
    <rPh sb="4" eb="6">
      <t>ナイヨウ</t>
    </rPh>
    <phoneticPr fontId="4"/>
  </si>
  <si>
    <t>設計積算条件</t>
    <rPh sb="0" eb="2">
      <t>セッケイ</t>
    </rPh>
    <rPh sb="2" eb="4">
      <t>セキサン</t>
    </rPh>
    <rPh sb="4" eb="6">
      <t>ジョウケン</t>
    </rPh>
    <phoneticPr fontId="4"/>
  </si>
  <si>
    <t>工事工種</t>
    <rPh sb="0" eb="2">
      <t>コウジ</t>
    </rPh>
    <rPh sb="2" eb="4">
      <t>コウシュ</t>
    </rPh>
    <phoneticPr fontId="4"/>
  </si>
  <si>
    <t>積算基準</t>
    <rPh sb="0" eb="2">
      <t>セキサン</t>
    </rPh>
    <rPh sb="2" eb="4">
      <t>キジュン</t>
    </rPh>
    <phoneticPr fontId="4"/>
  </si>
  <si>
    <t>単価適用日</t>
    <rPh sb="0" eb="2">
      <t>タンカ</t>
    </rPh>
    <rPh sb="2" eb="4">
      <t>テキヨウ</t>
    </rPh>
    <rPh sb="4" eb="5">
      <t>ヒ</t>
    </rPh>
    <phoneticPr fontId="4"/>
  </si>
  <si>
    <t>施工区分</t>
    <rPh sb="0" eb="2">
      <t>セコウ</t>
    </rPh>
    <rPh sb="2" eb="4">
      <t>クブン</t>
    </rPh>
    <phoneticPr fontId="4"/>
  </si>
  <si>
    <t>市街地</t>
    <rPh sb="0" eb="3">
      <t>シガイチ</t>
    </rPh>
    <phoneticPr fontId="4"/>
  </si>
  <si>
    <t>山間僻地及び離島</t>
    <rPh sb="0" eb="2">
      <t>サンカン</t>
    </rPh>
    <rPh sb="2" eb="3">
      <t>ヘキ</t>
    </rPh>
    <rPh sb="3" eb="4">
      <t>チ</t>
    </rPh>
    <rPh sb="4" eb="5">
      <t>オヨ</t>
    </rPh>
    <rPh sb="6" eb="8">
      <t>リトウ</t>
    </rPh>
    <phoneticPr fontId="4"/>
  </si>
  <si>
    <t>地方部（一般交通の影響を受ける）</t>
    <rPh sb="0" eb="3">
      <t>チホウブ</t>
    </rPh>
    <rPh sb="4" eb="6">
      <t>イッパン</t>
    </rPh>
    <rPh sb="6" eb="8">
      <t>コウツウ</t>
    </rPh>
    <rPh sb="9" eb="11">
      <t>エイキョウ</t>
    </rPh>
    <rPh sb="12" eb="13">
      <t>ウ</t>
    </rPh>
    <phoneticPr fontId="4"/>
  </si>
  <si>
    <t>地方部（一般交通の影響を受けない）</t>
    <rPh sb="0" eb="3">
      <t>チホウブ</t>
    </rPh>
    <rPh sb="4" eb="6">
      <t>イッパン</t>
    </rPh>
    <rPh sb="6" eb="8">
      <t>コウツウ</t>
    </rPh>
    <rPh sb="9" eb="11">
      <t>エイキョウ</t>
    </rPh>
    <rPh sb="12" eb="13">
      <t>ウ</t>
    </rPh>
    <phoneticPr fontId="4"/>
  </si>
  <si>
    <t>一般管理費</t>
    <rPh sb="0" eb="2">
      <t>イッパン</t>
    </rPh>
    <rPh sb="2" eb="5">
      <t>カンリヒ</t>
    </rPh>
    <phoneticPr fontId="4"/>
  </si>
  <si>
    <t>工事原価500万円以下</t>
    <rPh sb="0" eb="2">
      <t>コウジ</t>
    </rPh>
    <rPh sb="2" eb="4">
      <t>ゲンカ</t>
    </rPh>
    <rPh sb="7" eb="9">
      <t>マンエン</t>
    </rPh>
    <rPh sb="9" eb="11">
      <t>イカ</t>
    </rPh>
    <phoneticPr fontId="4"/>
  </si>
  <si>
    <t>500万円を越え30億円以下</t>
    <rPh sb="3" eb="5">
      <t>マンエン</t>
    </rPh>
    <rPh sb="6" eb="7">
      <t>コ</t>
    </rPh>
    <rPh sb="10" eb="14">
      <t>オクエンイカ</t>
    </rPh>
    <phoneticPr fontId="4"/>
  </si>
  <si>
    <t>30億円を越えるもの</t>
    <rPh sb="2" eb="4">
      <t>オクエン</t>
    </rPh>
    <rPh sb="5" eb="6">
      <t>コ</t>
    </rPh>
    <phoneticPr fontId="4"/>
  </si>
  <si>
    <t>前払金支出割合補正</t>
    <rPh sb="0" eb="2">
      <t>マエバラ</t>
    </rPh>
    <rPh sb="2" eb="3">
      <t>キン</t>
    </rPh>
    <rPh sb="3" eb="5">
      <t>シシュツ</t>
    </rPh>
    <rPh sb="5" eb="7">
      <t>ワリアイ</t>
    </rPh>
    <rPh sb="7" eb="9">
      <t>ホセイ</t>
    </rPh>
    <phoneticPr fontId="4"/>
  </si>
  <si>
    <t>有</t>
    <rPh sb="0" eb="1">
      <t>アリ</t>
    </rPh>
    <phoneticPr fontId="4"/>
  </si>
  <si>
    <t>無</t>
    <rPh sb="0" eb="1">
      <t>ナ</t>
    </rPh>
    <phoneticPr fontId="4"/>
  </si>
  <si>
    <t>契約保証に係る一般管理費等率の補正</t>
    <rPh sb="0" eb="2">
      <t>ケイヤク</t>
    </rPh>
    <rPh sb="2" eb="4">
      <t>ホショウ</t>
    </rPh>
    <rPh sb="5" eb="6">
      <t>カカ</t>
    </rPh>
    <rPh sb="7" eb="9">
      <t>イッパン</t>
    </rPh>
    <rPh sb="9" eb="12">
      <t>カンリヒ</t>
    </rPh>
    <rPh sb="12" eb="13">
      <t>トウ</t>
    </rPh>
    <rPh sb="13" eb="14">
      <t>リツ</t>
    </rPh>
    <rPh sb="15" eb="17">
      <t>ホセイ</t>
    </rPh>
    <phoneticPr fontId="4"/>
  </si>
  <si>
    <t>随意契約による調整</t>
    <rPh sb="0" eb="2">
      <t>ズイイ</t>
    </rPh>
    <rPh sb="2" eb="4">
      <t>ケイヤク</t>
    </rPh>
    <rPh sb="7" eb="9">
      <t>チョウセイ</t>
    </rPh>
    <phoneticPr fontId="4"/>
  </si>
  <si>
    <t>工程関係</t>
    <rPh sb="0" eb="2">
      <t>コウテイ</t>
    </rPh>
    <rPh sb="2" eb="4">
      <t>カンケイ</t>
    </rPh>
    <phoneticPr fontId="4"/>
  </si>
  <si>
    <t>調整項目</t>
    <rPh sb="0" eb="2">
      <t>チョウセイ</t>
    </rPh>
    <rPh sb="2" eb="4">
      <t>コウモク</t>
    </rPh>
    <phoneticPr fontId="4"/>
  </si>
  <si>
    <t>資材等の流用</t>
    <rPh sb="0" eb="2">
      <t>シザイ</t>
    </rPh>
    <rPh sb="2" eb="3">
      <t>トウ</t>
    </rPh>
    <rPh sb="4" eb="6">
      <t>リュウヨウ</t>
    </rPh>
    <phoneticPr fontId="4"/>
  </si>
  <si>
    <t>（</t>
    <phoneticPr fontId="4"/>
  </si>
  <si>
    <t>）</t>
    <phoneticPr fontId="4"/>
  </si>
  <si>
    <t>別途協議</t>
    <rPh sb="0" eb="2">
      <t>ベット</t>
    </rPh>
    <rPh sb="2" eb="4">
      <t>キョウギ</t>
    </rPh>
    <phoneticPr fontId="4"/>
  </si>
  <si>
    <t>施工時期、施工時間及び施工方法の制限</t>
    <rPh sb="0" eb="2">
      <t>セコウ</t>
    </rPh>
    <rPh sb="2" eb="4">
      <t>ジキ</t>
    </rPh>
    <rPh sb="5" eb="7">
      <t>セコウ</t>
    </rPh>
    <rPh sb="7" eb="9">
      <t>ジカン</t>
    </rPh>
    <rPh sb="9" eb="10">
      <t>オヨ</t>
    </rPh>
    <rPh sb="11" eb="13">
      <t>セコウ</t>
    </rPh>
    <rPh sb="13" eb="15">
      <t>ホウホウ</t>
    </rPh>
    <rPh sb="16" eb="18">
      <t>セイゲン</t>
    </rPh>
    <phoneticPr fontId="4"/>
  </si>
  <si>
    <t>施工時期及び施工時間</t>
    <rPh sb="0" eb="2">
      <t>セコウ</t>
    </rPh>
    <rPh sb="2" eb="4">
      <t>ジキ</t>
    </rPh>
    <rPh sb="4" eb="5">
      <t>オヨ</t>
    </rPh>
    <rPh sb="6" eb="8">
      <t>セコウ</t>
    </rPh>
    <rPh sb="8" eb="10">
      <t>ジカン</t>
    </rPh>
    <phoneticPr fontId="4"/>
  </si>
  <si>
    <t>施工方法</t>
    <rPh sb="0" eb="2">
      <t>セコウ</t>
    </rPh>
    <rPh sb="2" eb="4">
      <t>ホウホウ</t>
    </rPh>
    <phoneticPr fontId="4"/>
  </si>
  <si>
    <t>他機関との協議</t>
    <rPh sb="0" eb="3">
      <t>タキカン</t>
    </rPh>
    <rPh sb="5" eb="7">
      <t>キョウギ</t>
    </rPh>
    <phoneticPr fontId="4"/>
  </si>
  <si>
    <t>協議が必要な機関名</t>
    <phoneticPr fontId="4"/>
  </si>
  <si>
    <t>用地関係</t>
    <rPh sb="0" eb="2">
      <t>ヨウチ</t>
    </rPh>
    <rPh sb="2" eb="4">
      <t>カンケイ</t>
    </rPh>
    <phoneticPr fontId="4"/>
  </si>
  <si>
    <t>別添図</t>
    <rPh sb="0" eb="2">
      <t>ベッテン</t>
    </rPh>
    <rPh sb="2" eb="3">
      <t>ズ</t>
    </rPh>
    <phoneticPr fontId="4"/>
  </si>
  <si>
    <t>平成</t>
    <rPh sb="0" eb="2">
      <t>ヘイセイ</t>
    </rPh>
    <phoneticPr fontId="4"/>
  </si>
  <si>
    <t>年</t>
    <rPh sb="0" eb="1">
      <t>ネン</t>
    </rPh>
    <phoneticPr fontId="4"/>
  </si>
  <si>
    <t>月頃</t>
    <rPh sb="0" eb="1">
      <t>ツキ</t>
    </rPh>
    <rPh sb="1" eb="2">
      <t>コロ</t>
    </rPh>
    <phoneticPr fontId="4"/>
  </si>
  <si>
    <t>仮設ヤードあり</t>
    <rPh sb="0" eb="2">
      <t>カセツ</t>
    </rPh>
    <phoneticPr fontId="4"/>
  </si>
  <si>
    <t>仮設ヤード</t>
    <rPh sb="0" eb="2">
      <t>カセツ</t>
    </rPh>
    <phoneticPr fontId="4"/>
  </si>
  <si>
    <t>官有地</t>
    <rPh sb="0" eb="3">
      <t>カンユウチ</t>
    </rPh>
    <phoneticPr fontId="4"/>
  </si>
  <si>
    <t>民有地</t>
    <rPh sb="0" eb="3">
      <t>ミンユウチ</t>
    </rPh>
    <phoneticPr fontId="4"/>
  </si>
  <si>
    <t>仮設ヤード使用期間</t>
    <rPh sb="0" eb="2">
      <t>カセツ</t>
    </rPh>
    <rPh sb="5" eb="7">
      <t>シヨウ</t>
    </rPh>
    <rPh sb="7" eb="9">
      <t>キカン</t>
    </rPh>
    <phoneticPr fontId="4"/>
  </si>
  <si>
    <t>仮設ヤードからの運搬距離</t>
    <rPh sb="0" eb="2">
      <t>カセツ</t>
    </rPh>
    <rPh sb="8" eb="10">
      <t>ウンパン</t>
    </rPh>
    <rPh sb="10" eb="12">
      <t>キョリ</t>
    </rPh>
    <phoneticPr fontId="4"/>
  </si>
  <si>
    <t>使用条件・復旧方法</t>
    <rPh sb="0" eb="2">
      <t>シヨウ</t>
    </rPh>
    <rPh sb="2" eb="4">
      <t>ジョウケン</t>
    </rPh>
    <rPh sb="5" eb="7">
      <t>フッキュウ</t>
    </rPh>
    <rPh sb="7" eb="9">
      <t>ホウホウ</t>
    </rPh>
    <phoneticPr fontId="4"/>
  </si>
  <si>
    <t>公害対策関係</t>
    <rPh sb="0" eb="2">
      <t>コウガイ</t>
    </rPh>
    <rPh sb="2" eb="4">
      <t>タイサク</t>
    </rPh>
    <rPh sb="4" eb="6">
      <t>カンケイ</t>
    </rPh>
    <phoneticPr fontId="4"/>
  </si>
  <si>
    <t>施工方法の制限あり</t>
    <rPh sb="0" eb="2">
      <t>セコウ</t>
    </rPh>
    <rPh sb="2" eb="4">
      <t>ホウホウ</t>
    </rPh>
    <rPh sb="5" eb="7">
      <t>セイゲン</t>
    </rPh>
    <phoneticPr fontId="4"/>
  </si>
  <si>
    <t>制限項目</t>
    <rPh sb="0" eb="2">
      <t>セイゲン</t>
    </rPh>
    <rPh sb="2" eb="4">
      <t>コウモク</t>
    </rPh>
    <phoneticPr fontId="4"/>
  </si>
  <si>
    <t>騒音</t>
    <rPh sb="0" eb="2">
      <t>ソウオン</t>
    </rPh>
    <phoneticPr fontId="4"/>
  </si>
  <si>
    <t>振動</t>
    <rPh sb="0" eb="2">
      <t>シンドウ</t>
    </rPh>
    <phoneticPr fontId="4"/>
  </si>
  <si>
    <t>水質</t>
    <rPh sb="0" eb="2">
      <t>スイシツ</t>
    </rPh>
    <phoneticPr fontId="4"/>
  </si>
  <si>
    <t>粉じん</t>
    <rPh sb="0" eb="1">
      <t>フン</t>
    </rPh>
    <phoneticPr fontId="4"/>
  </si>
  <si>
    <t>排出ガス</t>
    <rPh sb="0" eb="2">
      <t>ハイシュツ</t>
    </rPh>
    <phoneticPr fontId="4"/>
  </si>
  <si>
    <t>指定工法名</t>
    <rPh sb="0" eb="2">
      <t>シテイ</t>
    </rPh>
    <rPh sb="2" eb="4">
      <t>コウホウ</t>
    </rPh>
    <rPh sb="4" eb="5">
      <t>メイ</t>
    </rPh>
    <phoneticPr fontId="4"/>
  </si>
  <si>
    <t>調査項目</t>
    <rPh sb="0" eb="2">
      <t>チョウサ</t>
    </rPh>
    <rPh sb="2" eb="4">
      <t>コウモク</t>
    </rPh>
    <phoneticPr fontId="4"/>
  </si>
  <si>
    <t>騒音測定</t>
    <rPh sb="0" eb="2">
      <t>ソウオン</t>
    </rPh>
    <rPh sb="2" eb="4">
      <t>ソクテイ</t>
    </rPh>
    <phoneticPr fontId="4"/>
  </si>
  <si>
    <t>振動測定</t>
    <rPh sb="0" eb="2">
      <t>シンドウ</t>
    </rPh>
    <rPh sb="2" eb="4">
      <t>ソクテイ</t>
    </rPh>
    <phoneticPr fontId="4"/>
  </si>
  <si>
    <t>水質測定</t>
    <rPh sb="0" eb="2">
      <t>スイシツ</t>
    </rPh>
    <rPh sb="2" eb="4">
      <t>ソクテイ</t>
    </rPh>
    <phoneticPr fontId="4"/>
  </si>
  <si>
    <t>近接家屋の事前・事後調査</t>
    <rPh sb="0" eb="2">
      <t>キンセツ</t>
    </rPh>
    <rPh sb="2" eb="4">
      <t>カオク</t>
    </rPh>
    <rPh sb="5" eb="7">
      <t>ジゼン</t>
    </rPh>
    <rPh sb="8" eb="10">
      <t>ジゴ</t>
    </rPh>
    <rPh sb="10" eb="12">
      <t>チョウサ</t>
    </rPh>
    <phoneticPr fontId="4"/>
  </si>
  <si>
    <t>地盤沈下測定</t>
    <rPh sb="0" eb="2">
      <t>ジバン</t>
    </rPh>
    <rPh sb="2" eb="4">
      <t>チンカ</t>
    </rPh>
    <rPh sb="4" eb="6">
      <t>ソクテイ</t>
    </rPh>
    <phoneticPr fontId="4"/>
  </si>
  <si>
    <t>地下水位等の測定</t>
    <rPh sb="0" eb="2">
      <t>チカ</t>
    </rPh>
    <rPh sb="2" eb="4">
      <t>スイイ</t>
    </rPh>
    <rPh sb="4" eb="5">
      <t>トウ</t>
    </rPh>
    <rPh sb="6" eb="8">
      <t>ソクテイ</t>
    </rPh>
    <phoneticPr fontId="4"/>
  </si>
  <si>
    <t>調査方法</t>
    <rPh sb="0" eb="2">
      <t>チョウサ</t>
    </rPh>
    <rPh sb="2" eb="4">
      <t>ホウホウ</t>
    </rPh>
    <phoneticPr fontId="4"/>
  </si>
  <si>
    <t>別途資料</t>
    <rPh sb="0" eb="2">
      <t>ベット</t>
    </rPh>
    <rPh sb="2" eb="4">
      <t>シリョウ</t>
    </rPh>
    <phoneticPr fontId="4"/>
  </si>
  <si>
    <t>工事用道路関係</t>
    <rPh sb="0" eb="3">
      <t>コウジヨウ</t>
    </rPh>
    <rPh sb="3" eb="5">
      <t>ドウロ</t>
    </rPh>
    <rPh sb="5" eb="7">
      <t>カンケイ</t>
    </rPh>
    <phoneticPr fontId="4"/>
  </si>
  <si>
    <t>別途図面</t>
    <rPh sb="0" eb="2">
      <t>ベット</t>
    </rPh>
    <rPh sb="2" eb="4">
      <t>ズメン</t>
    </rPh>
    <phoneticPr fontId="4"/>
  </si>
  <si>
    <t>交通管理要員の配置</t>
    <rPh sb="2" eb="4">
      <t>カンリ</t>
    </rPh>
    <rPh sb="4" eb="6">
      <t>ヨウイン</t>
    </rPh>
    <rPh sb="7" eb="9">
      <t>ハイチ</t>
    </rPh>
    <phoneticPr fontId="4"/>
  </si>
  <si>
    <t>別途仕様書</t>
    <rPh sb="0" eb="2">
      <t>ベット</t>
    </rPh>
    <rPh sb="2" eb="5">
      <t>シヨウショ</t>
    </rPh>
    <phoneticPr fontId="4"/>
  </si>
  <si>
    <t>配置人員数</t>
    <rPh sb="0" eb="2">
      <t>ハイチ</t>
    </rPh>
    <rPh sb="2" eb="4">
      <t>ジンイン</t>
    </rPh>
    <rPh sb="4" eb="5">
      <t>スウ</t>
    </rPh>
    <phoneticPr fontId="4"/>
  </si>
  <si>
    <t>人）</t>
    <rPh sb="0" eb="1">
      <t>ニン</t>
    </rPh>
    <phoneticPr fontId="4"/>
  </si>
  <si>
    <t>工事施工期間において工事箇所の前後に各1名計2名を配置する。（※配置方法を示す。）</t>
    <rPh sb="0" eb="2">
      <t>コウジ</t>
    </rPh>
    <rPh sb="2" eb="4">
      <t>セコウ</t>
    </rPh>
    <rPh sb="4" eb="6">
      <t>キカン</t>
    </rPh>
    <rPh sb="10" eb="12">
      <t>コウジ</t>
    </rPh>
    <rPh sb="12" eb="14">
      <t>カショ</t>
    </rPh>
    <rPh sb="15" eb="17">
      <t>ゼンゴ</t>
    </rPh>
    <rPh sb="18" eb="19">
      <t>カク</t>
    </rPh>
    <rPh sb="20" eb="21">
      <t>メイ</t>
    </rPh>
    <rPh sb="21" eb="22">
      <t>ケイ</t>
    </rPh>
    <rPh sb="23" eb="24">
      <t>メイ</t>
    </rPh>
    <rPh sb="25" eb="27">
      <t>ハイチ</t>
    </rPh>
    <rPh sb="32" eb="34">
      <t>ハイチ</t>
    </rPh>
    <rPh sb="34" eb="36">
      <t>ホウホウ</t>
    </rPh>
    <rPh sb="37" eb="38">
      <t>シメ</t>
    </rPh>
    <phoneticPr fontId="4"/>
  </si>
  <si>
    <t>（注：配置人員の変更は原則行なわないものとする。）</t>
    <rPh sb="1" eb="2">
      <t>チュウ</t>
    </rPh>
    <rPh sb="3" eb="5">
      <t>ハイチ</t>
    </rPh>
    <rPh sb="5" eb="7">
      <t>ジンイン</t>
    </rPh>
    <rPh sb="8" eb="10">
      <t>ヘンコウ</t>
    </rPh>
    <rPh sb="11" eb="13">
      <t>ゲンソク</t>
    </rPh>
    <rPh sb="13" eb="14">
      <t>オコ</t>
    </rPh>
    <phoneticPr fontId="4"/>
  </si>
  <si>
    <t>近接公共施設等に対する制限</t>
    <rPh sb="0" eb="2">
      <t>キンセツ</t>
    </rPh>
    <rPh sb="2" eb="4">
      <t>コウキョウ</t>
    </rPh>
    <rPh sb="4" eb="6">
      <t>シセツ</t>
    </rPh>
    <rPh sb="6" eb="7">
      <t>トウ</t>
    </rPh>
    <rPh sb="8" eb="9">
      <t>タイ</t>
    </rPh>
    <rPh sb="11" eb="13">
      <t>セイゲン</t>
    </rPh>
    <phoneticPr fontId="4"/>
  </si>
  <si>
    <t>施工時間の制限</t>
    <rPh sb="0" eb="2">
      <t>セコウ</t>
    </rPh>
    <rPh sb="2" eb="4">
      <t>ジカン</t>
    </rPh>
    <rPh sb="5" eb="7">
      <t>セイゲン</t>
    </rPh>
    <phoneticPr fontId="4"/>
  </si>
  <si>
    <t>工法制限あり</t>
    <rPh sb="0" eb="2">
      <t>コウホウ</t>
    </rPh>
    <rPh sb="2" eb="4">
      <t>セイゲン</t>
    </rPh>
    <phoneticPr fontId="4"/>
  </si>
  <si>
    <t>・近接公共施設名等</t>
    <rPh sb="1" eb="3">
      <t>キンセツ</t>
    </rPh>
    <rPh sb="3" eb="5">
      <t>コウキョウ</t>
    </rPh>
    <rPh sb="5" eb="7">
      <t>シセツ</t>
    </rPh>
    <rPh sb="7" eb="8">
      <t>メイ</t>
    </rPh>
    <rPh sb="8" eb="9">
      <t>トウ</t>
    </rPh>
    <phoneticPr fontId="4"/>
  </si>
  <si>
    <t>鉄道</t>
    <rPh sb="0" eb="2">
      <t>テツドウ</t>
    </rPh>
    <phoneticPr fontId="4"/>
  </si>
  <si>
    <t>電気</t>
    <rPh sb="0" eb="2">
      <t>デンキ</t>
    </rPh>
    <phoneticPr fontId="4"/>
  </si>
  <si>
    <t>電話</t>
    <rPh sb="0" eb="2">
      <t>デンワ</t>
    </rPh>
    <phoneticPr fontId="4"/>
  </si>
  <si>
    <t>水道</t>
    <rPh sb="0" eb="2">
      <t>スイドウ</t>
    </rPh>
    <phoneticPr fontId="4"/>
  </si>
  <si>
    <t>・制限を受ける工種</t>
    <rPh sb="1" eb="3">
      <t>セイゲン</t>
    </rPh>
    <rPh sb="4" eb="5">
      <t>ウ</t>
    </rPh>
    <rPh sb="7" eb="9">
      <t>コウシュ</t>
    </rPh>
    <phoneticPr fontId="4"/>
  </si>
  <si>
    <t>・制限内容</t>
    <rPh sb="1" eb="3">
      <t>セイゲン</t>
    </rPh>
    <rPh sb="3" eb="5">
      <t>ナイヨウ</t>
    </rPh>
    <phoneticPr fontId="4"/>
  </si>
  <si>
    <t>安全防護施設等の配置</t>
    <rPh sb="0" eb="2">
      <t>アンゼン</t>
    </rPh>
    <rPh sb="2" eb="4">
      <t>ボウゴ</t>
    </rPh>
    <rPh sb="4" eb="6">
      <t>シセツ</t>
    </rPh>
    <rPh sb="6" eb="7">
      <t>トウ</t>
    </rPh>
    <rPh sb="8" eb="10">
      <t>ハイチ</t>
    </rPh>
    <phoneticPr fontId="4"/>
  </si>
  <si>
    <t>保安要員の配置</t>
    <rPh sb="0" eb="2">
      <t>ホアン</t>
    </rPh>
    <rPh sb="2" eb="4">
      <t>ヨウイン</t>
    </rPh>
    <rPh sb="5" eb="7">
      <t>ハイチ</t>
    </rPh>
    <phoneticPr fontId="4"/>
  </si>
  <si>
    <t>仮設備の設計条件あり</t>
    <rPh sb="0" eb="1">
      <t>カリ</t>
    </rPh>
    <rPh sb="1" eb="3">
      <t>セツビ</t>
    </rPh>
    <rPh sb="4" eb="6">
      <t>セッケイ</t>
    </rPh>
    <rPh sb="6" eb="8">
      <t>ジョウケン</t>
    </rPh>
    <phoneticPr fontId="4"/>
  </si>
  <si>
    <t>使用期間及び借地条件</t>
    <rPh sb="0" eb="2">
      <t>シヨウ</t>
    </rPh>
    <rPh sb="2" eb="4">
      <t>キカン</t>
    </rPh>
    <rPh sb="4" eb="5">
      <t>オヨ</t>
    </rPh>
    <rPh sb="6" eb="8">
      <t>シャクチ</t>
    </rPh>
    <rPh sb="8" eb="10">
      <t>ジョウケン</t>
    </rPh>
    <phoneticPr fontId="4"/>
  </si>
  <si>
    <t>別添図面等</t>
    <rPh sb="0" eb="2">
      <t>ベッテン</t>
    </rPh>
    <rPh sb="2" eb="4">
      <t>ズメン</t>
    </rPh>
    <rPh sb="4" eb="5">
      <t>トウ</t>
    </rPh>
    <phoneticPr fontId="4"/>
  </si>
  <si>
    <t>転用あり</t>
    <rPh sb="0" eb="2">
      <t>テンヨウ</t>
    </rPh>
    <phoneticPr fontId="4"/>
  </si>
  <si>
    <t>回）</t>
    <rPh sb="0" eb="1">
      <t>カイ</t>
    </rPh>
    <phoneticPr fontId="4"/>
  </si>
  <si>
    <t>兼用あり</t>
    <rPh sb="0" eb="2">
      <t>ケンヨウ</t>
    </rPh>
    <phoneticPr fontId="4"/>
  </si>
  <si>
    <t>仮設物の構造及び施工方法の指定</t>
    <rPh sb="0" eb="2">
      <t>カセツ</t>
    </rPh>
    <rPh sb="2" eb="3">
      <t>ブツ</t>
    </rPh>
    <rPh sb="4" eb="6">
      <t>コウゾウ</t>
    </rPh>
    <rPh sb="6" eb="7">
      <t>オヨ</t>
    </rPh>
    <rPh sb="8" eb="10">
      <t>セコウ</t>
    </rPh>
    <rPh sb="10" eb="12">
      <t>ホウホウ</t>
    </rPh>
    <rPh sb="13" eb="15">
      <t>シテイ</t>
    </rPh>
    <phoneticPr fontId="4"/>
  </si>
  <si>
    <t>構造及び設計条件</t>
    <rPh sb="0" eb="2">
      <t>コウゾウ</t>
    </rPh>
    <rPh sb="2" eb="3">
      <t>オヨ</t>
    </rPh>
    <rPh sb="4" eb="6">
      <t>セッケイ</t>
    </rPh>
    <rPh sb="6" eb="8">
      <t>ジョウケン</t>
    </rPh>
    <phoneticPr fontId="4"/>
  </si>
  <si>
    <t>残土・産業廃棄物
関係</t>
    <rPh sb="0" eb="2">
      <t>ザンド</t>
    </rPh>
    <rPh sb="3" eb="5">
      <t>サンギョウ</t>
    </rPh>
    <rPh sb="5" eb="8">
      <t>ハイキブツ</t>
    </rPh>
    <phoneticPr fontId="4"/>
  </si>
  <si>
    <t>残土処分（自由処分）</t>
    <rPh sb="0" eb="2">
      <t>ザンド</t>
    </rPh>
    <rPh sb="2" eb="4">
      <t>ショブン</t>
    </rPh>
    <rPh sb="5" eb="7">
      <t>ジユウ</t>
    </rPh>
    <rPh sb="7" eb="9">
      <t>ショブン</t>
    </rPh>
    <phoneticPr fontId="4"/>
  </si>
  <si>
    <t>残土処分地</t>
    <rPh sb="0" eb="2">
      <t>ザンド</t>
    </rPh>
    <rPh sb="2" eb="4">
      <t>ショブン</t>
    </rPh>
    <rPh sb="4" eb="5">
      <t>チ</t>
    </rPh>
    <phoneticPr fontId="4"/>
  </si>
  <si>
    <t>運搬距離</t>
    <rPh sb="0" eb="2">
      <t>ウンパン</t>
    </rPh>
    <rPh sb="2" eb="4">
      <t>キョリ</t>
    </rPh>
    <phoneticPr fontId="4"/>
  </si>
  <si>
    <t>別添図等</t>
    <rPh sb="0" eb="2">
      <t>ベッテン</t>
    </rPh>
    <rPh sb="2" eb="3">
      <t>ズ</t>
    </rPh>
    <rPh sb="3" eb="4">
      <t>トウ</t>
    </rPh>
    <phoneticPr fontId="4"/>
  </si>
  <si>
    <t>処分地の処理条件あり</t>
    <rPh sb="0" eb="2">
      <t>ショブン</t>
    </rPh>
    <rPh sb="2" eb="3">
      <t>チ</t>
    </rPh>
    <rPh sb="4" eb="6">
      <t>ショリ</t>
    </rPh>
    <rPh sb="6" eb="8">
      <t>ジョウケン</t>
    </rPh>
    <phoneticPr fontId="4"/>
  </si>
  <si>
    <t>押土整地</t>
    <rPh sb="0" eb="1">
      <t>オ</t>
    </rPh>
    <rPh sb="1" eb="2">
      <t>ツチ</t>
    </rPh>
    <rPh sb="2" eb="4">
      <t>セイチ</t>
    </rPh>
    <phoneticPr fontId="4"/>
  </si>
  <si>
    <t>残土処分（指定処分・他工事流用）</t>
    <rPh sb="0" eb="2">
      <t>ザンド</t>
    </rPh>
    <rPh sb="2" eb="4">
      <t>ショブン</t>
    </rPh>
    <rPh sb="5" eb="7">
      <t>シテイ</t>
    </rPh>
    <rPh sb="7" eb="9">
      <t>ショブン</t>
    </rPh>
    <rPh sb="10" eb="11">
      <t>タ</t>
    </rPh>
    <rPh sb="11" eb="13">
      <t>コウジ</t>
    </rPh>
    <rPh sb="13" eb="15">
      <t>リュウヨウ</t>
    </rPh>
    <phoneticPr fontId="4"/>
  </si>
  <si>
    <t>産業廃棄物の処理条件あり</t>
    <rPh sb="0" eb="2">
      <t>サンギョウ</t>
    </rPh>
    <rPh sb="2" eb="5">
      <t>ハイキブツ</t>
    </rPh>
    <rPh sb="6" eb="8">
      <t>ショリ</t>
    </rPh>
    <rPh sb="8" eb="10">
      <t>ジョウケン</t>
    </rPh>
    <phoneticPr fontId="4"/>
  </si>
  <si>
    <t>産業廃棄物の種類</t>
    <rPh sb="0" eb="2">
      <t>サンギョウ</t>
    </rPh>
    <rPh sb="2" eb="5">
      <t>ハイキブツ</t>
    </rPh>
    <rPh sb="6" eb="8">
      <t>シュルイ</t>
    </rPh>
    <phoneticPr fontId="4"/>
  </si>
  <si>
    <t>コン塊</t>
    <rPh sb="2" eb="3">
      <t>カイ</t>
    </rPh>
    <phoneticPr fontId="4"/>
  </si>
  <si>
    <t>アス塊</t>
    <rPh sb="2" eb="3">
      <t>カイ</t>
    </rPh>
    <phoneticPr fontId="4"/>
  </si>
  <si>
    <t>木材</t>
    <rPh sb="0" eb="2">
      <t>モクザイ</t>
    </rPh>
    <phoneticPr fontId="4"/>
  </si>
  <si>
    <t>汚泥</t>
    <rPh sb="0" eb="2">
      <t>オデイ</t>
    </rPh>
    <phoneticPr fontId="4"/>
  </si>
  <si>
    <t>産業廃棄物の処分地</t>
    <rPh sb="0" eb="2">
      <t>サンギョウ</t>
    </rPh>
    <rPh sb="2" eb="5">
      <t>ハイキブツ</t>
    </rPh>
    <rPh sb="6" eb="8">
      <t>ショブン</t>
    </rPh>
    <rPh sb="8" eb="9">
      <t>チ</t>
    </rPh>
    <phoneticPr fontId="4"/>
  </si>
  <si>
    <t>再生処分地</t>
    <rPh sb="0" eb="2">
      <t>サイセイ</t>
    </rPh>
    <rPh sb="2" eb="4">
      <t>ショブン</t>
    </rPh>
    <rPh sb="4" eb="5">
      <t>チ</t>
    </rPh>
    <phoneticPr fontId="4"/>
  </si>
  <si>
    <t>最終処分地</t>
    <rPh sb="0" eb="2">
      <t>サイシュウ</t>
    </rPh>
    <rPh sb="2" eb="4">
      <t>ショブン</t>
    </rPh>
    <rPh sb="4" eb="5">
      <t>チ</t>
    </rPh>
    <phoneticPr fontId="4"/>
  </si>
  <si>
    <t>処分地での処理費</t>
    <rPh sb="0" eb="2">
      <t>ショブン</t>
    </rPh>
    <rPh sb="2" eb="3">
      <t>チ</t>
    </rPh>
    <rPh sb="5" eb="7">
      <t>ショリ</t>
    </rPh>
    <rPh sb="7" eb="8">
      <t>ヒ</t>
    </rPh>
    <phoneticPr fontId="4"/>
  </si>
  <si>
    <t>計上あり</t>
    <rPh sb="0" eb="2">
      <t>ケイジョウ</t>
    </rPh>
    <phoneticPr fontId="4"/>
  </si>
  <si>
    <t>工事支障物件関係</t>
    <rPh sb="0" eb="2">
      <t>コウジ</t>
    </rPh>
    <rPh sb="2" eb="4">
      <t>シショウ</t>
    </rPh>
    <rPh sb="4" eb="6">
      <t>ブッケン</t>
    </rPh>
    <rPh sb="6" eb="8">
      <t>カンケイ</t>
    </rPh>
    <phoneticPr fontId="4"/>
  </si>
  <si>
    <t>工事支障物件あり</t>
    <rPh sb="0" eb="2">
      <t>コウジ</t>
    </rPh>
    <rPh sb="2" eb="4">
      <t>シショウ</t>
    </rPh>
    <rPh sb="4" eb="6">
      <t>ブッケン</t>
    </rPh>
    <phoneticPr fontId="4"/>
  </si>
  <si>
    <t>支障物件名</t>
    <rPh sb="0" eb="2">
      <t>シショウ</t>
    </rPh>
    <rPh sb="2" eb="4">
      <t>ブッケン</t>
    </rPh>
    <rPh sb="4" eb="5">
      <t>メイ</t>
    </rPh>
    <phoneticPr fontId="4"/>
  </si>
  <si>
    <t>有線</t>
    <rPh sb="0" eb="2">
      <t>ユウセン</t>
    </rPh>
    <phoneticPr fontId="4"/>
  </si>
  <si>
    <t>移設時期</t>
    <rPh sb="0" eb="2">
      <t>イセツ</t>
    </rPh>
    <rPh sb="2" eb="4">
      <t>ジキ</t>
    </rPh>
    <phoneticPr fontId="4"/>
  </si>
  <si>
    <t>防護</t>
    <rPh sb="0" eb="2">
      <t>ボウゴ</t>
    </rPh>
    <phoneticPr fontId="4"/>
  </si>
  <si>
    <t>排水工関係
（濁水処理含む）</t>
    <rPh sb="0" eb="2">
      <t>ハイスイ</t>
    </rPh>
    <rPh sb="2" eb="3">
      <t>コウ</t>
    </rPh>
    <rPh sb="3" eb="5">
      <t>カンケイ</t>
    </rPh>
    <phoneticPr fontId="4"/>
  </si>
  <si>
    <t>濁水、湧水等の排水に際し、制限あり</t>
    <rPh sb="0" eb="2">
      <t>ダクスイ</t>
    </rPh>
    <rPh sb="3" eb="5">
      <t>ユウスイ</t>
    </rPh>
    <rPh sb="5" eb="6">
      <t>トウ</t>
    </rPh>
    <rPh sb="7" eb="9">
      <t>ハイスイ</t>
    </rPh>
    <rPh sb="10" eb="11">
      <t>サイ</t>
    </rPh>
    <rPh sb="13" eb="15">
      <t>セイゲン</t>
    </rPh>
    <phoneticPr fontId="4"/>
  </si>
  <si>
    <t>項目および基準値</t>
    <rPh sb="0" eb="2">
      <t>コウモク</t>
    </rPh>
    <rPh sb="5" eb="8">
      <t>キジュンチ</t>
    </rPh>
    <phoneticPr fontId="4"/>
  </si>
  <si>
    <t>薬液注入関係</t>
    <rPh sb="0" eb="2">
      <t>ヤクエキ</t>
    </rPh>
    <rPh sb="2" eb="4">
      <t>チュウニュウ</t>
    </rPh>
    <rPh sb="4" eb="6">
      <t>カンケイ</t>
    </rPh>
    <phoneticPr fontId="4"/>
  </si>
  <si>
    <t>薬液注入工法等の指定あり</t>
    <rPh sb="0" eb="2">
      <t>ヤクエキ</t>
    </rPh>
    <rPh sb="2" eb="4">
      <t>チュウニュウ</t>
    </rPh>
    <rPh sb="4" eb="6">
      <t>コウホウ</t>
    </rPh>
    <rPh sb="6" eb="7">
      <t>トウ</t>
    </rPh>
    <rPh sb="8" eb="10">
      <t>シテイ</t>
    </rPh>
    <phoneticPr fontId="4"/>
  </si>
  <si>
    <t>工法区分</t>
    <rPh sb="0" eb="2">
      <t>コウホウ</t>
    </rPh>
    <rPh sb="2" eb="4">
      <t>クブン</t>
    </rPh>
    <phoneticPr fontId="4"/>
  </si>
  <si>
    <t>材料種類</t>
    <rPh sb="0" eb="2">
      <t>ザイリョウ</t>
    </rPh>
    <rPh sb="2" eb="4">
      <t>シュルイ</t>
    </rPh>
    <phoneticPr fontId="4"/>
  </si>
  <si>
    <t>施工範囲</t>
    <rPh sb="0" eb="2">
      <t>セコウ</t>
    </rPh>
    <rPh sb="2" eb="4">
      <t>ハンイ</t>
    </rPh>
    <phoneticPr fontId="4"/>
  </si>
  <si>
    <t>削孔数量</t>
    <rPh sb="0" eb="1">
      <t>ケズ</t>
    </rPh>
    <rPh sb="1" eb="2">
      <t>アナ</t>
    </rPh>
    <rPh sb="2" eb="4">
      <t>スウリョウ</t>
    </rPh>
    <phoneticPr fontId="4"/>
  </si>
  <si>
    <t>注入量</t>
    <rPh sb="0" eb="2">
      <t>チュウニュウ</t>
    </rPh>
    <rPh sb="2" eb="3">
      <t>リョウ</t>
    </rPh>
    <phoneticPr fontId="4"/>
  </si>
  <si>
    <t>提出書類あり</t>
    <rPh sb="0" eb="2">
      <t>テイシュツ</t>
    </rPh>
    <rPh sb="2" eb="4">
      <t>ショルイ</t>
    </rPh>
    <phoneticPr fontId="4"/>
  </si>
  <si>
    <t>工法関係</t>
    <rPh sb="0" eb="2">
      <t>コウホウ</t>
    </rPh>
    <rPh sb="2" eb="4">
      <t>カンケイ</t>
    </rPh>
    <phoneticPr fontId="4"/>
  </si>
  <si>
    <t>材料関係</t>
    <rPh sb="0" eb="2">
      <t>ザイリョウ</t>
    </rPh>
    <rPh sb="2" eb="4">
      <t>カンケイ</t>
    </rPh>
    <phoneticPr fontId="4"/>
  </si>
  <si>
    <t>注入量の確認</t>
    <rPh sb="0" eb="2">
      <t>チュウニュウ</t>
    </rPh>
    <rPh sb="2" eb="3">
      <t>リョウ</t>
    </rPh>
    <rPh sb="4" eb="6">
      <t>カクニン</t>
    </rPh>
    <phoneticPr fontId="4"/>
  </si>
  <si>
    <t>注入の管理及び注入の効果確認</t>
    <rPh sb="0" eb="2">
      <t>チュウニュウ</t>
    </rPh>
    <rPh sb="3" eb="5">
      <t>カンリ</t>
    </rPh>
    <rPh sb="5" eb="6">
      <t>オヨ</t>
    </rPh>
    <rPh sb="7" eb="9">
      <t>チュウニュウ</t>
    </rPh>
    <rPh sb="10" eb="12">
      <t>コウカ</t>
    </rPh>
    <rPh sb="12" eb="14">
      <t>カクニン</t>
    </rPh>
    <phoneticPr fontId="4"/>
  </si>
  <si>
    <t>再生材料使用関係</t>
    <rPh sb="0" eb="2">
      <t>サイセイ</t>
    </rPh>
    <rPh sb="2" eb="4">
      <t>ザイリョウ</t>
    </rPh>
    <rPh sb="4" eb="6">
      <t>シヨウ</t>
    </rPh>
    <rPh sb="6" eb="8">
      <t>カンケイ</t>
    </rPh>
    <phoneticPr fontId="4"/>
  </si>
  <si>
    <t>再生材使用の指定あり</t>
    <rPh sb="0" eb="2">
      <t>サイセイ</t>
    </rPh>
    <rPh sb="2" eb="3">
      <t>ザイ</t>
    </rPh>
    <rPh sb="3" eb="5">
      <t>シヨウ</t>
    </rPh>
    <rPh sb="6" eb="8">
      <t>シテイ</t>
    </rPh>
    <phoneticPr fontId="4"/>
  </si>
  <si>
    <t>再生材の種類</t>
    <rPh sb="0" eb="2">
      <t>サイセイ</t>
    </rPh>
    <rPh sb="2" eb="3">
      <t>ザイ</t>
    </rPh>
    <rPh sb="4" eb="6">
      <t>シュルイ</t>
    </rPh>
    <phoneticPr fontId="4"/>
  </si>
  <si>
    <t>再生Asコン</t>
    <rPh sb="0" eb="2">
      <t>サイセイ</t>
    </rPh>
    <phoneticPr fontId="4"/>
  </si>
  <si>
    <t>再生路盤材</t>
    <rPh sb="0" eb="2">
      <t>サイセイ</t>
    </rPh>
    <rPh sb="2" eb="4">
      <t>ロバン</t>
    </rPh>
    <rPh sb="4" eb="5">
      <t>ザイ</t>
    </rPh>
    <phoneticPr fontId="4"/>
  </si>
  <si>
    <t>再生クラシャーラン</t>
    <rPh sb="0" eb="2">
      <t>サイセイ</t>
    </rPh>
    <phoneticPr fontId="4"/>
  </si>
  <si>
    <t>道路用盛土材</t>
    <rPh sb="0" eb="2">
      <t>ドウロ</t>
    </rPh>
    <rPh sb="2" eb="3">
      <t>ヨウ</t>
    </rPh>
    <rPh sb="3" eb="4">
      <t>モ</t>
    </rPh>
    <rPh sb="4" eb="5">
      <t>ツチ</t>
    </rPh>
    <rPh sb="5" eb="6">
      <t>ザイ</t>
    </rPh>
    <phoneticPr fontId="4"/>
  </si>
  <si>
    <t>再生材が使用できない時の措置</t>
    <rPh sb="0" eb="2">
      <t>サイセイ</t>
    </rPh>
    <rPh sb="2" eb="3">
      <t>ザイ</t>
    </rPh>
    <rPh sb="4" eb="6">
      <t>シヨウ</t>
    </rPh>
    <rPh sb="10" eb="11">
      <t>トキ</t>
    </rPh>
    <rPh sb="12" eb="14">
      <t>ソチ</t>
    </rPh>
    <phoneticPr fontId="4"/>
  </si>
  <si>
    <t>新材に変更</t>
    <rPh sb="0" eb="1">
      <t>シン</t>
    </rPh>
    <rPh sb="1" eb="2">
      <t>ザイ</t>
    </rPh>
    <rPh sb="3" eb="5">
      <t>ヘンコウ</t>
    </rPh>
    <phoneticPr fontId="4"/>
  </si>
  <si>
    <t>三重県リサイクル製品推進条例に基づく認定製品の使用</t>
    <rPh sb="0" eb="3">
      <t>ミエケン</t>
    </rPh>
    <rPh sb="8" eb="10">
      <t>セイヒン</t>
    </rPh>
    <rPh sb="10" eb="12">
      <t>スイシン</t>
    </rPh>
    <rPh sb="12" eb="14">
      <t>ジョウレイ</t>
    </rPh>
    <rPh sb="15" eb="16">
      <t>モト</t>
    </rPh>
    <rPh sb="18" eb="20">
      <t>ニンテイ</t>
    </rPh>
    <rPh sb="20" eb="22">
      <t>セイヒン</t>
    </rPh>
    <rPh sb="23" eb="25">
      <t>シヨウ</t>
    </rPh>
    <phoneticPr fontId="4"/>
  </si>
  <si>
    <t>三重県リサイクル製品利用推進条例に基づく認定製品を使用する。</t>
    <rPh sb="0" eb="3">
      <t>ミエケン</t>
    </rPh>
    <rPh sb="8" eb="10">
      <t>セイヒン</t>
    </rPh>
    <rPh sb="10" eb="12">
      <t>リヨウ</t>
    </rPh>
    <rPh sb="12" eb="14">
      <t>スイシン</t>
    </rPh>
    <rPh sb="14" eb="16">
      <t>ジョウレイ</t>
    </rPh>
    <rPh sb="17" eb="18">
      <t>モト</t>
    </rPh>
    <rPh sb="20" eb="22">
      <t>ニンテイ</t>
    </rPh>
    <rPh sb="22" eb="24">
      <t>セイヒン</t>
    </rPh>
    <rPh sb="25" eb="27">
      <t>シヨウ</t>
    </rPh>
    <phoneticPr fontId="4"/>
  </si>
  <si>
    <t>（認定製品の品名：</t>
    <rPh sb="1" eb="3">
      <t>ニンテイ</t>
    </rPh>
    <rPh sb="3" eb="5">
      <t>セイヒン</t>
    </rPh>
    <rPh sb="6" eb="8">
      <t>ヒンメイ</t>
    </rPh>
    <phoneticPr fontId="4"/>
  </si>
  <si>
    <t>三重県リサイクル製品利用推進条例に基づく認定製品を使用するように努める。</t>
    <rPh sb="0" eb="3">
      <t>ミエケン</t>
    </rPh>
    <rPh sb="8" eb="10">
      <t>セイヒン</t>
    </rPh>
    <rPh sb="10" eb="12">
      <t>リヨウ</t>
    </rPh>
    <rPh sb="12" eb="14">
      <t>スイシン</t>
    </rPh>
    <rPh sb="14" eb="16">
      <t>ジョウレイ</t>
    </rPh>
    <rPh sb="17" eb="18">
      <t>モト</t>
    </rPh>
    <rPh sb="20" eb="22">
      <t>ニンテイ</t>
    </rPh>
    <rPh sb="22" eb="24">
      <t>セイヒン</t>
    </rPh>
    <rPh sb="25" eb="27">
      <t>シヨウ</t>
    </rPh>
    <rPh sb="32" eb="33">
      <t>ツト</t>
    </rPh>
    <phoneticPr fontId="4"/>
  </si>
  <si>
    <t>【注：認定製品の品名欄については、設計単価表品名を記入すること。】</t>
    <rPh sb="1" eb="2">
      <t>チュウ</t>
    </rPh>
    <rPh sb="3" eb="5">
      <t>ニンテイ</t>
    </rPh>
    <rPh sb="5" eb="7">
      <t>セイヒン</t>
    </rPh>
    <rPh sb="8" eb="10">
      <t>ヒンメイ</t>
    </rPh>
    <rPh sb="10" eb="11">
      <t>ラン</t>
    </rPh>
    <rPh sb="17" eb="19">
      <t>セッケイ</t>
    </rPh>
    <rPh sb="19" eb="21">
      <t>タンカ</t>
    </rPh>
    <rPh sb="21" eb="22">
      <t>ヒョウ</t>
    </rPh>
    <rPh sb="22" eb="24">
      <t>ヒンメイ</t>
    </rPh>
    <rPh sb="25" eb="27">
      <t>キニュウ</t>
    </rPh>
    <phoneticPr fontId="4"/>
  </si>
  <si>
    <t>工事用機材の保管</t>
    <rPh sb="0" eb="2">
      <t>コウジ</t>
    </rPh>
    <rPh sb="2" eb="3">
      <t>ヨウ</t>
    </rPh>
    <rPh sb="3" eb="5">
      <t>キザイ</t>
    </rPh>
    <rPh sb="6" eb="8">
      <t>ホカン</t>
    </rPh>
    <phoneticPr fontId="4"/>
  </si>
  <si>
    <t>保管場所</t>
    <rPh sb="0" eb="2">
      <t>ホカン</t>
    </rPh>
    <rPh sb="2" eb="4">
      <t>バショ</t>
    </rPh>
    <phoneticPr fontId="4"/>
  </si>
  <si>
    <t>期間</t>
    <rPh sb="0" eb="2">
      <t>キカン</t>
    </rPh>
    <phoneticPr fontId="4"/>
  </si>
  <si>
    <t>現場発生品あり</t>
    <rPh sb="0" eb="2">
      <t>ゲンバ</t>
    </rPh>
    <rPh sb="2" eb="4">
      <t>ハッセイ</t>
    </rPh>
    <rPh sb="4" eb="5">
      <t>ヒン</t>
    </rPh>
    <phoneticPr fontId="4"/>
  </si>
  <si>
    <t>品名</t>
    <rPh sb="0" eb="2">
      <t>ヒンメイ</t>
    </rPh>
    <phoneticPr fontId="4"/>
  </si>
  <si>
    <t>数量</t>
    <rPh sb="0" eb="2">
      <t>スウリョウ</t>
    </rPh>
    <phoneticPr fontId="4"/>
  </si>
  <si>
    <t>支給品あり</t>
    <rPh sb="0" eb="2">
      <t>シキュウ</t>
    </rPh>
    <rPh sb="2" eb="3">
      <t>ヒン</t>
    </rPh>
    <phoneticPr fontId="4"/>
  </si>
  <si>
    <t>引渡場所</t>
    <rPh sb="0" eb="2">
      <t>ヒキワタシ</t>
    </rPh>
    <rPh sb="2" eb="4">
      <t>バショ</t>
    </rPh>
    <phoneticPr fontId="4"/>
  </si>
  <si>
    <t>時期</t>
    <rPh sb="0" eb="2">
      <t>ジキ</t>
    </rPh>
    <phoneticPr fontId="4"/>
  </si>
  <si>
    <t>（平成</t>
    <rPh sb="1" eb="3">
      <t>ヘイセイ</t>
    </rPh>
    <phoneticPr fontId="4"/>
  </si>
  <si>
    <t>月</t>
    <rPh sb="0" eb="1">
      <t>ガツ</t>
    </rPh>
    <phoneticPr fontId="4"/>
  </si>
  <si>
    <t>日</t>
    <rPh sb="0" eb="1">
      <t>ニチ</t>
    </rPh>
    <phoneticPr fontId="4"/>
  </si>
  <si>
    <t>引渡場所、時期は別途協議</t>
    <rPh sb="0" eb="2">
      <t>ヒキワタ</t>
    </rPh>
    <rPh sb="2" eb="4">
      <t>バショ</t>
    </rPh>
    <rPh sb="5" eb="7">
      <t>ジキ</t>
    </rPh>
    <rPh sb="8" eb="10">
      <t>ベット</t>
    </rPh>
    <rPh sb="10" eb="12">
      <t>キョウギ</t>
    </rPh>
    <phoneticPr fontId="4"/>
  </si>
  <si>
    <t>盛土材料等工事間流用あり</t>
    <rPh sb="0" eb="1">
      <t>モ</t>
    </rPh>
    <rPh sb="1" eb="2">
      <t>ツチ</t>
    </rPh>
    <rPh sb="2" eb="4">
      <t>ザイリョウ</t>
    </rPh>
    <rPh sb="4" eb="5">
      <t>トウ</t>
    </rPh>
    <rPh sb="5" eb="7">
      <t>コウジ</t>
    </rPh>
    <rPh sb="7" eb="8">
      <t>カン</t>
    </rPh>
    <rPh sb="8" eb="10">
      <t>リュウヨウ</t>
    </rPh>
    <phoneticPr fontId="4"/>
  </si>
  <si>
    <t>運搬方法</t>
    <rPh sb="0" eb="2">
      <t>ウンパン</t>
    </rPh>
    <rPh sb="2" eb="4">
      <t>ホウホウ</t>
    </rPh>
    <phoneticPr fontId="4"/>
  </si>
  <si>
    <t>受注者で運搬</t>
    <rPh sb="4" eb="6">
      <t>ウンパン</t>
    </rPh>
    <phoneticPr fontId="4"/>
  </si>
  <si>
    <t>受注者以外で運搬</t>
    <rPh sb="3" eb="5">
      <t>イガイ</t>
    </rPh>
    <rPh sb="6" eb="8">
      <t>ウンパン</t>
    </rPh>
    <phoneticPr fontId="4"/>
  </si>
  <si>
    <t>随時検査</t>
    <rPh sb="0" eb="2">
      <t>ズイジ</t>
    </rPh>
    <rPh sb="2" eb="4">
      <t>ケンサ</t>
    </rPh>
    <phoneticPr fontId="4"/>
  </si>
  <si>
    <t>適用条件</t>
    <rPh sb="0" eb="2">
      <t>テキヨウ</t>
    </rPh>
    <rPh sb="2" eb="4">
      <t>ジョウケン</t>
    </rPh>
    <phoneticPr fontId="4"/>
  </si>
  <si>
    <t>「土木構造物設計マニュアル（案）</t>
    <rPh sb="1" eb="3">
      <t>ドボク</t>
    </rPh>
    <rPh sb="3" eb="5">
      <t>コウゾウ</t>
    </rPh>
    <rPh sb="5" eb="6">
      <t>ブツ</t>
    </rPh>
    <rPh sb="6" eb="8">
      <t>セッケイ</t>
    </rPh>
    <rPh sb="14" eb="15">
      <t>アン</t>
    </rPh>
    <phoneticPr fontId="4"/>
  </si>
  <si>
    <t>（注）</t>
    <rPh sb="1" eb="2">
      <t>チュウ</t>
    </rPh>
    <phoneticPr fontId="4"/>
  </si>
  <si>
    <t>明示事項に変更が生じた場合及び明示されていない制約等が発生したときは、甲（発注者）と別途協議し適切な措置を講ずるものとする。</t>
    <rPh sb="0" eb="2">
      <t>メイジ</t>
    </rPh>
    <rPh sb="2" eb="4">
      <t>ジコウ</t>
    </rPh>
    <rPh sb="5" eb="7">
      <t>ヘンコウ</t>
    </rPh>
    <rPh sb="8" eb="9">
      <t>ショウ</t>
    </rPh>
    <rPh sb="11" eb="13">
      <t>バアイ</t>
    </rPh>
    <rPh sb="13" eb="14">
      <t>オヨ</t>
    </rPh>
    <rPh sb="15" eb="17">
      <t>メイジ</t>
    </rPh>
    <rPh sb="23" eb="25">
      <t>セイヤク</t>
    </rPh>
    <rPh sb="25" eb="26">
      <t>トウ</t>
    </rPh>
    <rPh sb="27" eb="29">
      <t>ハッセイ</t>
    </rPh>
    <rPh sb="35" eb="36">
      <t>コウ</t>
    </rPh>
    <rPh sb="37" eb="40">
      <t>ハッチュウシャ</t>
    </rPh>
    <rPh sb="42" eb="44">
      <t>ベット</t>
    </rPh>
    <rPh sb="44" eb="46">
      <t>キョウギ</t>
    </rPh>
    <rPh sb="47" eb="49">
      <t>テキセツ</t>
    </rPh>
    <rPh sb="50" eb="52">
      <t>ソチ</t>
    </rPh>
    <rPh sb="53" eb="54">
      <t>コウ</t>
    </rPh>
    <phoneticPr fontId="4"/>
  </si>
  <si>
    <t>別途協議とは、設計・現場説明又は工事打ち合わせ等により協議するものとする。</t>
    <rPh sb="0" eb="2">
      <t>ベット</t>
    </rPh>
    <rPh sb="2" eb="4">
      <t>キョウギ</t>
    </rPh>
    <rPh sb="7" eb="9">
      <t>セッケイ</t>
    </rPh>
    <rPh sb="10" eb="12">
      <t>ゲンバ</t>
    </rPh>
    <rPh sb="12" eb="14">
      <t>セツメイ</t>
    </rPh>
    <rPh sb="14" eb="15">
      <t>マタ</t>
    </rPh>
    <rPh sb="16" eb="18">
      <t>コウジ</t>
    </rPh>
    <rPh sb="18" eb="19">
      <t>ウ</t>
    </rPh>
    <rPh sb="20" eb="21">
      <t>ア</t>
    </rPh>
    <rPh sb="23" eb="24">
      <t>トウ</t>
    </rPh>
    <rPh sb="27" eb="29">
      <t>キョウギ</t>
    </rPh>
    <phoneticPr fontId="4"/>
  </si>
  <si>
    <t>m3</t>
  </si>
  <si>
    <t>m2</t>
  </si>
  <si>
    <t>四日市市上下水道局</t>
    <rPh sb="0" eb="4">
      <t>ヨッカイチシ</t>
    </rPh>
    <rPh sb="4" eb="6">
      <t>ジョウゲ</t>
    </rPh>
    <rPh sb="6" eb="9">
      <t>スイドウキョク</t>
    </rPh>
    <phoneticPr fontId="4"/>
  </si>
  <si>
    <t>四　日　市　市　上　下　水　道　局</t>
    <rPh sb="0" eb="1">
      <t>ヨン</t>
    </rPh>
    <rPh sb="2" eb="3">
      <t>ヒ</t>
    </rPh>
    <rPh sb="4" eb="5">
      <t>シ</t>
    </rPh>
    <rPh sb="6" eb="7">
      <t>シ</t>
    </rPh>
    <rPh sb="8" eb="9">
      <t>ウエ</t>
    </rPh>
    <rPh sb="10" eb="11">
      <t>シタ</t>
    </rPh>
    <rPh sb="12" eb="13">
      <t>スイ</t>
    </rPh>
    <rPh sb="14" eb="15">
      <t>ドウ</t>
    </rPh>
    <rPh sb="16" eb="17">
      <t>キョク</t>
    </rPh>
    <phoneticPr fontId="4"/>
  </si>
  <si>
    <t>種別</t>
    <rPh sb="0" eb="2">
      <t>シュベツ</t>
    </rPh>
    <phoneticPr fontId="4"/>
  </si>
  <si>
    <t>工事名</t>
    <rPh sb="0" eb="2">
      <t>コウジ</t>
    </rPh>
    <rPh sb="2" eb="3">
      <t>ナ</t>
    </rPh>
    <phoneticPr fontId="4"/>
  </si>
  <si>
    <t>工事場所</t>
    <rPh sb="0" eb="2">
      <t>コウジ</t>
    </rPh>
    <rPh sb="2" eb="4">
      <t>バショ</t>
    </rPh>
    <phoneticPr fontId="4"/>
  </si>
  <si>
    <t>費目</t>
    <rPh sb="0" eb="2">
      <t>ヒモク</t>
    </rPh>
    <phoneticPr fontId="4"/>
  </si>
  <si>
    <t>工種</t>
    <rPh sb="0" eb="1">
      <t>コウ</t>
    </rPh>
    <rPh sb="1" eb="2">
      <t>シュ</t>
    </rPh>
    <phoneticPr fontId="4"/>
  </si>
  <si>
    <t>細別/規格</t>
    <rPh sb="0" eb="2">
      <t>サイベツ</t>
    </rPh>
    <rPh sb="3" eb="5">
      <t>キカク</t>
    </rPh>
    <phoneticPr fontId="4"/>
  </si>
  <si>
    <t>単位</t>
    <rPh sb="0" eb="2">
      <t>タンイ</t>
    </rPh>
    <phoneticPr fontId="4"/>
  </si>
  <si>
    <t>共通仮設費</t>
    <rPh sb="0" eb="2">
      <t>キョウツウ</t>
    </rPh>
    <rPh sb="2" eb="4">
      <t>カセツ</t>
    </rPh>
    <rPh sb="4" eb="5">
      <t>ヒ</t>
    </rPh>
    <phoneticPr fontId="4"/>
  </si>
  <si>
    <t>共通仮設費率計算額</t>
    <rPh sb="5" eb="6">
      <t>リツ</t>
    </rPh>
    <rPh sb="6" eb="8">
      <t>ケイサン</t>
    </rPh>
    <rPh sb="8" eb="9">
      <t>ガク</t>
    </rPh>
    <phoneticPr fontId="4"/>
  </si>
  <si>
    <t>純工事費</t>
    <rPh sb="0" eb="1">
      <t>ジュン</t>
    </rPh>
    <rPh sb="1" eb="4">
      <t>コウジヒ</t>
    </rPh>
    <phoneticPr fontId="4"/>
  </si>
  <si>
    <t>現場管理費率計算額</t>
    <rPh sb="0" eb="2">
      <t>ゲンバ</t>
    </rPh>
    <rPh sb="2" eb="4">
      <t>カンリ</t>
    </rPh>
    <rPh sb="4" eb="5">
      <t>ヒ</t>
    </rPh>
    <rPh sb="5" eb="6">
      <t>リツ</t>
    </rPh>
    <rPh sb="6" eb="8">
      <t>ケイサン</t>
    </rPh>
    <rPh sb="8" eb="9">
      <t>ガク</t>
    </rPh>
    <phoneticPr fontId="4"/>
  </si>
  <si>
    <t>現場管理費</t>
    <rPh sb="0" eb="2">
      <t>ゲンバ</t>
    </rPh>
    <rPh sb="2" eb="5">
      <t>カンリヒ</t>
    </rPh>
    <phoneticPr fontId="4"/>
  </si>
  <si>
    <t>工事原価</t>
    <rPh sb="0" eb="2">
      <t>コウジ</t>
    </rPh>
    <rPh sb="2" eb="4">
      <t>ゲンカ</t>
    </rPh>
    <phoneticPr fontId="4"/>
  </si>
  <si>
    <t>一般管理費率計算額</t>
    <rPh sb="0" eb="2">
      <t>イッパン</t>
    </rPh>
    <rPh sb="2" eb="5">
      <t>カンリヒ</t>
    </rPh>
    <rPh sb="5" eb="6">
      <t>リツ</t>
    </rPh>
    <rPh sb="6" eb="8">
      <t>ケイサン</t>
    </rPh>
    <rPh sb="8" eb="9">
      <t>ガク</t>
    </rPh>
    <phoneticPr fontId="4"/>
  </si>
  <si>
    <t>別途製作の</t>
    <rPh sb="0" eb="2">
      <t>ベット</t>
    </rPh>
    <rPh sb="2" eb="4">
      <t>セイサク</t>
    </rPh>
    <phoneticPr fontId="4"/>
  </si>
  <si>
    <t>製作費</t>
    <rPh sb="0" eb="2">
      <t>セイサク</t>
    </rPh>
    <rPh sb="2" eb="3">
      <t>ヒ</t>
    </rPh>
    <phoneticPr fontId="4"/>
  </si>
  <si>
    <t>機器購入費</t>
    <rPh sb="0" eb="2">
      <t>キキ</t>
    </rPh>
    <rPh sb="2" eb="5">
      <t>コウニュウヒ</t>
    </rPh>
    <phoneticPr fontId="4"/>
  </si>
  <si>
    <t>機器費（非支給材）</t>
    <rPh sb="0" eb="2">
      <t>キキ</t>
    </rPh>
    <rPh sb="2" eb="3">
      <t>ヒ</t>
    </rPh>
    <rPh sb="4" eb="5">
      <t>ヒ</t>
    </rPh>
    <rPh sb="5" eb="7">
      <t>シキュウ</t>
    </rPh>
    <rPh sb="7" eb="8">
      <t>ザイ</t>
    </rPh>
    <phoneticPr fontId="4"/>
  </si>
  <si>
    <t>工事価格</t>
    <rPh sb="0" eb="2">
      <t>コウジ</t>
    </rPh>
    <rPh sb="2" eb="4">
      <t>カカク</t>
    </rPh>
    <phoneticPr fontId="4"/>
  </si>
  <si>
    <t>スクラップ控除</t>
    <rPh sb="5" eb="7">
      <t>コウジョ</t>
    </rPh>
    <phoneticPr fontId="6"/>
  </si>
  <si>
    <t>スクラップ控除計</t>
    <rPh sb="5" eb="7">
      <t>コウジョ</t>
    </rPh>
    <rPh sb="7" eb="8">
      <t>ケイ</t>
    </rPh>
    <phoneticPr fontId="6"/>
  </si>
  <si>
    <t>本工事内訳書</t>
    <rPh sb="0" eb="1">
      <t>ホン</t>
    </rPh>
    <rPh sb="1" eb="3">
      <t>コウジ</t>
    </rPh>
    <rPh sb="3" eb="5">
      <t>ウチワケ</t>
    </rPh>
    <rPh sb="5" eb="6">
      <t>ショ</t>
    </rPh>
    <phoneticPr fontId="4"/>
  </si>
  <si>
    <t>一般管理費等</t>
    <rPh sb="0" eb="2">
      <t>イッパン</t>
    </rPh>
    <rPh sb="2" eb="5">
      <t>カンリヒ</t>
    </rPh>
    <rPh sb="5" eb="6">
      <t>ナド</t>
    </rPh>
    <phoneticPr fontId="4"/>
  </si>
  <si>
    <t>別紙1号明細書</t>
    <rPh sb="0" eb="2">
      <t>ベッシ</t>
    </rPh>
    <rPh sb="3" eb="4">
      <t>ゴウ</t>
    </rPh>
    <rPh sb="4" eb="6">
      <t>メイサイ</t>
    </rPh>
    <rPh sb="6" eb="7">
      <t>ショ</t>
    </rPh>
    <phoneticPr fontId="4"/>
  </si>
  <si>
    <t>別紙2号明細書</t>
    <rPh sb="0" eb="2">
      <t>ベッシ</t>
    </rPh>
    <rPh sb="3" eb="4">
      <t>ゴウ</t>
    </rPh>
    <rPh sb="4" eb="6">
      <t>メイサイ</t>
    </rPh>
    <rPh sb="6" eb="7">
      <t>ショ</t>
    </rPh>
    <phoneticPr fontId="4"/>
  </si>
  <si>
    <t>2号明細書</t>
    <rPh sb="1" eb="2">
      <t>ゴウ</t>
    </rPh>
    <rPh sb="2" eb="4">
      <t>メイサイ</t>
    </rPh>
    <rPh sb="4" eb="5">
      <t>ショ</t>
    </rPh>
    <phoneticPr fontId="4"/>
  </si>
  <si>
    <t>数量</t>
    <phoneticPr fontId="6"/>
  </si>
  <si>
    <t>単位</t>
    <phoneticPr fontId="6"/>
  </si>
  <si>
    <t>全体</t>
    <rPh sb="0" eb="2">
      <t>ゼンタイ</t>
    </rPh>
    <phoneticPr fontId="6"/>
  </si>
  <si>
    <t>平成30年度出来高</t>
    <rPh sb="0" eb="2">
      <t>ヘイセイ</t>
    </rPh>
    <rPh sb="4" eb="6">
      <t>ネンド</t>
    </rPh>
    <rPh sb="6" eb="9">
      <t>デキダカ</t>
    </rPh>
    <phoneticPr fontId="6"/>
  </si>
  <si>
    <t>機器費</t>
    <rPh sb="0" eb="2">
      <t>キキ</t>
    </rPh>
    <rPh sb="2" eb="3">
      <t>ヒ</t>
    </rPh>
    <phoneticPr fontId="4"/>
  </si>
  <si>
    <t>全体金額</t>
    <rPh sb="0" eb="2">
      <t>ゼンタイ</t>
    </rPh>
    <phoneticPr fontId="4"/>
  </si>
  <si>
    <t>摘　　　　　　要</t>
    <phoneticPr fontId="4"/>
  </si>
  <si>
    <t>直接工事費</t>
    <phoneticPr fontId="4"/>
  </si>
  <si>
    <t>別紙工事内訳書より</t>
    <rPh sb="2" eb="4">
      <t>コウジ</t>
    </rPh>
    <rPh sb="6" eb="7">
      <t>ショ</t>
    </rPh>
    <phoneticPr fontId="4"/>
  </si>
  <si>
    <t>運搬費積上げ分</t>
    <rPh sb="0" eb="2">
      <t>ウンパン</t>
    </rPh>
    <rPh sb="2" eb="3">
      <t>ヒ</t>
    </rPh>
    <rPh sb="3" eb="5">
      <t>ツミア</t>
    </rPh>
    <rPh sb="6" eb="7">
      <t>ブン</t>
    </rPh>
    <phoneticPr fontId="4"/>
  </si>
  <si>
    <t>別紙工事内訳書より</t>
    <rPh sb="0" eb="2">
      <t>ベッシ</t>
    </rPh>
    <rPh sb="2" eb="4">
      <t>コウジ</t>
    </rPh>
    <rPh sb="4" eb="6">
      <t>ウチワケ</t>
    </rPh>
    <rPh sb="6" eb="7">
      <t>ショ</t>
    </rPh>
    <phoneticPr fontId="4"/>
  </si>
  <si>
    <t>基</t>
  </si>
  <si>
    <t>SUS304-20s</t>
  </si>
  <si>
    <t>本</t>
  </si>
  <si>
    <t>組</t>
  </si>
  <si>
    <t>ステンレス鋼管</t>
  </si>
  <si>
    <t>40A</t>
  </si>
  <si>
    <t>ｍ</t>
  </si>
  <si>
    <t>同上小配管付属材料</t>
  </si>
  <si>
    <t>式</t>
  </si>
  <si>
    <t>SCS13(SUS304)</t>
  </si>
  <si>
    <t>逆止弁</t>
  </si>
  <si>
    <t>40A スイング式(ネジ)</t>
  </si>
  <si>
    <t>個</t>
  </si>
  <si>
    <t>機械設備据付工</t>
  </si>
  <si>
    <t>人</t>
  </si>
  <si>
    <t>配　管　工</t>
  </si>
  <si>
    <t>普通作業員</t>
  </si>
  <si>
    <t>設備機械工</t>
  </si>
  <si>
    <t>屋外露出管保温工</t>
  </si>
  <si>
    <t>箇所</t>
  </si>
  <si>
    <t>設備機械工</t>
    <rPh sb="2" eb="4">
      <t>キカイ</t>
    </rPh>
    <phoneticPr fontId="48"/>
  </si>
  <si>
    <t>配管工</t>
    <rPh sb="0" eb="2">
      <t>ハイカン</t>
    </rPh>
    <rPh sb="2" eb="3">
      <t>コウ</t>
    </rPh>
    <phoneticPr fontId="48"/>
  </si>
  <si>
    <t>ダクト工</t>
    <rPh sb="3" eb="4">
      <t>コウ</t>
    </rPh>
    <phoneticPr fontId="48"/>
  </si>
  <si>
    <t>t</t>
  </si>
  <si>
    <t>廃材運搬工</t>
  </si>
  <si>
    <t>式</t>
    <rPh sb="0" eb="1">
      <t>シキ</t>
    </rPh>
    <phoneticPr fontId="88"/>
  </si>
  <si>
    <t>モルタル仕上げ</t>
    <rPh sb="4" eb="6">
      <t>シア</t>
    </rPh>
    <phoneticPr fontId="4"/>
  </si>
  <si>
    <t>はつり工</t>
    <rPh sb="3" eb="4">
      <t>コウ</t>
    </rPh>
    <phoneticPr fontId="4"/>
  </si>
  <si>
    <t>引込盤</t>
    <rPh sb="0" eb="2">
      <t>ヒキコミ</t>
    </rPh>
    <rPh sb="2" eb="3">
      <t>バン</t>
    </rPh>
    <phoneticPr fontId="48"/>
  </si>
  <si>
    <t>取水ポンプ盤</t>
    <rPh sb="0" eb="2">
      <t>シュスイ</t>
    </rPh>
    <rPh sb="5" eb="6">
      <t>バン</t>
    </rPh>
    <phoneticPr fontId="88"/>
  </si>
  <si>
    <t>面</t>
  </si>
  <si>
    <t>計装盤</t>
    <rPh sb="0" eb="3">
      <t>ケイソウバン</t>
    </rPh>
    <phoneticPr fontId="88"/>
  </si>
  <si>
    <t>自家発電装置</t>
    <rPh sb="0" eb="4">
      <t>ジカハツデン</t>
    </rPh>
    <rPh sb="4" eb="6">
      <t>ソウチ</t>
    </rPh>
    <phoneticPr fontId="88"/>
  </si>
  <si>
    <t>台</t>
  </si>
  <si>
    <t>取水流量計</t>
    <rPh sb="0" eb="2">
      <t>シュスイ</t>
    </rPh>
    <rPh sb="2" eb="5">
      <t>リュウリョウケイ</t>
    </rPh>
    <phoneticPr fontId="88"/>
  </si>
  <si>
    <t>高感度濁度計</t>
    <rPh sb="0" eb="3">
      <t>コウカンド</t>
    </rPh>
    <rPh sb="3" eb="5">
      <t>ダクド</t>
    </rPh>
    <rPh sb="5" eb="6">
      <t>ケイ</t>
    </rPh>
    <phoneticPr fontId="88"/>
  </si>
  <si>
    <t>濁度計</t>
    <rPh sb="0" eb="3">
      <t>ダクドケイ</t>
    </rPh>
    <phoneticPr fontId="88"/>
  </si>
  <si>
    <t>電線類</t>
  </si>
  <si>
    <t>電線類付属材料</t>
  </si>
  <si>
    <t>端末処理</t>
    <rPh sb="0" eb="2">
      <t>タンマツ</t>
    </rPh>
    <rPh sb="2" eb="4">
      <t>ショリ</t>
    </rPh>
    <phoneticPr fontId="88"/>
  </si>
  <si>
    <t>組</t>
    <rPh sb="0" eb="1">
      <t>クミ</t>
    </rPh>
    <phoneticPr fontId="88"/>
  </si>
  <si>
    <t>電線管類</t>
  </si>
  <si>
    <t>電線管類付属材料</t>
  </si>
  <si>
    <t>プルボックス</t>
  </si>
  <si>
    <t>接地端子箱</t>
    <rPh sb="0" eb="2">
      <t>セッチ</t>
    </rPh>
    <rPh sb="2" eb="4">
      <t>タンシ</t>
    </rPh>
    <rPh sb="4" eb="5">
      <t>バコ</t>
    </rPh>
    <phoneticPr fontId="88"/>
  </si>
  <si>
    <t>面</t>
    <rPh sb="0" eb="1">
      <t>メン</t>
    </rPh>
    <phoneticPr fontId="88"/>
  </si>
  <si>
    <t>(黄銅)</t>
  </si>
  <si>
    <t>枚</t>
  </si>
  <si>
    <t>接地埋設標</t>
    <rPh sb="4" eb="5">
      <t>ヒョウ</t>
    </rPh>
    <phoneticPr fontId="88"/>
  </si>
  <si>
    <t>黄銅製</t>
    <rPh sb="0" eb="3">
      <t>オウドウセイ</t>
    </rPh>
    <phoneticPr fontId="88"/>
  </si>
  <si>
    <t>小配管、弁類</t>
    <rPh sb="0" eb="1">
      <t>ショウ</t>
    </rPh>
    <rPh sb="1" eb="3">
      <t>ハイカン</t>
    </rPh>
    <rPh sb="4" eb="5">
      <t>ベン</t>
    </rPh>
    <rPh sb="5" eb="6">
      <t>ルイ</t>
    </rPh>
    <phoneticPr fontId="88"/>
  </si>
  <si>
    <t>仕切弁　25A</t>
    <rPh sb="0" eb="2">
      <t>シキ</t>
    </rPh>
    <rPh sb="2" eb="3">
      <t>ベン</t>
    </rPh>
    <phoneticPr fontId="88"/>
  </si>
  <si>
    <t>個</t>
    <rPh sb="0" eb="1">
      <t>コ</t>
    </rPh>
    <phoneticPr fontId="88"/>
  </si>
  <si>
    <t>仕切弁　15A</t>
    <rPh sb="0" eb="2">
      <t>シキ</t>
    </rPh>
    <rPh sb="2" eb="3">
      <t>ベン</t>
    </rPh>
    <phoneticPr fontId="88"/>
  </si>
  <si>
    <t>伸縮継手　32A</t>
    <rPh sb="0" eb="2">
      <t>シンシュク</t>
    </rPh>
    <rPh sb="2" eb="3">
      <t>ツ</t>
    </rPh>
    <rPh sb="3" eb="4">
      <t>テ</t>
    </rPh>
    <phoneticPr fontId="88"/>
  </si>
  <si>
    <t>伸縮継手　15A</t>
    <rPh sb="0" eb="2">
      <t>シンシュク</t>
    </rPh>
    <rPh sb="2" eb="3">
      <t>ツ</t>
    </rPh>
    <rPh sb="3" eb="4">
      <t>テ</t>
    </rPh>
    <phoneticPr fontId="88"/>
  </si>
  <si>
    <t>埋設標識シート</t>
    <rPh sb="0" eb="2">
      <t>マイセツ</t>
    </rPh>
    <rPh sb="2" eb="4">
      <t>ヒョウシキ</t>
    </rPh>
    <phoneticPr fontId="88"/>
  </si>
  <si>
    <t>その他材料</t>
    <rPh sb="2" eb="3">
      <t>タ</t>
    </rPh>
    <rPh sb="3" eb="5">
      <t>ザイリョウ</t>
    </rPh>
    <phoneticPr fontId="88"/>
  </si>
  <si>
    <t>電極保持器　2P</t>
    <rPh sb="0" eb="2">
      <t>デンキョク</t>
    </rPh>
    <rPh sb="2" eb="5">
      <t>ホジキ</t>
    </rPh>
    <phoneticPr fontId="88"/>
  </si>
  <si>
    <t>電極棒　SUS</t>
    <rPh sb="0" eb="2">
      <t>デンキョク</t>
    </rPh>
    <rPh sb="2" eb="3">
      <t>ボウ</t>
    </rPh>
    <phoneticPr fontId="88"/>
  </si>
  <si>
    <t>地中埋設標</t>
    <rPh sb="0" eb="2">
      <t>チチュウ</t>
    </rPh>
    <rPh sb="2" eb="4">
      <t>マイセツ</t>
    </rPh>
    <rPh sb="4" eb="5">
      <t>ヒョウ</t>
    </rPh>
    <phoneticPr fontId="88"/>
  </si>
  <si>
    <t>技術者</t>
  </si>
  <si>
    <t>電　　　工</t>
  </si>
  <si>
    <t>鉄筋</t>
    <rPh sb="0" eb="2">
      <t>テッキン</t>
    </rPh>
    <phoneticPr fontId="88"/>
  </si>
  <si>
    <t>型枠</t>
    <rPh sb="0" eb="2">
      <t>カタワク</t>
    </rPh>
    <phoneticPr fontId="88"/>
  </si>
  <si>
    <t>同上手間</t>
    <rPh sb="0" eb="2">
      <t>ドウジョウ</t>
    </rPh>
    <rPh sb="2" eb="4">
      <t>テマ</t>
    </rPh>
    <phoneticPr fontId="88"/>
  </si>
  <si>
    <t>モルタル仕上げ</t>
    <rPh sb="4" eb="6">
      <t>シア</t>
    </rPh>
    <phoneticPr fontId="88"/>
  </si>
  <si>
    <t>掘削</t>
    <rPh sb="0" eb="2">
      <t>クッサク</t>
    </rPh>
    <phoneticPr fontId="88"/>
  </si>
  <si>
    <t>埋戻し</t>
    <rPh sb="0" eb="2">
      <t>ウメモド</t>
    </rPh>
    <phoneticPr fontId="88"/>
  </si>
  <si>
    <t>発生土</t>
    <rPh sb="0" eb="3">
      <t>ハッセイド</t>
    </rPh>
    <phoneticPr fontId="88"/>
  </si>
  <si>
    <t>購入土</t>
    <rPh sb="0" eb="2">
      <t>コウニュウ</t>
    </rPh>
    <rPh sb="2" eb="3">
      <t>ツチ</t>
    </rPh>
    <phoneticPr fontId="88"/>
  </si>
  <si>
    <t>残土処理</t>
    <rPh sb="0" eb="2">
      <t>ザンド</t>
    </rPh>
    <rPh sb="2" eb="4">
      <t>ショリ</t>
    </rPh>
    <phoneticPr fontId="88"/>
  </si>
  <si>
    <t>砕石</t>
    <rPh sb="0" eb="2">
      <t>サイセキ</t>
    </rPh>
    <phoneticPr fontId="88"/>
  </si>
  <si>
    <t>目荒し</t>
    <rPh sb="0" eb="1">
      <t>メ</t>
    </rPh>
    <rPh sb="1" eb="2">
      <t>アラ</t>
    </rPh>
    <phoneticPr fontId="88"/>
  </si>
  <si>
    <t>コンクリート殻処分</t>
    <rPh sb="6" eb="7">
      <t>ガラ</t>
    </rPh>
    <rPh sb="7" eb="9">
      <t>ショブン</t>
    </rPh>
    <phoneticPr fontId="88"/>
  </si>
  <si>
    <t>単位</t>
  </si>
  <si>
    <t>セパレータ</t>
  </si>
  <si>
    <t>18N/mm2</t>
  </si>
  <si>
    <t>コンクリートはつり</t>
  </si>
  <si>
    <t>配管工</t>
    <phoneticPr fontId="68"/>
  </si>
  <si>
    <t>kg</t>
  </si>
  <si>
    <t>4ｔ車　8km</t>
  </si>
  <si>
    <t>現場発生材　鉄くず・銅屑</t>
    <rPh sb="0" eb="2">
      <t>ゲンバ</t>
    </rPh>
    <rPh sb="2" eb="4">
      <t>ハッセイ</t>
    </rPh>
    <rPh sb="4" eb="5">
      <t>ザイ</t>
    </rPh>
    <rPh sb="6" eb="7">
      <t>テツ</t>
    </rPh>
    <rPh sb="10" eb="11">
      <t>ドウ</t>
    </rPh>
    <rPh sb="11" eb="12">
      <t>クズ</t>
    </rPh>
    <phoneticPr fontId="4"/>
  </si>
  <si>
    <t>200×200×150</t>
  </si>
  <si>
    <t>300×300×200</t>
  </si>
  <si>
    <t>2P</t>
  </si>
  <si>
    <t>900×900×1.5t</t>
  </si>
  <si>
    <t>SGP 32A</t>
  </si>
  <si>
    <t>W1200*D1200*H900</t>
  </si>
  <si>
    <t>W900*D900*H900</t>
  </si>
  <si>
    <t>D13</t>
  </si>
  <si>
    <t>コンクリート</t>
  </si>
  <si>
    <t>No.1水位計</t>
    <rPh sb="4" eb="7">
      <t>スイイケイ</t>
    </rPh>
    <phoneticPr fontId="88"/>
  </si>
  <si>
    <t>No.2水位計</t>
    <rPh sb="4" eb="7">
      <t>スイイケイ</t>
    </rPh>
    <phoneticPr fontId="88"/>
  </si>
  <si>
    <t>No.3水位計</t>
    <rPh sb="4" eb="7">
      <t>スイイケイ</t>
    </rPh>
    <phoneticPr fontId="88"/>
  </si>
  <si>
    <t>EM-CET   100sq</t>
  </si>
  <si>
    <t>EM-CE    60sq - 2c</t>
  </si>
  <si>
    <t>EM-CE   22sq - 3c</t>
  </si>
  <si>
    <t>EM-CE   14sq - 3c</t>
  </si>
  <si>
    <t>EM-CE     2sq - 3c</t>
  </si>
  <si>
    <t>EM-CE     2sq - 2c</t>
  </si>
  <si>
    <t>EM-CEE-S 1.25sq - 2c</t>
  </si>
  <si>
    <t>EM-IE      60sq</t>
  </si>
  <si>
    <t>EM-IE      22sq</t>
  </si>
  <si>
    <t>EM-IE     8sq</t>
  </si>
  <si>
    <t>EM-IE     5.5sq</t>
  </si>
  <si>
    <t>EM-IE     3.5sq</t>
  </si>
  <si>
    <t>600V</t>
  </si>
  <si>
    <t>材料費</t>
    <phoneticPr fontId="68"/>
  </si>
  <si>
    <t>FEP100</t>
  </si>
  <si>
    <t>FEP80</t>
  </si>
  <si>
    <t>FEP65</t>
  </si>
  <si>
    <t>FEP50</t>
  </si>
  <si>
    <t>FEP40</t>
  </si>
  <si>
    <t>FEP30</t>
  </si>
  <si>
    <t>PE36</t>
  </si>
  <si>
    <t>PE22</t>
  </si>
  <si>
    <t>HIVE22</t>
  </si>
  <si>
    <t>VE42</t>
  </si>
  <si>
    <t>VE22</t>
  </si>
  <si>
    <t>FEP150</t>
  </si>
  <si>
    <t>FEP125</t>
  </si>
  <si>
    <t>SUS</t>
    <phoneticPr fontId="68"/>
  </si>
  <si>
    <t>200×200×200WP</t>
  </si>
  <si>
    <t>200×200×150WP</t>
  </si>
  <si>
    <t>300×300×300WP</t>
  </si>
  <si>
    <t>ケーブルダクト</t>
    <phoneticPr fontId="68"/>
  </si>
  <si>
    <t>アルミ</t>
    <phoneticPr fontId="68"/>
  </si>
  <si>
    <t>材料費</t>
    <phoneticPr fontId="68"/>
  </si>
  <si>
    <t>複合工費</t>
    <phoneticPr fontId="68"/>
  </si>
  <si>
    <t>人</t>
    <rPh sb="0" eb="1">
      <t>ニン</t>
    </rPh>
    <phoneticPr fontId="68"/>
  </si>
  <si>
    <t>台</t>
    <rPh sb="0" eb="1">
      <t>ダイ</t>
    </rPh>
    <phoneticPr fontId="68"/>
  </si>
  <si>
    <t>炭素鋼鋼管</t>
    <phoneticPr fontId="68"/>
  </si>
  <si>
    <t>電気工事</t>
    <phoneticPr fontId="68"/>
  </si>
  <si>
    <t xml:space="preserve"> 機械工事</t>
  </si>
  <si>
    <t>内訳書</t>
    <rPh sb="0" eb="3">
      <t>ウチワケショ</t>
    </rPh>
    <phoneticPr fontId="6"/>
  </si>
  <si>
    <t>機器設置</t>
    <rPh sb="0" eb="2">
      <t>キキ</t>
    </rPh>
    <rPh sb="2" eb="4">
      <t>セッチ</t>
    </rPh>
    <phoneticPr fontId="68"/>
  </si>
  <si>
    <t>機器撤去</t>
    <rPh sb="0" eb="2">
      <t>キキ</t>
    </rPh>
    <rPh sb="2" eb="4">
      <t>テッキョ</t>
    </rPh>
    <phoneticPr fontId="68"/>
  </si>
  <si>
    <t>集計</t>
    <rPh sb="0" eb="2">
      <t>シュウケイ</t>
    </rPh>
    <phoneticPr fontId="68"/>
  </si>
  <si>
    <t>機器費</t>
    <rPh sb="0" eb="2">
      <t>キキ</t>
    </rPh>
    <rPh sb="2" eb="3">
      <t>ヒ</t>
    </rPh>
    <phoneticPr fontId="68"/>
  </si>
  <si>
    <t>労務費</t>
    <rPh sb="0" eb="3">
      <t>ロウムヒ</t>
    </rPh>
    <phoneticPr fontId="68"/>
  </si>
  <si>
    <t>材料費</t>
    <rPh sb="0" eb="2">
      <t>ザイリョウ</t>
    </rPh>
    <rPh sb="2" eb="3">
      <t>ヒ</t>
    </rPh>
    <phoneticPr fontId="68"/>
  </si>
  <si>
    <t>複合工費</t>
    <rPh sb="0" eb="2">
      <t>フクゴウ</t>
    </rPh>
    <rPh sb="2" eb="4">
      <t>コウヒ</t>
    </rPh>
    <phoneticPr fontId="68"/>
  </si>
  <si>
    <t>計</t>
    <rPh sb="0" eb="1">
      <t>ケイ</t>
    </rPh>
    <phoneticPr fontId="68"/>
  </si>
  <si>
    <t>燃料小出槽含む</t>
    <rPh sb="0" eb="2">
      <t>ネンリョウ</t>
    </rPh>
    <rPh sb="2" eb="4">
      <t>コダ</t>
    </rPh>
    <rPh sb="4" eb="5">
      <t>ソウ</t>
    </rPh>
    <rPh sb="5" eb="6">
      <t>フク</t>
    </rPh>
    <phoneticPr fontId="68"/>
  </si>
  <si>
    <t>弁類保温工</t>
    <phoneticPr fontId="68"/>
  </si>
  <si>
    <t>屋外露出</t>
    <phoneticPr fontId="68"/>
  </si>
  <si>
    <t>ﾎﾟﾘｽﾁﾚﾝﾌｫｰﾑ保温筒</t>
    <phoneticPr fontId="68"/>
  </si>
  <si>
    <t>SUS鋼板仕上</t>
    <phoneticPr fontId="68"/>
  </si>
  <si>
    <t>150A-40mm,</t>
    <phoneticPr fontId="68"/>
  </si>
  <si>
    <t>150A-25mm,</t>
    <phoneticPr fontId="68"/>
  </si>
  <si>
    <t>SUS304-20S</t>
    <phoneticPr fontId="68"/>
  </si>
  <si>
    <t>140×90×1.5t</t>
    <phoneticPr fontId="68"/>
  </si>
  <si>
    <t>HIVP　16A</t>
    <phoneticPr fontId="68"/>
  </si>
  <si>
    <t>HIVP  50A</t>
    <phoneticPr fontId="68"/>
  </si>
  <si>
    <t>SGP 25A</t>
    <phoneticPr fontId="68"/>
  </si>
  <si>
    <t>コンクリート切削</t>
    <rPh sb="6" eb="8">
      <t>セッサク</t>
    </rPh>
    <phoneticPr fontId="88"/>
  </si>
  <si>
    <t>薄鋼　25mm</t>
    <rPh sb="0" eb="1">
      <t>ウス</t>
    </rPh>
    <rPh sb="1" eb="2">
      <t>コウ</t>
    </rPh>
    <phoneticPr fontId="68"/>
  </si>
  <si>
    <t>薄鋼　19mm</t>
    <rPh sb="0" eb="1">
      <t>ウス</t>
    </rPh>
    <rPh sb="1" eb="2">
      <t>コウ</t>
    </rPh>
    <phoneticPr fontId="68"/>
  </si>
  <si>
    <t>接地銅板</t>
    <phoneticPr fontId="68"/>
  </si>
  <si>
    <t>埋込ｽｲｯﾁ</t>
    <rPh sb="0" eb="1">
      <t>ウ</t>
    </rPh>
    <rPh sb="1" eb="2">
      <t>コ</t>
    </rPh>
    <phoneticPr fontId="68"/>
  </si>
  <si>
    <t>個</t>
    <rPh sb="0" eb="1">
      <t>コ</t>
    </rPh>
    <phoneticPr fontId="68"/>
  </si>
  <si>
    <t>個</t>
    <rPh sb="0" eb="1">
      <t>コ</t>
    </rPh>
    <phoneticPr fontId="68"/>
  </si>
  <si>
    <t>600×400×1200</t>
    <phoneticPr fontId="68"/>
  </si>
  <si>
    <t>式</t>
    <rPh sb="0" eb="1">
      <t>シキ</t>
    </rPh>
    <phoneticPr fontId="68"/>
  </si>
  <si>
    <t>場内出入口用投光器</t>
    <rPh sb="0" eb="2">
      <t>ジョウナイ</t>
    </rPh>
    <rPh sb="2" eb="5">
      <t>デイリグチ</t>
    </rPh>
    <rPh sb="5" eb="6">
      <t>ヨウ</t>
    </rPh>
    <rPh sb="6" eb="9">
      <t>トウコウキ</t>
    </rPh>
    <phoneticPr fontId="68"/>
  </si>
  <si>
    <t>屋外発電機用投光器</t>
    <rPh sb="0" eb="2">
      <t>オクガイ</t>
    </rPh>
    <rPh sb="2" eb="6">
      <t>ハツデンキヨウ</t>
    </rPh>
    <rPh sb="6" eb="9">
      <t>トウコウキ</t>
    </rPh>
    <phoneticPr fontId="68"/>
  </si>
  <si>
    <t>照明器具類</t>
    <rPh sb="0" eb="2">
      <t>ショウメイ</t>
    </rPh>
    <rPh sb="2" eb="4">
      <t>キグ</t>
    </rPh>
    <rPh sb="4" eb="5">
      <t>ルイ</t>
    </rPh>
    <phoneticPr fontId="88"/>
  </si>
  <si>
    <t>防犯設備器具</t>
    <rPh sb="0" eb="2">
      <t>ボウハン</t>
    </rPh>
    <rPh sb="2" eb="4">
      <t>セツビ</t>
    </rPh>
    <rPh sb="4" eb="6">
      <t>キグ</t>
    </rPh>
    <phoneticPr fontId="68"/>
  </si>
  <si>
    <t>ﾃﾚｺﾝ付自動通報装置</t>
    <rPh sb="4" eb="5">
      <t>ツキ</t>
    </rPh>
    <rPh sb="5" eb="7">
      <t>ジドウ</t>
    </rPh>
    <rPh sb="7" eb="9">
      <t>ツウホウ</t>
    </rPh>
    <rPh sb="9" eb="11">
      <t>ソウチ</t>
    </rPh>
    <phoneticPr fontId="68"/>
  </si>
  <si>
    <t>音声報知器</t>
    <rPh sb="0" eb="2">
      <t>オンセイ</t>
    </rPh>
    <rPh sb="2" eb="5">
      <t>ホウチキ</t>
    </rPh>
    <phoneticPr fontId="68"/>
  </si>
  <si>
    <t>防犯ｺﾝﾄﾛｰﾗ 6窓</t>
    <rPh sb="0" eb="2">
      <t>ボウハン</t>
    </rPh>
    <rPh sb="10" eb="11">
      <t>マド</t>
    </rPh>
    <phoneticPr fontId="68"/>
  </si>
  <si>
    <t>ｷｰｽｲｯﾁ</t>
    <phoneticPr fontId="68"/>
  </si>
  <si>
    <t>ﾏﾙﾁｲﾝﾀｰﾌｪｰｽ</t>
    <phoneticPr fontId="68"/>
  </si>
  <si>
    <t>遠隔制御装置</t>
    <rPh sb="0" eb="2">
      <t>エンカク</t>
    </rPh>
    <rPh sb="2" eb="4">
      <t>セイギョ</t>
    </rPh>
    <rPh sb="4" eb="6">
      <t>ソウチ</t>
    </rPh>
    <phoneticPr fontId="68"/>
  </si>
  <si>
    <t>ｺﾝｾﾝﾄ付耐雷ｱﾀﾞﾌﾟﾀｰ</t>
    <rPh sb="5" eb="6">
      <t>ツキ</t>
    </rPh>
    <rPh sb="6" eb="8">
      <t>タイライ</t>
    </rPh>
    <phoneticPr fontId="68"/>
  </si>
  <si>
    <t>赤外線ｾﾝｻ 50m仕様</t>
    <rPh sb="0" eb="3">
      <t>セキガイセン</t>
    </rPh>
    <rPh sb="10" eb="12">
      <t>シヨウ</t>
    </rPh>
    <phoneticPr fontId="68"/>
  </si>
  <si>
    <t>赤外線ｾﾝｻ 100m仕様</t>
    <rPh sb="0" eb="3">
      <t>セキガイセン</t>
    </rPh>
    <rPh sb="11" eb="13">
      <t>シヨウ</t>
    </rPh>
    <phoneticPr fontId="68"/>
  </si>
  <si>
    <t>ｾﾝｻｰ用ﾎﾟｰﾙ</t>
    <rPh sb="4" eb="5">
      <t>ヨウ</t>
    </rPh>
    <phoneticPr fontId="68"/>
  </si>
  <si>
    <t>ﾎﾟｰﾙｻｲﾄﾞｶﾊﾞｰ</t>
    <phoneticPr fontId="68"/>
  </si>
  <si>
    <t>ｾﾝｻ用基礎材</t>
    <rPh sb="3" eb="4">
      <t>ヨウ</t>
    </rPh>
    <rPh sb="4" eb="6">
      <t>キソ</t>
    </rPh>
    <rPh sb="6" eb="7">
      <t>ザイ</t>
    </rPh>
    <phoneticPr fontId="68"/>
  </si>
  <si>
    <t>300W×300H×300D</t>
    <phoneticPr fontId="68"/>
  </si>
  <si>
    <t>保安器用ﾎﾞｯｸｽ</t>
    <rPh sb="0" eb="3">
      <t>ホアンキ</t>
    </rPh>
    <rPh sb="3" eb="4">
      <t>ヨウ</t>
    </rPh>
    <phoneticPr fontId="68"/>
  </si>
  <si>
    <t>樹脂製ﾌﾟﾙﾎﾞｯｸｽ</t>
    <rPh sb="0" eb="3">
      <t>ジュシセイ</t>
    </rPh>
    <phoneticPr fontId="68"/>
  </si>
  <si>
    <t>端子台</t>
    <rPh sb="0" eb="3">
      <t>タンシダイ</t>
    </rPh>
    <phoneticPr fontId="68"/>
  </si>
  <si>
    <t>解体可能ﾚｼﾞﾝ</t>
    <rPh sb="0" eb="2">
      <t>カイタイ</t>
    </rPh>
    <rPh sb="2" eb="4">
      <t>カノウ</t>
    </rPh>
    <phoneticPr fontId="68"/>
  </si>
  <si>
    <t>ﾘﾚｰ</t>
    <phoneticPr fontId="68"/>
  </si>
  <si>
    <t>ﾀｲﾏｰﾘﾚｰ</t>
    <phoneticPr fontId="68"/>
  </si>
  <si>
    <t>接点分配器</t>
    <rPh sb="0" eb="2">
      <t>セッテン</t>
    </rPh>
    <rPh sb="2" eb="5">
      <t>ブンパイキ</t>
    </rPh>
    <phoneticPr fontId="68"/>
  </si>
  <si>
    <t>電話機</t>
    <rPh sb="0" eb="3">
      <t>デンワキ</t>
    </rPh>
    <phoneticPr fontId="68"/>
  </si>
  <si>
    <t>ｺﾝｾﾝﾄ</t>
    <phoneticPr fontId="68"/>
  </si>
  <si>
    <t>台</t>
    <rPh sb="0" eb="1">
      <t>ダイ</t>
    </rPh>
    <phoneticPr fontId="68"/>
  </si>
  <si>
    <t>組</t>
    <rPh sb="0" eb="1">
      <t>クミ</t>
    </rPh>
    <phoneticPr fontId="68"/>
  </si>
  <si>
    <t>本</t>
    <rPh sb="0" eb="1">
      <t>ホン</t>
    </rPh>
    <phoneticPr fontId="68"/>
  </si>
  <si>
    <t>個</t>
    <rPh sb="0" eb="1">
      <t>コ</t>
    </rPh>
    <phoneticPr fontId="68"/>
  </si>
  <si>
    <t>式</t>
    <rPh sb="0" eb="1">
      <t>シキ</t>
    </rPh>
    <phoneticPr fontId="68"/>
  </si>
  <si>
    <t>回転灯 ﾌﾞﾗｹｯﾄ付</t>
    <rPh sb="0" eb="2">
      <t>カイテン</t>
    </rPh>
    <rPh sb="2" eb="3">
      <t>トウ</t>
    </rPh>
    <rPh sb="10" eb="11">
      <t>ツキ</t>
    </rPh>
    <phoneticPr fontId="68"/>
  </si>
  <si>
    <t>小配管付属材料</t>
    <rPh sb="0" eb="3">
      <t>ショウハイカン</t>
    </rPh>
    <rPh sb="3" eb="5">
      <t>フゾク</t>
    </rPh>
    <rPh sb="5" eb="7">
      <t>ザイリョウ</t>
    </rPh>
    <phoneticPr fontId="68"/>
  </si>
  <si>
    <t>同上付属材料</t>
    <rPh sb="0" eb="2">
      <t>ドウジョウ</t>
    </rPh>
    <phoneticPr fontId="68"/>
  </si>
  <si>
    <t>異種管接続材料</t>
    <rPh sb="0" eb="2">
      <t>イシュ</t>
    </rPh>
    <rPh sb="2" eb="3">
      <t>カン</t>
    </rPh>
    <rPh sb="3" eb="5">
      <t>セツゾク</t>
    </rPh>
    <rPh sb="5" eb="7">
      <t>ザイリョウ</t>
    </rPh>
    <phoneticPr fontId="68"/>
  </si>
  <si>
    <t>ベルマウス</t>
    <phoneticPr fontId="68"/>
  </si>
  <si>
    <t>個</t>
    <rPh sb="0" eb="1">
      <t>コ</t>
    </rPh>
    <phoneticPr fontId="68"/>
  </si>
  <si>
    <t xml:space="preserve"> 電気工事</t>
    <rPh sb="1" eb="3">
      <t>デンキ</t>
    </rPh>
    <phoneticPr fontId="68"/>
  </si>
  <si>
    <t>機械工事</t>
    <rPh sb="0" eb="2">
      <t>キカイ</t>
    </rPh>
    <rPh sb="2" eb="4">
      <t>コウジ</t>
    </rPh>
    <phoneticPr fontId="6"/>
  </si>
  <si>
    <t>電気工事</t>
    <rPh sb="0" eb="2">
      <t>デンキ</t>
    </rPh>
    <rPh sb="2" eb="4">
      <t>コウジ</t>
    </rPh>
    <phoneticPr fontId="6"/>
  </si>
  <si>
    <t>土木工事</t>
    <rPh sb="0" eb="2">
      <t>ドボク</t>
    </rPh>
    <rPh sb="2" eb="4">
      <t>コウジ</t>
    </rPh>
    <phoneticPr fontId="6"/>
  </si>
  <si>
    <t>水中ポンプ</t>
    <phoneticPr fontId="68"/>
  </si>
  <si>
    <t>ポンプ台板</t>
    <rPh sb="3" eb="4">
      <t>ダイ</t>
    </rPh>
    <rPh sb="4" eb="5">
      <t>イタ</t>
    </rPh>
    <phoneticPr fontId="68"/>
  </si>
  <si>
    <t>φ150×2.8m3/min</t>
    <phoneticPr fontId="68"/>
  </si>
  <si>
    <t>×22m×18.5kW-2P</t>
    <phoneticPr fontId="68"/>
  </si>
  <si>
    <t>仕切弁</t>
    <rPh sb="0" eb="3">
      <t>シキリベンベン</t>
    </rPh>
    <phoneticPr fontId="4"/>
  </si>
  <si>
    <t>ｽﾃﾝﾚｽ製</t>
    <phoneticPr fontId="68"/>
  </si>
  <si>
    <t>逆止弁</t>
    <rPh sb="0" eb="3">
      <t>ギャクシベン</t>
    </rPh>
    <phoneticPr fontId="4"/>
  </si>
  <si>
    <t>台</t>
    <rPh sb="0" eb="1">
      <t>ダイ</t>
    </rPh>
    <phoneticPr fontId="68"/>
  </si>
  <si>
    <t>枚</t>
    <rPh sb="0" eb="1">
      <t>マイ</t>
    </rPh>
    <phoneticPr fontId="68"/>
  </si>
  <si>
    <t>ポンプ廻り配管</t>
    <rPh sb="3" eb="4">
      <t>マワ</t>
    </rPh>
    <rPh sb="5" eb="7">
      <t>ハイカン</t>
    </rPh>
    <phoneticPr fontId="4"/>
  </si>
  <si>
    <t>排水ポンプ</t>
    <rPh sb="0" eb="2">
      <t>ハイスイ</t>
    </rPh>
    <phoneticPr fontId="68"/>
  </si>
  <si>
    <t>ｽﾃﾝﾚｽ製 650×650</t>
    <phoneticPr fontId="68"/>
  </si>
  <si>
    <t>ｽﾃﾝﾚｽ製</t>
    <phoneticPr fontId="68"/>
  </si>
  <si>
    <t>φ40×0.03m3/min</t>
    <phoneticPr fontId="68"/>
  </si>
  <si>
    <t>×10m×0.25kW</t>
    <phoneticPr fontId="68"/>
  </si>
  <si>
    <t>G54</t>
    <phoneticPr fontId="68"/>
  </si>
  <si>
    <t>G28</t>
    <phoneticPr fontId="68"/>
  </si>
  <si>
    <t>G22</t>
    <phoneticPr fontId="68"/>
  </si>
  <si>
    <t>ﾎﾟﾘｴﾁﾚﾝ管</t>
    <phoneticPr fontId="68"/>
  </si>
  <si>
    <t>波付硬質</t>
    <phoneticPr fontId="68"/>
  </si>
  <si>
    <t>ハンドホール</t>
    <phoneticPr fontId="68"/>
  </si>
  <si>
    <t>H29水道事業実務必携に記載の請負工事積算基準「構造物工事（浄水場等）」にて積算</t>
    <rPh sb="3" eb="5">
      <t>スイドウ</t>
    </rPh>
    <rPh sb="5" eb="7">
      <t>ジギョウ</t>
    </rPh>
    <rPh sb="7" eb="9">
      <t>ジツム</t>
    </rPh>
    <rPh sb="9" eb="11">
      <t>ヒッケイ</t>
    </rPh>
    <rPh sb="12" eb="14">
      <t>キサイ</t>
    </rPh>
    <rPh sb="15" eb="17">
      <t>ウケオイ</t>
    </rPh>
    <rPh sb="17" eb="19">
      <t>コウジ</t>
    </rPh>
    <rPh sb="19" eb="21">
      <t>セキサン</t>
    </rPh>
    <rPh sb="21" eb="23">
      <t>キジュン</t>
    </rPh>
    <rPh sb="24" eb="27">
      <t>コウゾウブツ</t>
    </rPh>
    <rPh sb="27" eb="29">
      <t>コウジ</t>
    </rPh>
    <rPh sb="30" eb="32">
      <t>ジョウスイ</t>
    </rPh>
    <rPh sb="32" eb="33">
      <t>ジョウ</t>
    </rPh>
    <rPh sb="33" eb="34">
      <t>ナド</t>
    </rPh>
    <rPh sb="38" eb="40">
      <t>セキサン</t>
    </rPh>
    <phoneticPr fontId="4"/>
  </si>
  <si>
    <t>スクラップ控除</t>
    <phoneticPr fontId="4"/>
  </si>
  <si>
    <t>H30出来高</t>
    <rPh sb="3" eb="6">
      <t>デキダカ</t>
    </rPh>
    <phoneticPr fontId="4"/>
  </si>
  <si>
    <t>φ150 10kF</t>
    <phoneticPr fontId="11"/>
  </si>
  <si>
    <t>kg</t>
    <phoneticPr fontId="68"/>
  </si>
  <si>
    <t>3号明細書</t>
    <rPh sb="1" eb="2">
      <t>ゴウ</t>
    </rPh>
    <rPh sb="2" eb="4">
      <t>メイサイ</t>
    </rPh>
    <rPh sb="4" eb="5">
      <t>ショ</t>
    </rPh>
    <phoneticPr fontId="4"/>
  </si>
  <si>
    <t xml:space="preserve"> スクラップ</t>
    <phoneticPr fontId="68"/>
  </si>
  <si>
    <t>機械工事</t>
    <rPh sb="0" eb="2">
      <t>キカイ</t>
    </rPh>
    <rPh sb="2" eb="4">
      <t>コウジ</t>
    </rPh>
    <phoneticPr fontId="4"/>
  </si>
  <si>
    <t>別紙3号明細書</t>
    <rPh sb="0" eb="2">
      <t>ベッシ</t>
    </rPh>
    <rPh sb="3" eb="4">
      <t>ゴウ</t>
    </rPh>
    <rPh sb="4" eb="6">
      <t>メイサイ</t>
    </rPh>
    <rPh sb="6" eb="7">
      <t>ショ</t>
    </rPh>
    <phoneticPr fontId="4"/>
  </si>
  <si>
    <t>資整</t>
    <rPh sb="0" eb="1">
      <t>シ</t>
    </rPh>
    <rPh sb="1" eb="2">
      <t>セイ</t>
    </rPh>
    <phoneticPr fontId="97"/>
  </si>
  <si>
    <t>工　事　設　計　書</t>
    <rPh sb="0" eb="1">
      <t>コウ</t>
    </rPh>
    <rPh sb="2" eb="3">
      <t>コト</t>
    </rPh>
    <rPh sb="4" eb="5">
      <t>セツ</t>
    </rPh>
    <rPh sb="6" eb="7">
      <t>ケイ</t>
    </rPh>
    <rPh sb="8" eb="9">
      <t>ショ</t>
    </rPh>
    <phoneticPr fontId="97"/>
  </si>
  <si>
    <t>第　　号</t>
    <rPh sb="0" eb="1">
      <t>ダイ</t>
    </rPh>
    <rPh sb="3" eb="4">
      <t>ゴウ</t>
    </rPh>
    <phoneticPr fontId="97"/>
  </si>
  <si>
    <t>施 工 地 名</t>
    <rPh sb="0" eb="1">
      <t>シ</t>
    </rPh>
    <rPh sb="2" eb="3">
      <t>コウ</t>
    </rPh>
    <rPh sb="4" eb="5">
      <t>チ</t>
    </rPh>
    <rPh sb="6" eb="7">
      <t>ナ</t>
    </rPh>
    <phoneticPr fontId="4"/>
  </si>
  <si>
    <t>審査</t>
    <rPh sb="0" eb="2">
      <t>シンサ</t>
    </rPh>
    <phoneticPr fontId="97"/>
  </si>
  <si>
    <t>平成　　　年　　　月　　　日</t>
    <rPh sb="0" eb="2">
      <t>ヘイセイ</t>
    </rPh>
    <rPh sb="5" eb="6">
      <t>ネン</t>
    </rPh>
    <rPh sb="9" eb="10">
      <t>ガツ</t>
    </rPh>
    <rPh sb="13" eb="14">
      <t>ニチ</t>
    </rPh>
    <phoneticPr fontId="97"/>
  </si>
  <si>
    <t>課長</t>
    <rPh sb="0" eb="2">
      <t>カチョウ</t>
    </rPh>
    <phoneticPr fontId="97"/>
  </si>
  <si>
    <t>課長
補佐</t>
    <rPh sb="0" eb="2">
      <t>カチョウ</t>
    </rPh>
    <rPh sb="3" eb="5">
      <t>ホサ</t>
    </rPh>
    <phoneticPr fontId="97"/>
  </si>
  <si>
    <t>係長</t>
    <rPh sb="0" eb="1">
      <t>カカリ</t>
    </rPh>
    <rPh sb="1" eb="2">
      <t>チョウ</t>
    </rPh>
    <phoneticPr fontId="97"/>
  </si>
  <si>
    <t>工  事  名</t>
    <rPh sb="0" eb="1">
      <t>コウ</t>
    </rPh>
    <rPh sb="3" eb="4">
      <t>ジ</t>
    </rPh>
    <rPh sb="6" eb="7">
      <t>ナ</t>
    </rPh>
    <phoneticPr fontId="4"/>
  </si>
  <si>
    <t>工      費</t>
    <rPh sb="0" eb="1">
      <t>コウ</t>
    </rPh>
    <rPh sb="7" eb="8">
      <t>ヒ</t>
    </rPh>
    <phoneticPr fontId="4"/>
  </si>
  <si>
    <t>一金</t>
    <rPh sb="0" eb="1">
      <t>イチ</t>
    </rPh>
    <rPh sb="1" eb="2">
      <t>キン</t>
    </rPh>
    <phoneticPr fontId="97"/>
  </si>
  <si>
    <t>円也</t>
    <rPh sb="0" eb="1">
      <t>エン</t>
    </rPh>
    <rPh sb="1" eb="2">
      <t>ナリ</t>
    </rPh>
    <phoneticPr fontId="97"/>
  </si>
  <si>
    <t>設計</t>
    <rPh sb="0" eb="2">
      <t>セッケイ</t>
    </rPh>
    <phoneticPr fontId="97"/>
  </si>
  <si>
    <t>工      期</t>
    <rPh sb="0" eb="1">
      <t>コウ</t>
    </rPh>
    <rPh sb="7" eb="8">
      <t>キ</t>
    </rPh>
    <phoneticPr fontId="4"/>
  </si>
  <si>
    <t>検算</t>
    <rPh sb="0" eb="2">
      <t>ケンザン</t>
    </rPh>
    <phoneticPr fontId="97"/>
  </si>
  <si>
    <t>契約の日から</t>
    <rPh sb="0" eb="2">
      <t>ケイヤク</t>
    </rPh>
    <rPh sb="3" eb="4">
      <t>ヒ</t>
    </rPh>
    <phoneticPr fontId="97"/>
  </si>
  <si>
    <t>限り</t>
    <rPh sb="0" eb="1">
      <t>カギ</t>
    </rPh>
    <phoneticPr fontId="97"/>
  </si>
  <si>
    <t>工　　　事　　　の　　　概　　　要</t>
    <rPh sb="0" eb="1">
      <t>コウ</t>
    </rPh>
    <rPh sb="4" eb="5">
      <t>コト</t>
    </rPh>
    <rPh sb="12" eb="13">
      <t>オオムネ</t>
    </rPh>
    <rPh sb="16" eb="17">
      <t>ヨウ</t>
    </rPh>
    <phoneticPr fontId="97"/>
  </si>
  <si>
    <t>起　　　工　　　理　　　由</t>
    <rPh sb="0" eb="1">
      <t>オ</t>
    </rPh>
    <rPh sb="4" eb="5">
      <t>コウ</t>
    </rPh>
    <rPh sb="8" eb="9">
      <t>リ</t>
    </rPh>
    <rPh sb="12" eb="13">
      <t>ヨシ</t>
    </rPh>
    <phoneticPr fontId="97"/>
  </si>
  <si>
    <t>設　計　書　用　紙</t>
    <phoneticPr fontId="97"/>
  </si>
  <si>
    <t>平成30年度</t>
    <rPh sb="4" eb="6">
      <t>ネンド</t>
    </rPh>
    <phoneticPr fontId="68"/>
  </si>
  <si>
    <t>四日市市中村町地内</t>
    <rPh sb="0" eb="4">
      <t>ヨッカイチシ</t>
    </rPh>
    <rPh sb="4" eb="7">
      <t>ナカムラチョウ</t>
    </rPh>
    <rPh sb="7" eb="8">
      <t>チ</t>
    </rPh>
    <rPh sb="8" eb="9">
      <t>ナイ</t>
    </rPh>
    <phoneticPr fontId="4"/>
  </si>
  <si>
    <t>朝明水源系取水施設（1号井）更新工事</t>
    <rPh sb="0" eb="2">
      <t>アサケ</t>
    </rPh>
    <rPh sb="2" eb="4">
      <t>スイゲン</t>
    </rPh>
    <rPh sb="4" eb="5">
      <t>ケイ</t>
    </rPh>
    <rPh sb="5" eb="7">
      <t>シュスイ</t>
    </rPh>
    <rPh sb="7" eb="9">
      <t>シセツ</t>
    </rPh>
    <rPh sb="11" eb="12">
      <t>ゴウ</t>
    </rPh>
    <rPh sb="12" eb="13">
      <t>セイ</t>
    </rPh>
    <rPh sb="14" eb="16">
      <t>コウシン</t>
    </rPh>
    <rPh sb="16" eb="18">
      <t>コウジ</t>
    </rPh>
    <phoneticPr fontId="4"/>
  </si>
  <si>
    <t>　本工事は第２期水道施設整備計画に基づき、朝明1号井取水施設一式を更新するものである。</t>
    <phoneticPr fontId="4"/>
  </si>
  <si>
    <t>電気工事</t>
    <rPh sb="0" eb="2">
      <t>デンキ</t>
    </rPh>
    <rPh sb="2" eb="4">
      <t>コウジ</t>
    </rPh>
    <phoneticPr fontId="68"/>
  </si>
  <si>
    <t>式</t>
    <rPh sb="0" eb="1">
      <t>シキ</t>
    </rPh>
    <phoneticPr fontId="68"/>
  </si>
  <si>
    <t>機械設備据付工</t>
    <phoneticPr fontId="68"/>
  </si>
  <si>
    <t>労務費</t>
    <rPh sb="0" eb="3">
      <t>ロウムヒ</t>
    </rPh>
    <phoneticPr fontId="4"/>
  </si>
  <si>
    <t>ベルマウス</t>
    <phoneticPr fontId="68"/>
  </si>
  <si>
    <t>φ30</t>
    <phoneticPr fontId="68"/>
  </si>
  <si>
    <t>土木工事</t>
    <rPh sb="0" eb="2">
      <t>ドボク</t>
    </rPh>
    <rPh sb="2" eb="4">
      <t>コウジ</t>
    </rPh>
    <phoneticPr fontId="68"/>
  </si>
  <si>
    <t>スクラップ</t>
    <phoneticPr fontId="68"/>
  </si>
  <si>
    <t>t</t>
    <phoneticPr fontId="68"/>
  </si>
  <si>
    <t>t</t>
    <phoneticPr fontId="68"/>
  </si>
  <si>
    <t>水道
建設課</t>
    <rPh sb="0" eb="2">
      <t>スイドウ</t>
    </rPh>
    <rPh sb="3" eb="5">
      <t>ケンセツ</t>
    </rPh>
    <rPh sb="5" eb="6">
      <t>カ</t>
    </rPh>
    <phoneticPr fontId="97"/>
  </si>
  <si>
    <t>材料費</t>
    <phoneticPr fontId="68"/>
  </si>
  <si>
    <t>EM-CPEE-S　0.9mm　1p</t>
  </si>
  <si>
    <t>m</t>
  </si>
  <si>
    <t>LSS1-3150Lm</t>
  </si>
  <si>
    <t>24N/mm2</t>
  </si>
  <si>
    <t>20mm</t>
  </si>
  <si>
    <t>ｽﾋﾟｰｶ</t>
    <phoneticPr fontId="68"/>
  </si>
  <si>
    <t>150mm×50m 2倍</t>
    <phoneticPr fontId="68"/>
  </si>
  <si>
    <t>EM-CEE  1.25sq - 30c</t>
  </si>
  <si>
    <t>EM-CEE  1.25sq - 15c</t>
  </si>
  <si>
    <t>EM-CEE  1.25sq - 10c</t>
  </si>
  <si>
    <t>EM-CEE  1.25sq - 6c</t>
  </si>
  <si>
    <t>EM-CEE  1.25sq - 4c</t>
  </si>
  <si>
    <t>EM-CEE 1.25sq - 2c</t>
  </si>
  <si>
    <t>EM-IE　2mm</t>
  </si>
  <si>
    <t>EM-IE　1.6mm</t>
  </si>
  <si>
    <t>D16</t>
    <phoneticPr fontId="68"/>
  </si>
  <si>
    <t>D19</t>
    <phoneticPr fontId="68"/>
  </si>
  <si>
    <t>ステンレス 18-8</t>
    <phoneticPr fontId="68"/>
  </si>
  <si>
    <t>鉄　故銑B</t>
    <phoneticPr fontId="68"/>
  </si>
  <si>
    <t>鉄 ヘビー　H3</t>
    <phoneticPr fontId="68"/>
  </si>
  <si>
    <t>1号銅線</t>
    <rPh sb="1" eb="2">
      <t>ゴウ</t>
    </rPh>
    <rPh sb="2" eb="4">
      <t>ドウセン</t>
    </rPh>
    <phoneticPr fontId="68"/>
  </si>
  <si>
    <t>kg</t>
    <phoneticPr fontId="68"/>
  </si>
  <si>
    <t>2号銅線</t>
    <rPh sb="1" eb="2">
      <t>ゴウ</t>
    </rPh>
    <rPh sb="2" eb="4">
      <t>ドウセン</t>
    </rPh>
    <phoneticPr fontId="68"/>
  </si>
  <si>
    <t>G70</t>
    <phoneticPr fontId="68"/>
  </si>
  <si>
    <t>ナゲット処理</t>
    <rPh sb="4" eb="6">
      <t>ショリ</t>
    </rPh>
    <phoneticPr fontId="68"/>
  </si>
  <si>
    <t>kg</t>
    <phoneticPr fontId="68"/>
  </si>
  <si>
    <t>鉄 ヘビー　H2</t>
    <phoneticPr fontId="68"/>
  </si>
  <si>
    <t>廃プラ</t>
    <rPh sb="0" eb="1">
      <t>ハイ</t>
    </rPh>
    <phoneticPr fontId="68"/>
  </si>
  <si>
    <t>SUS 13A</t>
    <phoneticPr fontId="68"/>
  </si>
  <si>
    <t>4号明細書</t>
    <rPh sb="1" eb="2">
      <t>ゴウ</t>
    </rPh>
    <rPh sb="2" eb="4">
      <t>メイサイ</t>
    </rPh>
    <rPh sb="4" eb="5">
      <t>ショ</t>
    </rPh>
    <phoneticPr fontId="4"/>
  </si>
  <si>
    <t>運搬費</t>
    <rPh sb="0" eb="2">
      <t>ウンパン</t>
    </rPh>
    <rPh sb="2" eb="3">
      <t>ヒ</t>
    </rPh>
    <phoneticPr fontId="68"/>
  </si>
  <si>
    <t>設備工事</t>
    <rPh sb="0" eb="2">
      <t>セツビ</t>
    </rPh>
    <rPh sb="2" eb="4">
      <t>コウジ</t>
    </rPh>
    <phoneticPr fontId="68"/>
  </si>
  <si>
    <t>運搬費</t>
    <rPh sb="0" eb="2">
      <t>ウンパン</t>
    </rPh>
    <rPh sb="2" eb="3">
      <t>ヒ</t>
    </rPh>
    <phoneticPr fontId="6"/>
  </si>
  <si>
    <t>運搬費計</t>
    <rPh sb="0" eb="2">
      <t>ウンパン</t>
    </rPh>
    <rPh sb="2" eb="3">
      <t>ヒ</t>
    </rPh>
    <rPh sb="3" eb="4">
      <t>ケイ</t>
    </rPh>
    <phoneticPr fontId="6"/>
  </si>
  <si>
    <t>5号明細書</t>
    <rPh sb="1" eb="2">
      <t>ゴウ</t>
    </rPh>
    <rPh sb="2" eb="4">
      <t>メイサイ</t>
    </rPh>
    <rPh sb="4" eb="5">
      <t>ショ</t>
    </rPh>
    <phoneticPr fontId="4"/>
  </si>
  <si>
    <t>別紙4号明細書</t>
    <rPh sb="0" eb="2">
      <t>ベッシ</t>
    </rPh>
    <rPh sb="3" eb="4">
      <t>ゴウ</t>
    </rPh>
    <rPh sb="4" eb="6">
      <t>メイサイ</t>
    </rPh>
    <rPh sb="6" eb="7">
      <t>ショ</t>
    </rPh>
    <phoneticPr fontId="4"/>
  </si>
  <si>
    <t>別紙5号明細書</t>
    <rPh sb="0" eb="2">
      <t>ベッシ</t>
    </rPh>
    <rPh sb="3" eb="4">
      <t>ゴウ</t>
    </rPh>
    <rPh sb="4" eb="6">
      <t>メイサイ</t>
    </rPh>
    <rPh sb="6" eb="7">
      <t>ショ</t>
    </rPh>
    <phoneticPr fontId="4"/>
  </si>
  <si>
    <t>安全費</t>
    <rPh sb="0" eb="2">
      <t>アンゼン</t>
    </rPh>
    <rPh sb="2" eb="3">
      <t>ヒ</t>
    </rPh>
    <phoneticPr fontId="4"/>
  </si>
  <si>
    <t>材料費</t>
    <phoneticPr fontId="68"/>
  </si>
  <si>
    <t>SS</t>
    <phoneticPr fontId="68"/>
  </si>
  <si>
    <t>200×200×200</t>
    <phoneticPr fontId="68"/>
  </si>
  <si>
    <t>交通誘導警備員</t>
    <rPh sb="0" eb="2">
      <t>コウツウ</t>
    </rPh>
    <rPh sb="2" eb="4">
      <t>ユウドウ</t>
    </rPh>
    <rPh sb="4" eb="7">
      <t>ケイビイン</t>
    </rPh>
    <phoneticPr fontId="68"/>
  </si>
  <si>
    <t>（Ｂ）</t>
    <phoneticPr fontId="68"/>
  </si>
  <si>
    <t>安全費</t>
    <rPh sb="0" eb="2">
      <t>アンゼン</t>
    </rPh>
    <rPh sb="2" eb="3">
      <t>ヒ</t>
    </rPh>
    <phoneticPr fontId="68"/>
  </si>
  <si>
    <t>6号明細書</t>
    <rPh sb="1" eb="2">
      <t>ゴウ</t>
    </rPh>
    <rPh sb="2" eb="4">
      <t>メイサイ</t>
    </rPh>
    <rPh sb="4" eb="5">
      <t>ショ</t>
    </rPh>
    <phoneticPr fontId="4"/>
  </si>
  <si>
    <t>安全費</t>
    <rPh sb="2" eb="3">
      <t>ヒ</t>
    </rPh>
    <phoneticPr fontId="6"/>
  </si>
  <si>
    <t>安全費計</t>
    <rPh sb="2" eb="3">
      <t>ヒ</t>
    </rPh>
    <rPh sb="3" eb="4">
      <t>ケイ</t>
    </rPh>
    <phoneticPr fontId="6"/>
  </si>
  <si>
    <t>別紙6号明細書</t>
    <rPh sb="0" eb="2">
      <t>ベッシ</t>
    </rPh>
    <rPh sb="3" eb="4">
      <t>ゴウ</t>
    </rPh>
    <rPh sb="4" eb="6">
      <t>メイサイ</t>
    </rPh>
    <rPh sb="6" eb="7">
      <t>ショ</t>
    </rPh>
    <phoneticPr fontId="4"/>
  </si>
  <si>
    <t>水道事業実務必携　平成29年制定版</t>
    <rPh sb="4" eb="6">
      <t>ジツム</t>
    </rPh>
    <phoneticPr fontId="4"/>
  </si>
  <si>
    <t>建設物価　平成30年11月</t>
    <rPh sb="0" eb="2">
      <t>ケンセツ</t>
    </rPh>
    <rPh sb="2" eb="4">
      <t>ブッカ</t>
    </rPh>
    <phoneticPr fontId="4"/>
  </si>
  <si>
    <t>水道施設</t>
    <rPh sb="0" eb="2">
      <t>スイドウ</t>
    </rPh>
    <rPh sb="2" eb="4">
      <t>シセツ</t>
    </rPh>
    <phoneticPr fontId="68"/>
  </si>
  <si>
    <t>設計単価表（三重県）</t>
    <phoneticPr fontId="68"/>
  </si>
  <si>
    <t>あり</t>
    <phoneticPr fontId="4"/>
  </si>
  <si>
    <t>なし</t>
    <phoneticPr fontId="4"/>
  </si>
  <si>
    <t>別途工事との工程調整</t>
    <phoneticPr fontId="4"/>
  </si>
  <si>
    <t>（</t>
    <phoneticPr fontId="4"/>
  </si>
  <si>
    <t>）</t>
    <phoneticPr fontId="4"/>
  </si>
  <si>
    <t>制限する工種名</t>
    <phoneticPr fontId="4"/>
  </si>
  <si>
    <t>（</t>
    <phoneticPr fontId="4"/>
  </si>
  <si>
    <t>）</t>
    <phoneticPr fontId="4"/>
  </si>
  <si>
    <t>協議完了見込み時期</t>
    <phoneticPr fontId="4"/>
  </si>
  <si>
    <t>（</t>
    <phoneticPr fontId="4"/>
  </si>
  <si>
    <t>）</t>
    <phoneticPr fontId="4"/>
  </si>
  <si>
    <t>№</t>
    <phoneticPr fontId="4"/>
  </si>
  <si>
    <t>～</t>
    <phoneticPr fontId="4"/>
  </si>
  <si>
    <t>）</t>
    <phoneticPr fontId="4"/>
  </si>
  <si>
    <t>（</t>
    <phoneticPr fontId="4"/>
  </si>
  <si>
    <t>（L=</t>
    <phoneticPr fontId="4"/>
  </si>
  <si>
    <t>Km）</t>
    <phoneticPr fontId="4"/>
  </si>
  <si>
    <t>①騒音、振動の抑制に努める。</t>
    <phoneticPr fontId="68"/>
  </si>
  <si>
    <t>事業損失防止に関する調査あり</t>
    <phoneticPr fontId="4"/>
  </si>
  <si>
    <t>②排出ガス対策建設機械を使用する。</t>
    <phoneticPr fontId="68"/>
  </si>
  <si>
    <t>別途協議</t>
    <phoneticPr fontId="4"/>
  </si>
  <si>
    <t>交通安全施設等の指定あり</t>
    <phoneticPr fontId="4"/>
  </si>
  <si>
    <t>(</t>
    <phoneticPr fontId="4"/>
  </si>
  <si>
    <t>)</t>
    <phoneticPr fontId="4"/>
  </si>
  <si>
    <t>ガス</t>
    <phoneticPr fontId="4"/>
  </si>
  <si>
    <t>(</t>
    <phoneticPr fontId="4"/>
  </si>
  <si>
    <t>)</t>
    <phoneticPr fontId="4"/>
  </si>
  <si>
    <t>（</t>
    <phoneticPr fontId="4"/>
  </si>
  <si>
    <t>）</t>
    <phoneticPr fontId="4"/>
  </si>
  <si>
    <t>土砂崩落・発破作業に対する防護施設等に指定あり</t>
    <phoneticPr fontId="4"/>
  </si>
  <si>
    <t>イメージアップ経費適用工事</t>
    <phoneticPr fontId="4"/>
  </si>
  <si>
    <t>仮設備関係</t>
    <phoneticPr fontId="4"/>
  </si>
  <si>
    <t>（</t>
    <phoneticPr fontId="4"/>
  </si>
  <si>
    <t>）</t>
    <phoneticPr fontId="4"/>
  </si>
  <si>
    <t>（</t>
    <phoneticPr fontId="4"/>
  </si>
  <si>
    <t>）</t>
    <phoneticPr fontId="4"/>
  </si>
  <si>
    <t>現場発生品の種類</t>
    <rPh sb="0" eb="2">
      <t>ゲンバ</t>
    </rPh>
    <rPh sb="2" eb="4">
      <t>ハッセイ</t>
    </rPh>
    <rPh sb="4" eb="5">
      <t>ヒン</t>
    </rPh>
    <rPh sb="6" eb="8">
      <t>シュルイ</t>
    </rPh>
    <phoneticPr fontId="68"/>
  </si>
  <si>
    <t>撤去機器</t>
    <rPh sb="0" eb="2">
      <t>テッキョ</t>
    </rPh>
    <rPh sb="2" eb="4">
      <t>キキ</t>
    </rPh>
    <phoneticPr fontId="68"/>
  </si>
  <si>
    <t>撤去電線類</t>
    <rPh sb="0" eb="2">
      <t>テッキョ</t>
    </rPh>
    <rPh sb="2" eb="4">
      <t>デンセン</t>
    </rPh>
    <rPh sb="4" eb="5">
      <t>ルイ</t>
    </rPh>
    <phoneticPr fontId="68"/>
  </si>
  <si>
    <t>その他</t>
    <rPh sb="2" eb="3">
      <t>タ</t>
    </rPh>
    <phoneticPr fontId="68"/>
  </si>
  <si>
    <t>（</t>
    <phoneticPr fontId="68"/>
  </si>
  <si>
    <t>ton）</t>
    <phoneticPr fontId="68"/>
  </si>
  <si>
    <t>kg）</t>
    <phoneticPr fontId="68"/>
  </si>
  <si>
    <t>）</t>
    <phoneticPr fontId="4"/>
  </si>
  <si>
    <t>（</t>
    <phoneticPr fontId="4"/>
  </si>
  <si>
    <t>Ｌ＝</t>
    <phoneticPr fontId="4"/>
  </si>
  <si>
    <t>Km)</t>
    <phoneticPr fontId="4"/>
  </si>
  <si>
    <t>（受注者は四日市市検査規程第8条第6項の規定により、発注者が随時検査を求めた場合は、監督員の指示に従い受検すること。）</t>
    <rPh sb="1" eb="3">
      <t>ジュチュウ</t>
    </rPh>
    <rPh sb="3" eb="4">
      <t>シャ</t>
    </rPh>
    <rPh sb="5" eb="9">
      <t>ヨッカイチシ</t>
    </rPh>
    <rPh sb="9" eb="11">
      <t>ケンサ</t>
    </rPh>
    <rPh sb="11" eb="13">
      <t>キテイ</t>
    </rPh>
    <rPh sb="13" eb="14">
      <t>ダイ</t>
    </rPh>
    <rPh sb="15" eb="16">
      <t>ジョウ</t>
    </rPh>
    <rPh sb="16" eb="17">
      <t>ダイ</t>
    </rPh>
    <rPh sb="18" eb="19">
      <t>コウ</t>
    </rPh>
    <rPh sb="20" eb="22">
      <t>キテイ</t>
    </rPh>
    <rPh sb="26" eb="29">
      <t>ハッチュウシャ</t>
    </rPh>
    <rPh sb="30" eb="32">
      <t>ズイジ</t>
    </rPh>
    <rPh sb="32" eb="34">
      <t>ケンサ</t>
    </rPh>
    <rPh sb="35" eb="36">
      <t>モト</t>
    </rPh>
    <rPh sb="38" eb="40">
      <t>バアイ</t>
    </rPh>
    <rPh sb="42" eb="44">
      <t>カントク</t>
    </rPh>
    <rPh sb="44" eb="45">
      <t>イン</t>
    </rPh>
    <rPh sb="46" eb="48">
      <t>シジ</t>
    </rPh>
    <rPh sb="49" eb="50">
      <t>シタガ</t>
    </rPh>
    <rPh sb="51" eb="53">
      <t>ジュケン</t>
    </rPh>
    <phoneticPr fontId="4"/>
  </si>
  <si>
    <t>三重県公共工事共通仕様書（平成28年7月版）を準用</t>
    <phoneticPr fontId="68"/>
  </si>
  <si>
    <t>(</t>
    <phoneticPr fontId="4"/>
  </si>
  <si>
    <t>)</t>
    <phoneticPr fontId="4"/>
  </si>
  <si>
    <t>上記受託業務事項・条件および内容のレ印当該欄は作業に当たって制約を受けることになるので明示する。</t>
    <phoneticPr fontId="4"/>
  </si>
  <si>
    <t xml:space="preserve">三重県県土整備部制定-平成30年7月制定版-積算基準    </t>
    <phoneticPr fontId="4"/>
  </si>
  <si>
    <r>
      <t>平成30年4月</t>
    </r>
    <r>
      <rPr>
        <sz val="11"/>
        <color theme="1"/>
        <rFont val="ＭＳ Ｐゴシック"/>
        <family val="1"/>
        <charset val="128"/>
        <scheme val="minor"/>
      </rPr>
      <t>1</t>
    </r>
    <r>
      <rPr>
        <sz val="11"/>
        <rFont val="ＭＳ Ｐ明朝"/>
        <family val="1"/>
        <charset val="128"/>
      </rPr>
      <t>日制定版</t>
    </r>
    <rPh sb="0" eb="2">
      <t>ヘイセイ</t>
    </rPh>
    <rPh sb="4" eb="5">
      <t>ネン</t>
    </rPh>
    <rPh sb="6" eb="7">
      <t>ガツ</t>
    </rPh>
    <rPh sb="8" eb="9">
      <t>ニチ</t>
    </rPh>
    <rPh sb="9" eb="11">
      <t>セイテイ</t>
    </rPh>
    <rPh sb="11" eb="12">
      <t>バン</t>
    </rPh>
    <phoneticPr fontId="4"/>
  </si>
  <si>
    <t>積算資料　平成30年11月</t>
    <rPh sb="0" eb="2">
      <t>セキサン</t>
    </rPh>
    <rPh sb="2" eb="4">
      <t>シリョウ</t>
    </rPh>
    <rPh sb="5" eb="7">
      <t>ヘイセイ</t>
    </rPh>
    <phoneticPr fontId="4"/>
  </si>
  <si>
    <t>建築施工単価　平成30年10月</t>
    <rPh sb="0" eb="2">
      <t>ケンチク</t>
    </rPh>
    <rPh sb="2" eb="4">
      <t>セコウ</t>
    </rPh>
    <rPh sb="4" eb="6">
      <t>タンカ</t>
    </rPh>
    <rPh sb="7" eb="9">
      <t>ヘイセイ</t>
    </rPh>
    <phoneticPr fontId="4"/>
  </si>
  <si>
    <t>建築コスト情報　平成30年10月</t>
    <rPh sb="0" eb="2">
      <t>ケンチク</t>
    </rPh>
    <rPh sb="5" eb="7">
      <t>ジョウホウ</t>
    </rPh>
    <rPh sb="8" eb="10">
      <t>ヘイセイ</t>
    </rPh>
    <phoneticPr fontId="4"/>
  </si>
  <si>
    <t>建設機械等損料表 平成30年度版</t>
    <rPh sb="4" eb="5">
      <t>ナド</t>
    </rPh>
    <phoneticPr fontId="68"/>
  </si>
  <si>
    <t>第</t>
  </si>
  <si>
    <t>当り</t>
  </si>
  <si>
    <t>数　　量</t>
  </si>
  <si>
    <t>単　　価</t>
  </si>
  <si>
    <t>日</t>
  </si>
  <si>
    <t>複合工費</t>
    <phoneticPr fontId="68"/>
  </si>
  <si>
    <t>φ600 PHC杭</t>
    <rPh sb="8" eb="9">
      <t>クイ</t>
    </rPh>
    <phoneticPr fontId="68"/>
  </si>
  <si>
    <t>本</t>
    <rPh sb="0" eb="1">
      <t>ホン</t>
    </rPh>
    <phoneticPr fontId="68"/>
  </si>
  <si>
    <t>杭工事材料費</t>
    <rPh sb="0" eb="3">
      <t>クイコウジ</t>
    </rPh>
    <rPh sb="3" eb="5">
      <t>ザイリョウ</t>
    </rPh>
    <rPh sb="5" eb="6">
      <t>ヒ</t>
    </rPh>
    <phoneticPr fontId="68"/>
  </si>
  <si>
    <t>杭工事施工費</t>
    <rPh sb="0" eb="3">
      <t>クイコウジ</t>
    </rPh>
    <rPh sb="3" eb="5">
      <t>セコウ</t>
    </rPh>
    <rPh sb="5" eb="6">
      <t>ヒ</t>
    </rPh>
    <phoneticPr fontId="68"/>
  </si>
  <si>
    <t>供用日</t>
  </si>
  <si>
    <t>コンクリート積込</t>
    <rPh sb="6" eb="8">
      <t>ツミコ</t>
    </rPh>
    <phoneticPr fontId="88"/>
  </si>
  <si>
    <t>(100m3未満）自由処分</t>
    <rPh sb="6" eb="8">
      <t>ミマン</t>
    </rPh>
    <rPh sb="9" eb="11">
      <t>ジユウ</t>
    </rPh>
    <rPh sb="11" eb="13">
      <t>ショブン</t>
    </rPh>
    <phoneticPr fontId="4"/>
  </si>
  <si>
    <t>（参考L= ４   km)</t>
    <rPh sb="1" eb="3">
      <t>サンコウ</t>
    </rPh>
    <phoneticPr fontId="4"/>
  </si>
  <si>
    <t>(100m3以上）自由処分</t>
    <rPh sb="6" eb="8">
      <t>イジョウ</t>
    </rPh>
    <rPh sb="9" eb="11">
      <t>ジユウ</t>
    </rPh>
    <rPh sb="11" eb="13">
      <t>ショブン</t>
    </rPh>
    <phoneticPr fontId="4"/>
  </si>
  <si>
    <t>（暫定L=    km)</t>
    <rPh sb="1" eb="3">
      <t>ザンテイ</t>
    </rPh>
    <phoneticPr fontId="4"/>
  </si>
  <si>
    <t xml:space="preserve"> km)</t>
    <phoneticPr fontId="4"/>
  </si>
  <si>
    <t>※処分地未定につき相互協議する。</t>
    <rPh sb="1" eb="3">
      <t>ショブン</t>
    </rPh>
    <rPh sb="3" eb="4">
      <t>チ</t>
    </rPh>
    <rPh sb="4" eb="6">
      <t>ミテイ</t>
    </rPh>
    <rPh sb="9" eb="11">
      <t>ソウゴ</t>
    </rPh>
    <rPh sb="11" eb="13">
      <t>キョウギ</t>
    </rPh>
    <phoneticPr fontId="4"/>
  </si>
  <si>
    <t>関係</t>
    <rPh sb="0" eb="2">
      <t>カンケイ</t>
    </rPh>
    <phoneticPr fontId="4"/>
  </si>
  <si>
    <t>（</t>
    <phoneticPr fontId="4"/>
  </si>
  <si>
    <t>）</t>
    <phoneticPr fontId="4"/>
  </si>
  <si>
    <t>廃プラ</t>
    <rPh sb="0" eb="1">
      <t>ハイ</t>
    </rPh>
    <phoneticPr fontId="4"/>
  </si>
  <si>
    <t>（</t>
    <phoneticPr fontId="4"/>
  </si>
  <si>
    <t>）</t>
    <phoneticPr fontId="4"/>
  </si>
  <si>
    <t>コン殻</t>
    <rPh sb="2" eb="3">
      <t>カラ</t>
    </rPh>
    <phoneticPr fontId="4"/>
  </si>
  <si>
    <t>アス殻</t>
    <rPh sb="2" eb="3">
      <t>カラ</t>
    </rPh>
    <phoneticPr fontId="4"/>
  </si>
  <si>
    <t>舗装切断時の排水処理</t>
    <rPh sb="0" eb="2">
      <t>ホソウ</t>
    </rPh>
    <rPh sb="2" eb="4">
      <t>セツダン</t>
    </rPh>
    <rPh sb="4" eb="5">
      <t>ジ</t>
    </rPh>
    <rPh sb="6" eb="8">
      <t>ハイスイ</t>
    </rPh>
    <rPh sb="8" eb="10">
      <t>ショリ</t>
    </rPh>
    <phoneticPr fontId="4"/>
  </si>
  <si>
    <t>舗装切断作業に伴い、切断機械から発生する排水については、排水吸引機能を有する切断機械等により</t>
    <rPh sb="0" eb="2">
      <t>ホソウ</t>
    </rPh>
    <rPh sb="2" eb="4">
      <t>セツダン</t>
    </rPh>
    <rPh sb="4" eb="6">
      <t>サギョウ</t>
    </rPh>
    <rPh sb="7" eb="8">
      <t>トモナ</t>
    </rPh>
    <rPh sb="10" eb="12">
      <t>セツダン</t>
    </rPh>
    <rPh sb="12" eb="14">
      <t>キカイ</t>
    </rPh>
    <rPh sb="16" eb="18">
      <t>ハッセイ</t>
    </rPh>
    <rPh sb="20" eb="22">
      <t>ハイスイ</t>
    </rPh>
    <rPh sb="28" eb="30">
      <t>ハイスイ</t>
    </rPh>
    <rPh sb="30" eb="32">
      <t>キュウイン</t>
    </rPh>
    <rPh sb="32" eb="34">
      <t>キノウ</t>
    </rPh>
    <rPh sb="35" eb="36">
      <t>ユウ</t>
    </rPh>
    <rPh sb="38" eb="40">
      <t>セツダン</t>
    </rPh>
    <rPh sb="40" eb="42">
      <t>キカイ</t>
    </rPh>
    <rPh sb="42" eb="43">
      <t>トウ</t>
    </rPh>
    <phoneticPr fontId="4"/>
  </si>
  <si>
    <t>回収するものとする。回収された排水については、関係機関等と協議の上、適正に処理するものとし、必要</t>
    <rPh sb="0" eb="2">
      <t>カイシュウ</t>
    </rPh>
    <rPh sb="10" eb="12">
      <t>カイシュウ</t>
    </rPh>
    <rPh sb="15" eb="17">
      <t>ハイスイ</t>
    </rPh>
    <rPh sb="23" eb="25">
      <t>カンケイ</t>
    </rPh>
    <rPh sb="25" eb="27">
      <t>キカン</t>
    </rPh>
    <rPh sb="27" eb="28">
      <t>トウ</t>
    </rPh>
    <rPh sb="29" eb="31">
      <t>キョウギ</t>
    </rPh>
    <rPh sb="32" eb="33">
      <t>ウエ</t>
    </rPh>
    <rPh sb="34" eb="36">
      <t>テキセイ</t>
    </rPh>
    <rPh sb="37" eb="39">
      <t>ショリ</t>
    </rPh>
    <rPh sb="46" eb="48">
      <t>ヒツヨウ</t>
    </rPh>
    <phoneticPr fontId="4"/>
  </si>
  <si>
    <t>と認められる経費については変更契約できるものとする。</t>
    <rPh sb="1" eb="2">
      <t>ミト</t>
    </rPh>
    <rPh sb="6" eb="8">
      <t>ケイヒ</t>
    </rPh>
    <rPh sb="13" eb="15">
      <t>ヘンコウ</t>
    </rPh>
    <rPh sb="15" eb="17">
      <t>ケイヤク</t>
    </rPh>
    <phoneticPr fontId="4"/>
  </si>
  <si>
    <t>　「適正に処理」する際には、廃棄物処理及び清掃に関する法律」に基づき、産業廃棄物の排出事業者</t>
    <rPh sb="2" eb="4">
      <t>テキセイ</t>
    </rPh>
    <rPh sb="5" eb="7">
      <t>ショリ</t>
    </rPh>
    <rPh sb="10" eb="11">
      <t>サイ</t>
    </rPh>
    <rPh sb="14" eb="17">
      <t>ハイキブツ</t>
    </rPh>
    <rPh sb="17" eb="19">
      <t>ショリ</t>
    </rPh>
    <rPh sb="19" eb="20">
      <t>オヨ</t>
    </rPh>
    <rPh sb="21" eb="23">
      <t>セイソウ</t>
    </rPh>
    <rPh sb="24" eb="25">
      <t>カン</t>
    </rPh>
    <rPh sb="27" eb="29">
      <t>ホウリツ</t>
    </rPh>
    <rPh sb="31" eb="32">
      <t>モト</t>
    </rPh>
    <rPh sb="35" eb="37">
      <t>サンギョウ</t>
    </rPh>
    <rPh sb="37" eb="39">
      <t>ハイキ</t>
    </rPh>
    <rPh sb="39" eb="40">
      <t>ブツ</t>
    </rPh>
    <rPh sb="41" eb="43">
      <t>ハイシュツ</t>
    </rPh>
    <rPh sb="43" eb="46">
      <t>ジギョウシャ</t>
    </rPh>
    <phoneticPr fontId="4"/>
  </si>
  <si>
    <t>(受注者）が産業廃棄物の処理を委託する際、適正処理のために必要な廃棄物情報（成分性状等）を処理</t>
    <rPh sb="1" eb="3">
      <t>ジュチュウ</t>
    </rPh>
    <rPh sb="3" eb="4">
      <t>シャ</t>
    </rPh>
    <rPh sb="6" eb="8">
      <t>サンギョウ</t>
    </rPh>
    <rPh sb="8" eb="11">
      <t>ハイキブツ</t>
    </rPh>
    <rPh sb="12" eb="14">
      <t>ショリ</t>
    </rPh>
    <rPh sb="15" eb="17">
      <t>イタク</t>
    </rPh>
    <rPh sb="19" eb="20">
      <t>サイ</t>
    </rPh>
    <rPh sb="21" eb="22">
      <t>テキ</t>
    </rPh>
    <rPh sb="22" eb="23">
      <t>タダ</t>
    </rPh>
    <rPh sb="23" eb="25">
      <t>ショリ</t>
    </rPh>
    <rPh sb="29" eb="31">
      <t>ヒツヨウ</t>
    </rPh>
    <rPh sb="32" eb="35">
      <t>ハイキブツ</t>
    </rPh>
    <rPh sb="35" eb="37">
      <t>ジョウホウ</t>
    </rPh>
    <rPh sb="38" eb="40">
      <t>セイブン</t>
    </rPh>
    <rPh sb="40" eb="42">
      <t>セイジョウ</t>
    </rPh>
    <rPh sb="42" eb="43">
      <t>トウ</t>
    </rPh>
    <rPh sb="45" eb="47">
      <t>ショリ</t>
    </rPh>
    <phoneticPr fontId="4"/>
  </si>
  <si>
    <t>業者に提供することが必要である。</t>
    <rPh sb="0" eb="2">
      <t>ギョウシャ</t>
    </rPh>
    <rPh sb="3" eb="5">
      <t>テイキョウ</t>
    </rPh>
    <rPh sb="10" eb="12">
      <t>ヒツヨウ</t>
    </rPh>
    <phoneticPr fontId="4"/>
  </si>
  <si>
    <t>あった場合は提示しなければならない。</t>
    <rPh sb="3" eb="5">
      <t>バアイ</t>
    </rPh>
    <rPh sb="6" eb="8">
      <t>テイジ</t>
    </rPh>
    <phoneticPr fontId="4"/>
  </si>
  <si>
    <t/>
  </si>
  <si>
    <t>合　　計</t>
  </si>
  <si>
    <t>　</t>
  </si>
  <si>
    <t>第0122号施工単価表</t>
  </si>
  <si>
    <t>仮設材等積込み取卸し</t>
  </si>
  <si>
    <t>第0121号施工単価表</t>
  </si>
  <si>
    <t>仮設材等運搬費 （往復）</t>
  </si>
  <si>
    <t>摘要</t>
  </si>
  <si>
    <t>金　　額</t>
  </si>
  <si>
    <t>単　位</t>
  </si>
  <si>
    <t>　　　名称　　規格</t>
  </si>
  <si>
    <t>（上段　：前　回　　下段　：今　回）</t>
  </si>
  <si>
    <t xml:space="preserve">             1</t>
  </si>
  <si>
    <t>運搬費</t>
  </si>
  <si>
    <t>号 明細表</t>
  </si>
  <si>
    <t>9001</t>
  </si>
  <si>
    <t>第0008号単価表</t>
  </si>
  <si>
    <t>取水施設工事</t>
  </si>
  <si>
    <t>第0001号単価表</t>
  </si>
  <si>
    <t>場内整備・付帯工</t>
  </si>
  <si>
    <t>摘要</t>
    <rPh sb="0" eb="2">
      <t>テキヨウ</t>
    </rPh>
    <phoneticPr fontId="4"/>
  </si>
  <si>
    <t>金　　額</t>
    <rPh sb="0" eb="1">
      <t>キン</t>
    </rPh>
    <rPh sb="3" eb="4">
      <t>ガク</t>
    </rPh>
    <phoneticPr fontId="4"/>
  </si>
  <si>
    <t>単　　価</t>
    <rPh sb="0" eb="1">
      <t>タン</t>
    </rPh>
    <rPh sb="3" eb="4">
      <t>アタイ</t>
    </rPh>
    <phoneticPr fontId="4"/>
  </si>
  <si>
    <t>数　　量</t>
    <rPh sb="0" eb="1">
      <t>カズ</t>
    </rPh>
    <rPh sb="3" eb="4">
      <t>リョウ</t>
    </rPh>
    <phoneticPr fontId="4"/>
  </si>
  <si>
    <t>単　位</t>
    <rPh sb="0" eb="1">
      <t>タン</t>
    </rPh>
    <rPh sb="2" eb="3">
      <t>クライ</t>
    </rPh>
    <phoneticPr fontId="4"/>
  </si>
  <si>
    <t>　　　名称　　規格</t>
    <rPh sb="3" eb="5">
      <t>メイショウ</t>
    </rPh>
    <rPh sb="7" eb="9">
      <t>キカク</t>
    </rPh>
    <phoneticPr fontId="4"/>
  </si>
  <si>
    <t>土木工事</t>
  </si>
  <si>
    <t>号 明細表</t>
    <rPh sb="0" eb="1">
      <t>ゴウ</t>
    </rPh>
    <rPh sb="2" eb="4">
      <t>メイサイ</t>
    </rPh>
    <rPh sb="4" eb="5">
      <t>ヒョウ</t>
    </rPh>
    <phoneticPr fontId="4"/>
  </si>
  <si>
    <t>0001</t>
  </si>
  <si>
    <t>第</t>
    <rPh sb="0" eb="1">
      <t>ダイ</t>
    </rPh>
    <phoneticPr fontId="4"/>
  </si>
  <si>
    <t>単位当り</t>
  </si>
  <si>
    <t>　　　　　　　　　　　　　　　摘    要</t>
  </si>
  <si>
    <t>金  額</t>
  </si>
  <si>
    <t>単  価</t>
  </si>
  <si>
    <t>数  量</t>
  </si>
  <si>
    <t>　　　　　　　　　　　　名      称</t>
  </si>
  <si>
    <t xml:space="preserve">           1.000</t>
  </si>
  <si>
    <t>施工単価表</t>
  </si>
  <si>
    <t>号</t>
  </si>
  <si>
    <t>0122</t>
  </si>
  <si>
    <t>合計</t>
  </si>
  <si>
    <t>t.</t>
  </si>
  <si>
    <t>取卸しのみ</t>
  </si>
  <si>
    <t>積込みのみ</t>
  </si>
  <si>
    <t>0121</t>
  </si>
  <si>
    <t>メカニカル継手工</t>
  </si>
  <si>
    <t>口</t>
  </si>
  <si>
    <t>φ40</t>
  </si>
  <si>
    <t>0120</t>
  </si>
  <si>
    <t>諸雑費</t>
  </si>
  <si>
    <t>配管工</t>
  </si>
  <si>
    <t>径40mm</t>
  </si>
  <si>
    <t xml:space="preserve">           2.000</t>
  </si>
  <si>
    <t>0119</t>
  </si>
  <si>
    <t>硬質塩化ﾋﾞﾆﾙ管切断工</t>
  </si>
  <si>
    <t>0118</t>
  </si>
  <si>
    <t>硬質塩化ﾋﾞﾆﾙ管据付工</t>
  </si>
  <si>
    <t xml:space="preserve">          10.000</t>
  </si>
  <si>
    <t>0117</t>
  </si>
  <si>
    <t>径50mm</t>
  </si>
  <si>
    <t>0116</t>
  </si>
  <si>
    <t>仕切弁設置工</t>
  </si>
  <si>
    <t>0115</t>
  </si>
  <si>
    <t>サドル分水栓建込み工</t>
  </si>
  <si>
    <t>0114</t>
  </si>
  <si>
    <t>小口径鋼管ねじ込み接合工(人力)</t>
  </si>
  <si>
    <t>0113</t>
  </si>
  <si>
    <t>小口径鋼管ねじ切り工(人力)</t>
  </si>
  <si>
    <t>0112</t>
  </si>
  <si>
    <t>小口径鋼管切断工(人力)</t>
  </si>
  <si>
    <t>特殊作業員</t>
  </si>
  <si>
    <t xml:space="preserve">         100.000</t>
  </si>
  <si>
    <t>0111</t>
  </si>
  <si>
    <t>土留支保工（軽量金属支保工）撤去工</t>
  </si>
  <si>
    <t>土木一般世話役</t>
  </si>
  <si>
    <t>0110</t>
  </si>
  <si>
    <t>土留支保工（軽量金属支保工）設置工</t>
  </si>
  <si>
    <t xml:space="preserve">         133.200</t>
  </si>
  <si>
    <t>0109</t>
  </si>
  <si>
    <t>軽量鋼矢板引抜(両側)工</t>
  </si>
  <si>
    <t>時間</t>
  </si>
  <si>
    <t>第0011号運転単価表</t>
  </si>
  <si>
    <t>バックホウ運転費</t>
  </si>
  <si>
    <t>第0002号運転単価表</t>
  </si>
  <si>
    <t>0108</t>
  </si>
  <si>
    <t>軽量鋼矢板建込(両側)工</t>
  </si>
  <si>
    <t>0107</t>
  </si>
  <si>
    <t>1号　中部壁　H=200mm</t>
  </si>
  <si>
    <t>0106</t>
  </si>
  <si>
    <t>1号　上部壁　H=150㎜</t>
  </si>
  <si>
    <t>第0013号運転単価表</t>
  </si>
  <si>
    <t>トラック運転費</t>
  </si>
  <si>
    <t>φ100㎜　たて型</t>
  </si>
  <si>
    <t>0105</t>
  </si>
  <si>
    <t>径100mm</t>
  </si>
  <si>
    <t>エンジンカッター損料</t>
  </si>
  <si>
    <t>φ100,ｴﾝｼﾞﾝｶｯﾀｰ</t>
  </si>
  <si>
    <t>0104</t>
  </si>
  <si>
    <t>φ100㎜（ｴﾝｼﾞﾝｶｯﾀｰ）</t>
  </si>
  <si>
    <t>0103</t>
  </si>
  <si>
    <t>鋳鉄管切断</t>
  </si>
  <si>
    <t>第0104号施工単価表</t>
  </si>
  <si>
    <t>ＮＳ継手挿口加工(ﾀｯﾋﾟﾝねじ式)</t>
  </si>
  <si>
    <t>φ100</t>
  </si>
  <si>
    <t>0102</t>
  </si>
  <si>
    <t>ＧＸ形継手接合工</t>
  </si>
  <si>
    <t>φ100　G-Link</t>
  </si>
  <si>
    <t>0101</t>
  </si>
  <si>
    <t>φ100　特殊継手（普通形）　K形</t>
  </si>
  <si>
    <t>0100</t>
  </si>
  <si>
    <t>メカニカル特殊継手工</t>
  </si>
  <si>
    <t>φ100　K形　普通継手</t>
  </si>
  <si>
    <t>0099</t>
  </si>
  <si>
    <t>フランジ継手工</t>
  </si>
  <si>
    <t>7.5K　100㎜</t>
  </si>
  <si>
    <t>0098</t>
  </si>
  <si>
    <t>0097</t>
  </si>
  <si>
    <t>ﾎﾟﾘｴﾁﾚﾝｽﾘｰﾌﾞ被覆工</t>
  </si>
  <si>
    <t>固定用ゴムバンド</t>
  </si>
  <si>
    <t>φ100×5.0m</t>
  </si>
  <si>
    <t>ポリエチレンスリーブ</t>
  </si>
  <si>
    <t>0096</t>
  </si>
  <si>
    <t>径200mm</t>
  </si>
  <si>
    <t>パイプ切削切断機損料</t>
  </si>
  <si>
    <t>0095</t>
  </si>
  <si>
    <t>φ200,パイプ切削切断機用</t>
  </si>
  <si>
    <t>ガイドリング</t>
  </si>
  <si>
    <t>φ200,パイプ切削切断機</t>
  </si>
  <si>
    <t>GX形</t>
  </si>
  <si>
    <t>0094</t>
  </si>
  <si>
    <t>第0095号施工単価表</t>
  </si>
  <si>
    <t>0093</t>
  </si>
  <si>
    <t>溝切り・切断刃損耗費</t>
  </si>
  <si>
    <t>φ200、NS・GXタッピンねじ式専用工具用</t>
  </si>
  <si>
    <t>ダクタイル鋳鉄管切断機　切断刃</t>
  </si>
  <si>
    <t>ダクタイル鋳鉄管切断機　溝切り刃</t>
  </si>
  <si>
    <t>0092</t>
  </si>
  <si>
    <t>ﾀｯﾋﾟﾝねじ式専用工具損料</t>
  </si>
  <si>
    <t>φ200、NS・GXタッピンねじ式専用工具</t>
  </si>
  <si>
    <t>φ200㎜　GX形/2工程（専用工具使用）</t>
  </si>
  <si>
    <t>0091</t>
  </si>
  <si>
    <t>鋳鉄管切断工</t>
  </si>
  <si>
    <t>鋳鉄管切断・溝切り加工(２工程)</t>
  </si>
  <si>
    <t>第0093号施工単価表</t>
  </si>
  <si>
    <t>第0092号施工単価表</t>
  </si>
  <si>
    <t>Gリンク　φ200㎜　</t>
  </si>
  <si>
    <t>0090</t>
  </si>
  <si>
    <t>異形管　φ200㎜</t>
  </si>
  <si>
    <t>0089</t>
  </si>
  <si>
    <t>直管　φ200㎜</t>
  </si>
  <si>
    <t>0088</t>
  </si>
  <si>
    <t>φ200</t>
  </si>
  <si>
    <t>0087</t>
  </si>
  <si>
    <t>φ200×6.0m</t>
  </si>
  <si>
    <t>0086</t>
  </si>
  <si>
    <t>0085</t>
  </si>
  <si>
    <t>1号　底板　H=40mm</t>
  </si>
  <si>
    <t>0084</t>
  </si>
  <si>
    <t>1号　下部壁　H=300mm</t>
  </si>
  <si>
    <t>0083</t>
  </si>
  <si>
    <t>1号　下部壁　H=150㎜</t>
  </si>
  <si>
    <t>0082</t>
  </si>
  <si>
    <t>1号　調整リング　H=50 mm</t>
  </si>
  <si>
    <t>0081</t>
  </si>
  <si>
    <t>鉄蓋設置工</t>
  </si>
  <si>
    <t>径250mm</t>
  </si>
  <si>
    <t>0080</t>
  </si>
  <si>
    <t>0079</t>
  </si>
  <si>
    <t>第0076号施工単価表</t>
  </si>
  <si>
    <t>0078</t>
  </si>
  <si>
    <t>NS継手挿口加工</t>
  </si>
  <si>
    <t>0077</t>
  </si>
  <si>
    <t>第0074号施工単価表</t>
  </si>
  <si>
    <t>第0073号施工単価表</t>
  </si>
  <si>
    <t>0076</t>
  </si>
  <si>
    <t>φ250,パイプ切削切断機用</t>
  </si>
  <si>
    <t>φ250,パイプ切削切断機</t>
  </si>
  <si>
    <t>0075</t>
  </si>
  <si>
    <t>0074</t>
  </si>
  <si>
    <t>φ250、NS・GXタッピンねじ式専用工具用</t>
  </si>
  <si>
    <t>0073</t>
  </si>
  <si>
    <t>φ250、NS・GXタッピンねじ式専用工具</t>
  </si>
  <si>
    <t>0072</t>
  </si>
  <si>
    <t>0071</t>
  </si>
  <si>
    <t>異形管　φ250㎜</t>
  </si>
  <si>
    <t>0070</t>
  </si>
  <si>
    <t>直管　φ250㎜</t>
  </si>
  <si>
    <t>0069</t>
  </si>
  <si>
    <t>異形管受口部の接合　φ250㎜</t>
  </si>
  <si>
    <t>0068</t>
  </si>
  <si>
    <t>ＮＳ継手接合工</t>
  </si>
  <si>
    <t>0067</t>
  </si>
  <si>
    <t>0066</t>
  </si>
  <si>
    <t>φ250</t>
  </si>
  <si>
    <t>0065</t>
  </si>
  <si>
    <t>φ250×6.0m</t>
  </si>
  <si>
    <t>0064</t>
  </si>
  <si>
    <t>径300mm</t>
  </si>
  <si>
    <t>φ300㎜　たて型</t>
  </si>
  <si>
    <t>0063</t>
  </si>
  <si>
    <t>0062</t>
  </si>
  <si>
    <t>0061</t>
  </si>
  <si>
    <t>φ300、NS・GXタッピンねじ式専用工具用</t>
  </si>
  <si>
    <t>φ300NS形/2工程（専用工具使用）</t>
  </si>
  <si>
    <t>0060</t>
  </si>
  <si>
    <t>溝切り加工</t>
  </si>
  <si>
    <t>第0061号施工単価表</t>
  </si>
  <si>
    <t>第0058号施工単価表</t>
  </si>
  <si>
    <t>0059</t>
  </si>
  <si>
    <t>φ300、NS・GXタッピンねじ式専用工具</t>
  </si>
  <si>
    <t>0058</t>
  </si>
  <si>
    <t>0057</t>
  </si>
  <si>
    <t>鋳鉄管切断・溝切り加工</t>
  </si>
  <si>
    <t>第0059号施工単価表</t>
  </si>
  <si>
    <t>異形管受口部の接合　φ300mm</t>
  </si>
  <si>
    <t>0056</t>
  </si>
  <si>
    <t>直管　φ300mm</t>
  </si>
  <si>
    <t>0055</t>
  </si>
  <si>
    <t>7.5K　300mm</t>
  </si>
  <si>
    <t>0054</t>
  </si>
  <si>
    <t>φ300</t>
  </si>
  <si>
    <t>0053</t>
  </si>
  <si>
    <t>φ300×7.0m</t>
  </si>
  <si>
    <t>0052</t>
  </si>
  <si>
    <t>0051</t>
  </si>
  <si>
    <t>0050</t>
  </si>
  <si>
    <t>0049</t>
  </si>
  <si>
    <t>0048</t>
  </si>
  <si>
    <t>0047</t>
  </si>
  <si>
    <t>アスファルト塊運搬費</t>
  </si>
  <si>
    <t>第0010号運転単価表</t>
  </si>
  <si>
    <t>ダンプトラック運転費</t>
  </si>
  <si>
    <t>0046</t>
  </si>
  <si>
    <t>Ｃ－40</t>
  </si>
  <si>
    <t>第0009号運転単価表</t>
  </si>
  <si>
    <t>タンパ運転費</t>
  </si>
  <si>
    <t>クラッシャーラン</t>
  </si>
  <si>
    <t>第0007号運転単価表</t>
  </si>
  <si>
    <t>ダンプトラック運転費【基準】</t>
  </si>
  <si>
    <t>0045</t>
  </si>
  <si>
    <t>CB410260(0030)</t>
  </si>
  <si>
    <t>表層（車道・路肩部）(施工ﾊﾟｯｹｰｼﾞ)</t>
  </si>
  <si>
    <t>0044</t>
  </si>
  <si>
    <t>現場</t>
  </si>
  <si>
    <t>0043</t>
  </si>
  <si>
    <t>据付・撤去工</t>
  </si>
  <si>
    <t>0042</t>
  </si>
  <si>
    <t>ポンプ運転工</t>
  </si>
  <si>
    <t>発動発電機機械損料</t>
  </si>
  <si>
    <t>第0006号運転単価表</t>
  </si>
  <si>
    <t>0041</t>
  </si>
  <si>
    <t>開削水替工</t>
  </si>
  <si>
    <t>第0043号施工単価表</t>
  </si>
  <si>
    <t>第0042号施工単価表</t>
  </si>
  <si>
    <t>径400mm</t>
  </si>
  <si>
    <t>0040</t>
  </si>
  <si>
    <t>トラッククレーン賃料</t>
  </si>
  <si>
    <t>0039</t>
  </si>
  <si>
    <t>φ400,ｴﾝｼﾞﾝｶｯﾀｰ</t>
  </si>
  <si>
    <t>0038</t>
  </si>
  <si>
    <t>第0039号施工単価表</t>
  </si>
  <si>
    <t>0037</t>
  </si>
  <si>
    <t>3号　底板　H=40mm</t>
  </si>
  <si>
    <t>0036</t>
  </si>
  <si>
    <t>3号　下部壁　H=300mm</t>
  </si>
  <si>
    <t>0035</t>
  </si>
  <si>
    <t>3号　中部壁　H=300mm</t>
  </si>
  <si>
    <t>0034</t>
  </si>
  <si>
    <t>3号　上部壁　H=200㎜</t>
  </si>
  <si>
    <t>0033</t>
  </si>
  <si>
    <t>3号　調整リング　H=50 mm</t>
  </si>
  <si>
    <t>0032</t>
  </si>
  <si>
    <t>φ400㎜　たて型</t>
  </si>
  <si>
    <t>0031</t>
  </si>
  <si>
    <t>0030</t>
  </si>
  <si>
    <t>φ400、NS・GXタッピンねじ式専用工具用</t>
  </si>
  <si>
    <t>0029</t>
  </si>
  <si>
    <t>φ400、NS・GXタッピンねじ式専用工具</t>
  </si>
  <si>
    <t>0028</t>
  </si>
  <si>
    <t>φ400NS形/2工程（専用工具使用）</t>
  </si>
  <si>
    <t>0027</t>
  </si>
  <si>
    <t>第0029号施工単価表</t>
  </si>
  <si>
    <t>第0028号施工単価表</t>
  </si>
  <si>
    <t>異形管　φ400mm</t>
  </si>
  <si>
    <t>0026</t>
  </si>
  <si>
    <t>直管　φ400mm</t>
  </si>
  <si>
    <t>0025</t>
  </si>
  <si>
    <t>7.5K　400mm</t>
  </si>
  <si>
    <t>0024</t>
  </si>
  <si>
    <t>400mm　K形　特殊継手（高圧形）</t>
  </si>
  <si>
    <t>0023</t>
  </si>
  <si>
    <t>φ400</t>
  </si>
  <si>
    <t>0022</t>
  </si>
  <si>
    <t>φ400×7.0m</t>
  </si>
  <si>
    <t>0021</t>
  </si>
  <si>
    <t>0020</t>
  </si>
  <si>
    <t>CB410260(0027)</t>
  </si>
  <si>
    <t>0019</t>
  </si>
  <si>
    <t>第0004号運転単価表</t>
  </si>
  <si>
    <t>0018</t>
  </si>
  <si>
    <t>機械投入埋戻工（バックホウ埋戻）</t>
  </si>
  <si>
    <t>CB210450(0026)</t>
  </si>
  <si>
    <t>タンパ締固め(施工ﾊﾟｯｹｰｼﾞ)</t>
  </si>
  <si>
    <t>機械投入埋戻工　砂基礎（購入土）（バックホウ埋戻）</t>
  </si>
  <si>
    <t>0017</t>
  </si>
  <si>
    <t>リサイクル砂</t>
  </si>
  <si>
    <t>0016</t>
  </si>
  <si>
    <t>機械掘削工（バックホウ）</t>
  </si>
  <si>
    <t>一般型枠</t>
  </si>
  <si>
    <t>0015</t>
  </si>
  <si>
    <t>型枠(施工ﾊﾟｯｹｰｼﾞ)</t>
  </si>
  <si>
    <t>CB240210(0024)</t>
  </si>
  <si>
    <t>0014</t>
  </si>
  <si>
    <t>コンクリート(施工ﾊﾟｯｹｰｼﾞ)</t>
  </si>
  <si>
    <t>CB240010(0023)</t>
  </si>
  <si>
    <t>0013</t>
  </si>
  <si>
    <t>CB240210(0020)</t>
  </si>
  <si>
    <t>0012</t>
  </si>
  <si>
    <t>CB240010(0019)</t>
  </si>
  <si>
    <t>第0001号運転単価表</t>
  </si>
  <si>
    <t>汚泥吸排車機械運転費【基準】</t>
  </si>
  <si>
    <t>0011</t>
  </si>
  <si>
    <t>汚泥吸排車運搬工</t>
  </si>
  <si>
    <t>0010</t>
  </si>
  <si>
    <t>ﾈｯﾄﾌｪﾝｽ撤去工（扉)</t>
  </si>
  <si>
    <t xml:space="preserve">          20.000</t>
  </si>
  <si>
    <t>0009</t>
  </si>
  <si>
    <t>ﾈｯﾄﾌｪﾝｽ撤去工（本体)</t>
  </si>
  <si>
    <t>建設廃棄物受入れ料金（無筋Con塊）</t>
  </si>
  <si>
    <t>0008</t>
  </si>
  <si>
    <t>建設廃棄物受入れ料金</t>
  </si>
  <si>
    <t>機械施工  無筋構造物</t>
  </si>
  <si>
    <t>構造物とりこわし工</t>
  </si>
  <si>
    <t>0007</t>
  </si>
  <si>
    <t>構造物とりこわし工（市場単価）</t>
  </si>
  <si>
    <t>建設廃棄物受入れ料金（As塊）</t>
  </si>
  <si>
    <t>0006</t>
  </si>
  <si>
    <t>巾4cm</t>
  </si>
  <si>
    <t>0005</t>
  </si>
  <si>
    <t>舗装目地復旧工</t>
  </si>
  <si>
    <t>Ｌ</t>
  </si>
  <si>
    <t>ゴム化アスファルト</t>
  </si>
  <si>
    <t>リフレクションクラック防止材</t>
  </si>
  <si>
    <t>目地テープ（巾4cm）</t>
  </si>
  <si>
    <t>目地材</t>
  </si>
  <si>
    <t>CB410260(0010)</t>
  </si>
  <si>
    <t>0004</t>
  </si>
  <si>
    <t>0003</t>
  </si>
  <si>
    <t>0002</t>
  </si>
  <si>
    <t>CB226311(0004)</t>
  </si>
  <si>
    <t>小型擁壁（Ａ）(施工ﾊﾟｯｹｰｼﾞ)</t>
  </si>
  <si>
    <t>当り　　　　　</t>
  </si>
  <si>
    <t>第0006号施工単価表</t>
  </si>
  <si>
    <t>第0047号施工単価表</t>
  </si>
  <si>
    <t>摘　　要</t>
  </si>
  <si>
    <t>名　　    称</t>
  </si>
  <si>
    <t>号単価表</t>
  </si>
  <si>
    <t>φ40土工</t>
  </si>
  <si>
    <t>SJ30603</t>
  </si>
  <si>
    <t>第0046号施工単価表</t>
  </si>
  <si>
    <t>第0045号施工単価表</t>
  </si>
  <si>
    <t>第0018号施工単価表</t>
  </si>
  <si>
    <t>砂（購入土）</t>
  </si>
  <si>
    <t>第0037号単価表</t>
  </si>
  <si>
    <t>機械投入埋戻工　砂基礎</t>
  </si>
  <si>
    <t>第0016号施工単価表</t>
  </si>
  <si>
    <t>1層当り平均仕上り厚 1 mm 密粒度アスファルト混合物（13） 締固め後密度　2.35t/m3</t>
  </si>
  <si>
    <t>第0044号施工単価表</t>
  </si>
  <si>
    <t>ｱｽﾌｧﾙﾄ舗装版 騒音振動対策必要 積込有り</t>
  </si>
  <si>
    <t>CB430310(0029)</t>
  </si>
  <si>
    <t>舗装版破砕(施工ﾊﾟｯｹｰｼﾞ)</t>
  </si>
  <si>
    <t xml:space="preserve">ｱｽﾌｧﾙﾄ舗装版 15cm以下    </t>
  </si>
  <si>
    <t>CB430510(0013)</t>
  </si>
  <si>
    <t>舗装版切断(施工ﾊﾟｯｹｰｼﾞ)</t>
  </si>
  <si>
    <t>孔</t>
  </si>
  <si>
    <t>CB224410(0031)</t>
  </si>
  <si>
    <t>コンクリート削孔（電動ハンマドリル３８ｍｍ）(施工ﾊﾟｯｹｰｼﾞ)</t>
  </si>
  <si>
    <t>第0035号単価表</t>
  </si>
  <si>
    <t>埋設標識シート工</t>
  </si>
  <si>
    <t>第0120号施工単価表</t>
  </si>
  <si>
    <t>第0119号施工単価表</t>
  </si>
  <si>
    <t>第0118号施工単価表</t>
  </si>
  <si>
    <t>第0117号施工単価表</t>
  </si>
  <si>
    <t>φ40管工</t>
  </si>
  <si>
    <t>SJ30602</t>
  </si>
  <si>
    <t>HIソケット</t>
  </si>
  <si>
    <t>HIエルボ　90°</t>
  </si>
  <si>
    <t>HIエルボ　45°</t>
  </si>
  <si>
    <t>HIVP管</t>
  </si>
  <si>
    <t>φ40材料費</t>
  </si>
  <si>
    <t>SJ30601</t>
  </si>
  <si>
    <t>第0062号単価表</t>
  </si>
  <si>
    <t>第0061号単価表</t>
  </si>
  <si>
    <t>第0060号単価表</t>
  </si>
  <si>
    <t>φ40管布設工事</t>
  </si>
  <si>
    <t>SJ3060</t>
  </si>
  <si>
    <t>φ50土工</t>
  </si>
  <si>
    <t>SJ30503</t>
  </si>
  <si>
    <t>１号 底版 内寸250mm 高さ40mm 設置</t>
  </si>
  <si>
    <t>第0085号施工単価表</t>
  </si>
  <si>
    <t>１号 下部壁 内寸250mm 高さ300mm 設置</t>
  </si>
  <si>
    <t>第0084号施工単価表</t>
  </si>
  <si>
    <t>１号 中部壁 内寸250mm 高さ200mm 設置</t>
  </si>
  <si>
    <t>第0107号施工単価表</t>
  </si>
  <si>
    <t>１号 上部壁 内寸250mm 高さ150mm 設置</t>
  </si>
  <si>
    <t>第0106号施工単価表</t>
  </si>
  <si>
    <t>１号 調整リング 内寸250mm 高さ50mm 設置</t>
  </si>
  <si>
    <t>第0082号施工単価表</t>
  </si>
  <si>
    <t>円形 １号　250mm 設置</t>
  </si>
  <si>
    <t>第0081号施工単価表</t>
  </si>
  <si>
    <t>φ50管工</t>
  </si>
  <si>
    <t>SJ30502</t>
  </si>
  <si>
    <t>第0116号施工単価表</t>
  </si>
  <si>
    <t>7.5cm超12.5cm以下 ｸﾗｯｼｬﾗﾝ 40～0 小型車割増無し</t>
  </si>
  <si>
    <t>CB221110(0006)</t>
  </si>
  <si>
    <t>基礎砕石(施工ﾊﾟｯｹｰｼﾞ)</t>
  </si>
  <si>
    <t>本管呼び径 150mm 給水管呼び径 50mm 鋳鉄管</t>
  </si>
  <si>
    <t>第0115号施工単価表</t>
  </si>
  <si>
    <t>第0114号施工単価表</t>
  </si>
  <si>
    <t>第0113号施工単価表</t>
  </si>
  <si>
    <t>第0112号施工単価表</t>
  </si>
  <si>
    <t>φ50管材費</t>
  </si>
  <si>
    <t>SJ30501</t>
  </si>
  <si>
    <t>単口土砂流入防止板</t>
  </si>
  <si>
    <t>セット</t>
  </si>
  <si>
    <t>緊結プレート</t>
  </si>
  <si>
    <t>M12×110×3（座金含む）</t>
  </si>
  <si>
    <t>ﾎﾞﾙﾄ・ﾅｯﾄ</t>
  </si>
  <si>
    <t>底板25-40S</t>
  </si>
  <si>
    <t>仕切弁土留</t>
  </si>
  <si>
    <t>下部壁　25×300CA</t>
  </si>
  <si>
    <t>中部壁25－200B</t>
  </si>
  <si>
    <t>上部壁　25×150A</t>
  </si>
  <si>
    <t>25ｰ50K</t>
  </si>
  <si>
    <t>調整ﾘﾝｸﾞ（仕切弁用/ﾚｼﾞｺﾝ）</t>
  </si>
  <si>
    <t>φ250×150H　ｶﾗｰ表示</t>
  </si>
  <si>
    <t>仕切弁鉄蓋（ﾚｼﾞｺﾝ）</t>
  </si>
  <si>
    <t>φ50（7.5k）　</t>
  </si>
  <si>
    <t>粉体仕切弁</t>
  </si>
  <si>
    <t>φ50×φ50</t>
  </si>
  <si>
    <t>異種管継手CVS</t>
  </si>
  <si>
    <t>φ50</t>
  </si>
  <si>
    <t>PD形ソケット</t>
  </si>
  <si>
    <t>PD形エルボ　90°</t>
  </si>
  <si>
    <t>50A</t>
  </si>
  <si>
    <t>PD直管　</t>
  </si>
  <si>
    <t>φ50　分水栓用</t>
  </si>
  <si>
    <t>伸縮可撓継手</t>
  </si>
  <si>
    <t>φ150×φ50</t>
  </si>
  <si>
    <t>鋳鉄管用　サドル分水栓（コア付）</t>
  </si>
  <si>
    <t>φ50管布設工事</t>
  </si>
  <si>
    <t>SJ3050</t>
  </si>
  <si>
    <t>第0058号単価表</t>
  </si>
  <si>
    <t>第0057号単価表</t>
  </si>
  <si>
    <t>第0056号単価表</t>
  </si>
  <si>
    <t>φ100土工</t>
  </si>
  <si>
    <t>SJ30403</t>
  </si>
  <si>
    <t>軽量鋼矢板賃料</t>
  </si>
  <si>
    <t>第0111号施工単価表</t>
  </si>
  <si>
    <t>第0110号施工単価表</t>
  </si>
  <si>
    <t>掘削深2.5m以下 333mm</t>
  </si>
  <si>
    <t>第0109号施工単価表</t>
  </si>
  <si>
    <t>第0108号施工単価表</t>
  </si>
  <si>
    <t>C-40</t>
  </si>
  <si>
    <t>第0050号単価表</t>
  </si>
  <si>
    <t>機械投入埋戻工　</t>
  </si>
  <si>
    <t>φ100管工</t>
  </si>
  <si>
    <t>SJ30402</t>
  </si>
  <si>
    <t>第0105号施工単価表</t>
  </si>
  <si>
    <t>第0103号施工単価表</t>
  </si>
  <si>
    <t>第0102号施工単価表</t>
  </si>
  <si>
    <t>第0101号施工単価表</t>
  </si>
  <si>
    <t>第0100号施工単価表</t>
  </si>
  <si>
    <t>第0099号施工単価表</t>
  </si>
  <si>
    <t>第0098号施工単価表</t>
  </si>
  <si>
    <t>第0097号施工単価表</t>
  </si>
  <si>
    <t>第0096号施工単価表</t>
  </si>
  <si>
    <t>表示テープ</t>
  </si>
  <si>
    <t>φ100材料費</t>
  </si>
  <si>
    <t>SJ30401</t>
  </si>
  <si>
    <t>下部壁25-300C</t>
  </si>
  <si>
    <t>中部壁25-200B</t>
  </si>
  <si>
    <t>上部壁25-150A　Nﾂｷ</t>
  </si>
  <si>
    <t>φ100（7.5K）</t>
  </si>
  <si>
    <t>粉体仕切弁（浅埋用）</t>
  </si>
  <si>
    <t>M16×70</t>
  </si>
  <si>
    <t>ﾌﾗﾝｼﾞﾎﾞﾙﾄ</t>
  </si>
  <si>
    <t>GFﾊﾟｯｷﾝ　1号</t>
  </si>
  <si>
    <t>ﾀﾞｸﾀｲﾙ鋳鉄管　G-Link</t>
  </si>
  <si>
    <t>φ100（GF7.5K)　</t>
  </si>
  <si>
    <t>ﾀﾞｸﾀｲﾙ鋳鉄管　短管2号　GX形</t>
  </si>
  <si>
    <t>M20×90</t>
  </si>
  <si>
    <t>ﾒｶﾎﾞﾙﾄ</t>
  </si>
  <si>
    <t>ｺﾞﾑ輪　K形</t>
  </si>
  <si>
    <t>ダクタイル鋳鉄管 特殊押輪（普通圧形）　K形</t>
  </si>
  <si>
    <t>押輪　K形　</t>
  </si>
  <si>
    <t>ダクタイル鋳鉄管 短管2号 GF　NS形 7.5K</t>
  </si>
  <si>
    <t>φ100,１類,内面ｴﾎﾟｷｼ樹脂粉体</t>
  </si>
  <si>
    <t>ダクタイル鋳鉄管 短管2号 GF　K形 7.5K</t>
  </si>
  <si>
    <t>ダクタイル鋳鉄管 短管1号 GF　K形 7.5K</t>
  </si>
  <si>
    <t>φ100,内面ｴﾎﾟｷｼ樹脂粉体</t>
  </si>
  <si>
    <t>ダクタイル鋳鉄管 曲管　90°　K形</t>
  </si>
  <si>
    <t>ﾀﾞｸﾀｲﾙ鋳鉄管　曲管　K形　</t>
  </si>
  <si>
    <t>φ100×4m,内面ﾓﾙﾀﾙﾗｲﾆﾝｸﾞ</t>
  </si>
  <si>
    <t>ダクタイル鋳鉄管 直管　NS形 1種管</t>
  </si>
  <si>
    <t>ﾀﾞｸﾀｲﾙ鋳鉄管　11°1/4曲管　K形　</t>
  </si>
  <si>
    <t>φ100×φ100,内面ｴﾎﾟｷｼ樹脂粉体</t>
  </si>
  <si>
    <t>ダクタイル鋳鉄管 二受Ｔ字管　K形</t>
  </si>
  <si>
    <t>ダクタイル鋳鉄管 直管　K形 1種管</t>
  </si>
  <si>
    <t>第0054号単価表</t>
  </si>
  <si>
    <t>第0053号単価表</t>
  </si>
  <si>
    <t>第0052号単価表</t>
  </si>
  <si>
    <t>φ100管布設工事</t>
  </si>
  <si>
    <t>SJ3040</t>
  </si>
  <si>
    <t>SJ40001</t>
  </si>
  <si>
    <t>φ200土工</t>
  </si>
  <si>
    <t>SJ30303</t>
  </si>
  <si>
    <t>φ200管工</t>
  </si>
  <si>
    <t>SJ30302</t>
  </si>
  <si>
    <t>第0094号施工単価表</t>
  </si>
  <si>
    <t>第0091号施工単価表</t>
  </si>
  <si>
    <t>第0090号施工単価表</t>
  </si>
  <si>
    <t>第0089号施工単価表</t>
  </si>
  <si>
    <t>第0088号施工単価表</t>
  </si>
  <si>
    <t>第0087号施工単価表</t>
  </si>
  <si>
    <t>第0086号施工単価表</t>
  </si>
  <si>
    <t>φ200材料費</t>
  </si>
  <si>
    <t>SJ30301</t>
  </si>
  <si>
    <t>h＝200</t>
  </si>
  <si>
    <t>GX形φ200　伸縮可撓管　U×S（7.5K）</t>
  </si>
  <si>
    <t>φ200GX形　ライナ</t>
  </si>
  <si>
    <t>接合材料　GX形</t>
  </si>
  <si>
    <t>ﾀﾞｸﾀｲﾙ鋳鉄管　G‐Link</t>
  </si>
  <si>
    <t>ﾀﾞｸﾀｲﾙ鋳鉄管45°　両受曲管　GX形</t>
  </si>
  <si>
    <t>ﾀﾞｸﾀｲﾙ鋳鉄管45°　曲管　GX形</t>
  </si>
  <si>
    <t>φ200×5m,内面ｴﾎﾟｷｼ樹脂紛体</t>
  </si>
  <si>
    <t>ダクタイル鋳鉄管 直管 GX形 1種管</t>
  </si>
  <si>
    <t>第0049号単価表</t>
  </si>
  <si>
    <t>第0048号単価表</t>
  </si>
  <si>
    <t>第0047号単価表</t>
  </si>
  <si>
    <t>φ200管布設工事</t>
  </si>
  <si>
    <t>SJ3030</t>
  </si>
  <si>
    <t>φ250土工</t>
  </si>
  <si>
    <t>SJ30203</t>
  </si>
  <si>
    <t>１号 下部壁 内寸250mm 高さ150mm 設置</t>
  </si>
  <si>
    <t>第0083号施工単価表</t>
  </si>
  <si>
    <t>φ250管工</t>
  </si>
  <si>
    <t>SJ30202</t>
  </si>
  <si>
    <t>径250mm たて型</t>
  </si>
  <si>
    <t>第0080号施工単価表</t>
  </si>
  <si>
    <t>パイプ切削切断機 径250mm</t>
  </si>
  <si>
    <t>第0079号施工単価表</t>
  </si>
  <si>
    <t>第0078号施工単価表</t>
  </si>
  <si>
    <t>専用工具(NS) 径250mm</t>
  </si>
  <si>
    <t>第0077号施工単価表</t>
  </si>
  <si>
    <t>第0075号施工単価表</t>
  </si>
  <si>
    <t>専用工具(GX) 径250mm</t>
  </si>
  <si>
    <t>第0072号施工単価表</t>
  </si>
  <si>
    <t>径250mm 異形管 G-Link</t>
  </si>
  <si>
    <t>第0071号施工単価表</t>
  </si>
  <si>
    <t>第0070号施工単価表</t>
  </si>
  <si>
    <t>第0069号施工単価表</t>
  </si>
  <si>
    <t>第0068号施工単価表</t>
  </si>
  <si>
    <t>第0067号施工単価表</t>
  </si>
  <si>
    <t>径250mm JWWA 7.5K（0.74MPa）</t>
  </si>
  <si>
    <t>第0066号施工単価表</t>
  </si>
  <si>
    <t>第0065号施工単価表</t>
  </si>
  <si>
    <t>第0064号施工単価表</t>
  </si>
  <si>
    <t>φ250材料費</t>
  </si>
  <si>
    <t>SJ30201</t>
  </si>
  <si>
    <t>上下部壁25-300CA</t>
  </si>
  <si>
    <t>上下部壁25-150CA</t>
  </si>
  <si>
    <t>φ250,FCD</t>
  </si>
  <si>
    <t>水道用仕切弁　7.5K</t>
  </si>
  <si>
    <t>GFﾊﾟｯｷﾝ　2号</t>
  </si>
  <si>
    <t>φ250,SUS304,M20,(8本/組)</t>
  </si>
  <si>
    <t>絶縁フランジ接合材 六角ﾎﾞﾙﾄ・ﾅｯﾄ　7.5K</t>
  </si>
  <si>
    <t>GX形φ250　伸縮可撓管　U×U（7.5K）</t>
  </si>
  <si>
    <t>GX形φ250　伸縮可撓管　U×S（7.5K）</t>
  </si>
  <si>
    <t>ダクタイル鋳鉄管 挿し口リング　NS形</t>
  </si>
  <si>
    <t>ﾀﾞｸﾀｲﾙ鋳鉄管ﾗｲﾅ　GX形</t>
  </si>
  <si>
    <t>接合材料GX形</t>
  </si>
  <si>
    <t>ダクタイル鋳鉄管 ライナ　NS形</t>
  </si>
  <si>
    <t>ﾀﾞｸﾀｲﾙ鋳鉄管　継ぎ輪　GX形</t>
  </si>
  <si>
    <t>ﾌﾗﾝｼﾞﾎﾞﾙﾄ　M20×85</t>
  </si>
  <si>
    <t>ﾀﾞｸﾀｲﾙ鋳鉄管　両受短管　GX形</t>
  </si>
  <si>
    <t>φ250（GF7.5K)</t>
  </si>
  <si>
    <t>ﾀﾞｸﾀｲﾙ鋳鉄管　短管1号　GX形</t>
  </si>
  <si>
    <t>ﾀﾞｸﾀｲﾙ鋳鉄管　90°　曲管　GX形</t>
  </si>
  <si>
    <t>φ250×φ200</t>
  </si>
  <si>
    <t>ﾀﾞｸﾀｲﾙ鋳鉄管挿し受片落管　GX形　</t>
  </si>
  <si>
    <t>φ250×φ250</t>
  </si>
  <si>
    <t>ﾀﾞｸﾀｲﾙ鋳鉄管　二受T字管　GX形　</t>
  </si>
  <si>
    <t>φ250×φ100</t>
  </si>
  <si>
    <t>ﾀﾞｸﾀｲﾙ鋳鉄管二受T字管　GX形　</t>
  </si>
  <si>
    <t>φ250×5000</t>
  </si>
  <si>
    <t>ﾀﾞｸﾀｲﾙ鋳鉄管（1種）直管GX形　ｴﾎﾟｷｼ粉体</t>
  </si>
  <si>
    <t>ダクタイル鋳鉄管 排水Ｔ字管　NS形</t>
  </si>
  <si>
    <t>ﾀﾞｸﾀｲﾙ鋳鉄管45°　両受曲管　NS形　</t>
  </si>
  <si>
    <t>ダクタイル鋳鉄管 曲管　45°　NS形</t>
  </si>
  <si>
    <t>φ250×5m,内面ﾓﾙﾀﾙﾗｲﾆﾝｸﾞ</t>
  </si>
  <si>
    <t>第0045号単価表</t>
  </si>
  <si>
    <t>第0044号単価表</t>
  </si>
  <si>
    <t>第0043号単価表</t>
  </si>
  <si>
    <t>φ250管布設工事</t>
  </si>
  <si>
    <t>SJ3020</t>
  </si>
  <si>
    <t>φ300土工</t>
  </si>
  <si>
    <t>SJ30103</t>
  </si>
  <si>
    <t>第0051号施工単価表</t>
  </si>
  <si>
    <t>第0050号施工単価表</t>
  </si>
  <si>
    <t>掘削深3.0m以下 333mm</t>
  </si>
  <si>
    <t>第0049号施工単価表</t>
  </si>
  <si>
    <t>第0048号施工単価表</t>
  </si>
  <si>
    <t>３号 底版 内寸500mm 高さ40mm 設置</t>
  </si>
  <si>
    <t>第0037号施工単価表</t>
  </si>
  <si>
    <t>φ300管工</t>
  </si>
  <si>
    <t>SJ30102</t>
  </si>
  <si>
    <t>３号 下部壁 内寸500mm 高さ300mm 設置</t>
  </si>
  <si>
    <t>第0036号施工単価表</t>
  </si>
  <si>
    <t>３号 中部壁 内寸500mm 高さ300mm 設置</t>
  </si>
  <si>
    <t>第0035号施工単価表</t>
  </si>
  <si>
    <t>３号 上部壁 内寸500mm 高さ200mm 設置</t>
  </si>
  <si>
    <t>第0034号施工単価表</t>
  </si>
  <si>
    <t>３号 調整リング 内寸500mm 高さ50mm 設置</t>
  </si>
  <si>
    <t>第0033号施工単価表</t>
  </si>
  <si>
    <t>円形 ３号　500mm 設置</t>
  </si>
  <si>
    <t>第0032号施工単価表</t>
  </si>
  <si>
    <t>第0063号施工単価表</t>
  </si>
  <si>
    <t>第0062号施工単価表</t>
  </si>
  <si>
    <t>第0060号施工単価表</t>
  </si>
  <si>
    <t>第0057号施工単価表</t>
  </si>
  <si>
    <t>第0056号施工単価表</t>
  </si>
  <si>
    <t>第0055号施工単価表</t>
  </si>
  <si>
    <t>第0054号施工単価表</t>
  </si>
  <si>
    <t>第0053号施工単価表</t>
  </si>
  <si>
    <t>第0052号施工単価表</t>
  </si>
  <si>
    <t>φ300材料費</t>
  </si>
  <si>
    <t>SJ30101</t>
  </si>
  <si>
    <t>底板50-40S</t>
  </si>
  <si>
    <t>下部壁　50×300C</t>
  </si>
  <si>
    <t>中部壁　50×300B</t>
  </si>
  <si>
    <t>上部壁　50×200A</t>
  </si>
  <si>
    <t>50-50K</t>
  </si>
  <si>
    <t>調整リング（仕切弁用/ﾚｼﾞｺﾝ）</t>
  </si>
  <si>
    <t>3号　φ500</t>
  </si>
  <si>
    <t>仕切弁蓋（ﾚｼﾞｺﾝ）</t>
  </si>
  <si>
    <t>φ300,7.5K,FCD</t>
  </si>
  <si>
    <t>粉体仕切弁　</t>
  </si>
  <si>
    <t>GFパッキン1号</t>
  </si>
  <si>
    <t>φ300×φ200</t>
  </si>
  <si>
    <t>ダクタイル鋳鉄管 挿し受片落管　NS形</t>
  </si>
  <si>
    <t>ダクタイル鋳鉄管 短管1号 GF　NS形 7.5K</t>
  </si>
  <si>
    <t>ダクタイル鋳鉄管22°1/2　両受曲管　NS形　</t>
  </si>
  <si>
    <t>ダクタイル鋳鉄管45°　両受曲管　NS形　</t>
  </si>
  <si>
    <t>ダクタイル鋳鉄管 曲管　22°1/2　NS形</t>
  </si>
  <si>
    <t>φ300×φ250</t>
  </si>
  <si>
    <t>ダクタイル鋳鉄管 受挿し片落管　NS形</t>
  </si>
  <si>
    <t>φ300×φ300</t>
  </si>
  <si>
    <t>ダクタイル鋳鉄管 二受Ｔ字管　NS形</t>
  </si>
  <si>
    <t>φ300×6m,内面ﾓﾙﾀﾙﾗｲﾆﾝｸﾞ</t>
  </si>
  <si>
    <t>第0041号単価表</t>
  </si>
  <si>
    <t>第0040号単価表</t>
  </si>
  <si>
    <t>第0039号単価表</t>
  </si>
  <si>
    <t>φ300管布設工事</t>
  </si>
  <si>
    <t>SJ3010</t>
  </si>
  <si>
    <t>SJ40002</t>
  </si>
  <si>
    <t>購入土</t>
  </si>
  <si>
    <t>砂</t>
  </si>
  <si>
    <t>φ400土工</t>
  </si>
  <si>
    <t>SJ30003</t>
  </si>
  <si>
    <t>巾150</t>
  </si>
  <si>
    <t>埋設標識シート（アルミ入り）</t>
  </si>
  <si>
    <t>SJ3080</t>
  </si>
  <si>
    <t>第0041号施工単価表</t>
  </si>
  <si>
    <t>第0040号施工単価表</t>
  </si>
  <si>
    <t>エンジンカッター 径400mm</t>
  </si>
  <si>
    <t>第0038号施工単価表</t>
  </si>
  <si>
    <t>φ400管工</t>
  </si>
  <si>
    <t>SJ30002</t>
  </si>
  <si>
    <t>第0031号施工単価表</t>
  </si>
  <si>
    <t>第0030号施工単価表</t>
  </si>
  <si>
    <t>第0027号施工単価表</t>
  </si>
  <si>
    <t>第0026号施工単価表</t>
  </si>
  <si>
    <t>第0025号施工単価表</t>
  </si>
  <si>
    <t>第0024号施工単価表</t>
  </si>
  <si>
    <t>第0023号施工単価表</t>
  </si>
  <si>
    <t>第0022号施工単価表</t>
  </si>
  <si>
    <t>第0021号施工単価表</t>
  </si>
  <si>
    <t>φ400材料費</t>
  </si>
  <si>
    <t>SJ30001</t>
  </si>
  <si>
    <t>φ400（7.5K）</t>
  </si>
  <si>
    <t>M22×95</t>
  </si>
  <si>
    <t>M20×110</t>
  </si>
  <si>
    <t>特殊押輪（高圧形）</t>
  </si>
  <si>
    <t>ゴム輪　K形</t>
  </si>
  <si>
    <t>φ400×φ300</t>
  </si>
  <si>
    <t>φ400×6m,内面ﾓﾙﾀﾙﾗｲﾆﾝｸﾞ</t>
  </si>
  <si>
    <t>ダクタイル鋳鉄管　継ぎ輪　K形</t>
  </si>
  <si>
    <t>第0036号単価表</t>
  </si>
  <si>
    <t>第0034号単価表</t>
  </si>
  <si>
    <t>第0033号単価表</t>
  </si>
  <si>
    <t>φ400管布設工事</t>
  </si>
  <si>
    <t>SJ3000</t>
  </si>
  <si>
    <t>場内配管工</t>
  </si>
  <si>
    <t>S1008</t>
  </si>
  <si>
    <t>第0059号単価表</t>
  </si>
  <si>
    <t>第0055号単価表</t>
  </si>
  <si>
    <t>第0051号単価表</t>
  </si>
  <si>
    <t>第0046号単価表</t>
  </si>
  <si>
    <t>第0042号単価表</t>
  </si>
  <si>
    <t>第0038号単価表</t>
  </si>
  <si>
    <t>第0032号単価表</t>
  </si>
  <si>
    <t>レジコン弁室据付</t>
  </si>
  <si>
    <t>弁室設置工</t>
  </si>
  <si>
    <t>S10013</t>
  </si>
  <si>
    <t>試掘工</t>
  </si>
  <si>
    <t>SJ3090</t>
  </si>
  <si>
    <t>CB210720(0028)</t>
  </si>
  <si>
    <t>舗装版破砕積込（小規模土工）(施工ﾊﾟｯｹｰｼﾞ)</t>
  </si>
  <si>
    <t>1層当り平均仕上り厚 30 mm 密粒度アスファルト混合物（13） 締固め後密度　2.35t/m3</t>
  </si>
  <si>
    <t>第0020号施工単価表</t>
  </si>
  <si>
    <t>第0019号施工単価表</t>
  </si>
  <si>
    <t>第0017号施工単価表</t>
  </si>
  <si>
    <t>土砂</t>
  </si>
  <si>
    <t>CB210030(0025)</t>
  </si>
  <si>
    <t>床掘り(施工ﾊﾟｯｹｰｼﾞ)</t>
  </si>
  <si>
    <t>土工</t>
  </si>
  <si>
    <t>S10012</t>
  </si>
  <si>
    <t>第0029号単価表</t>
  </si>
  <si>
    <t>第0013号施工単価表</t>
  </si>
  <si>
    <t>12.5cm超17.5cm以下 ｸﾗｯｼｬﾗﾝ 40～0 小型車割増有り</t>
  </si>
  <si>
    <t>CB221110(0021)</t>
  </si>
  <si>
    <t>第0015号施工単価表</t>
  </si>
  <si>
    <t>無筋・鉄筋構造物 18-8-25(20) 高炉 W/C=60%以下 小型車割増有り</t>
  </si>
  <si>
    <t>第0014号施工単価表</t>
  </si>
  <si>
    <t>土砂(岩塊･玉石混り土含む)</t>
  </si>
  <si>
    <t>CB210110(0003)</t>
  </si>
  <si>
    <t>土砂等運搬(施工ﾊﾟｯｹｰｼﾞ)</t>
  </si>
  <si>
    <t xml:space="preserve">土砂  </t>
  </si>
  <si>
    <t>CB210410(0022)</t>
  </si>
  <si>
    <t>埋戻し(施工ﾊﾟｯｹｰｼﾞ)</t>
  </si>
  <si>
    <t>CB210030(0018)</t>
  </si>
  <si>
    <t>ヶ</t>
  </si>
  <si>
    <t>鉄蓋開閉ハンドル</t>
  </si>
  <si>
    <t>防水型　T-25</t>
  </si>
  <si>
    <t>φ600鉄蓋</t>
  </si>
  <si>
    <t>鉄蓋含む（重荷重用）　1500×1000×1200H</t>
  </si>
  <si>
    <t>レジコン弁室</t>
  </si>
  <si>
    <t>SJ2006</t>
  </si>
  <si>
    <t>水溜め桝</t>
  </si>
  <si>
    <t>AL-1セット</t>
  </si>
  <si>
    <t>接着剤</t>
  </si>
  <si>
    <t>接着剤　Aセット</t>
  </si>
  <si>
    <t>長L,3本セット</t>
  </si>
  <si>
    <t>鉄蓋固定金具</t>
  </si>
  <si>
    <t>φ600×100H（PP被覆ステップ付）</t>
  </si>
  <si>
    <t>調コンリング</t>
  </si>
  <si>
    <t>φ600×50H</t>
  </si>
  <si>
    <t>カ所</t>
  </si>
  <si>
    <t>（SUS400+PP被覆）取付加工費含む</t>
  </si>
  <si>
    <t>ステップW300</t>
  </si>
  <si>
    <t>VB1015型　分割型</t>
  </si>
  <si>
    <t>第0027号単価表</t>
  </si>
  <si>
    <t>材料</t>
  </si>
  <si>
    <t>S10011</t>
  </si>
  <si>
    <t>第0030号単価表</t>
  </si>
  <si>
    <t>第0028号単価表</t>
  </si>
  <si>
    <t>第0026号単価表</t>
  </si>
  <si>
    <t>取水流量計室設置工事</t>
  </si>
  <si>
    <t>S100004</t>
  </si>
  <si>
    <t>井</t>
  </si>
  <si>
    <t>取水井戸室築造工</t>
  </si>
  <si>
    <t>S1007</t>
  </si>
  <si>
    <t>ｔ</t>
  </si>
  <si>
    <t>一般構造物</t>
  </si>
  <si>
    <t>鉄筋加工・組立（市場単価）</t>
  </si>
  <si>
    <t>無筋・鉄筋構造物 24-8-25(20) 高炉 W/C=55%以下 小型車割増無し</t>
  </si>
  <si>
    <t>第0012号施工単価表</t>
  </si>
  <si>
    <t xml:space="preserve">   </t>
  </si>
  <si>
    <t>CB210410(0002)</t>
  </si>
  <si>
    <t>印刷製本代</t>
  </si>
  <si>
    <t>工事写真費</t>
  </si>
  <si>
    <t>報告書作成費</t>
  </si>
  <si>
    <t>SJ2027</t>
  </si>
  <si>
    <t>機械器具損料費</t>
  </si>
  <si>
    <t>SJ2026</t>
  </si>
  <si>
    <t>供用</t>
  </si>
  <si>
    <t>ハンドリングツールス</t>
  </si>
  <si>
    <t>運転</t>
  </si>
  <si>
    <t>モーターウィンチ</t>
  </si>
  <si>
    <t>マッドスクリーン</t>
  </si>
  <si>
    <t>供用　5m3×3</t>
  </si>
  <si>
    <t>泥水タンク</t>
  </si>
  <si>
    <t>ガス溶接器具</t>
  </si>
  <si>
    <t>分電盤</t>
  </si>
  <si>
    <t>運転　150A-15kW</t>
  </si>
  <si>
    <t>揚水試験用ポンプ</t>
  </si>
  <si>
    <t>供用　150A-15kw</t>
  </si>
  <si>
    <t>供用　600A用</t>
  </si>
  <si>
    <t>仕上ベーラー</t>
  </si>
  <si>
    <t>ケイシング用器具</t>
  </si>
  <si>
    <t>供用　スポット式比抵抗</t>
  </si>
  <si>
    <t>電気検層装置</t>
  </si>
  <si>
    <t>供用　100KVA</t>
  </si>
  <si>
    <t>発電機</t>
  </si>
  <si>
    <t>運転　5.5KW</t>
  </si>
  <si>
    <t>水中サンドポンプ</t>
  </si>
  <si>
    <t>供用　5.5KW</t>
  </si>
  <si>
    <t>運転　300A</t>
  </si>
  <si>
    <t>電気溶接機</t>
  </si>
  <si>
    <t>供用　300A</t>
  </si>
  <si>
    <t>掘削櫓</t>
  </si>
  <si>
    <t>運転　スピンドルB</t>
  </si>
  <si>
    <t>泥水ポンプ</t>
  </si>
  <si>
    <t>供用　スピンドルB</t>
  </si>
  <si>
    <t>さく井機械</t>
  </si>
  <si>
    <t>バックホウ賃料</t>
  </si>
  <si>
    <t>機械組立・解体費</t>
  </si>
  <si>
    <t>SJ2035</t>
  </si>
  <si>
    <t>ラフテレーンクレーン賃料</t>
  </si>
  <si>
    <t>仮設消耗品</t>
  </si>
  <si>
    <t>とび工</t>
  </si>
  <si>
    <t>機械工</t>
  </si>
  <si>
    <t>さく井工</t>
  </si>
  <si>
    <t>さく井技士</t>
  </si>
  <si>
    <t>さく井主任</t>
  </si>
  <si>
    <t>第0011号施工単価表</t>
  </si>
  <si>
    <t>残泥土処理費</t>
  </si>
  <si>
    <t>残泥土処理工</t>
  </si>
  <si>
    <t>SJ2025</t>
  </si>
  <si>
    <t>件</t>
  </si>
  <si>
    <t>採水・運搬共　原水39項目</t>
  </si>
  <si>
    <t>水質検査費</t>
  </si>
  <si>
    <t>揚水試験費</t>
  </si>
  <si>
    <t>SJ2024</t>
  </si>
  <si>
    <t>仕上費</t>
  </si>
  <si>
    <t>SJ2023</t>
  </si>
  <si>
    <t>溶接工</t>
  </si>
  <si>
    <t>ケーシング挿入・砂利充填工</t>
  </si>
  <si>
    <t>SJ2022</t>
  </si>
  <si>
    <t>電気検層工</t>
  </si>
  <si>
    <t>SJ2021</t>
  </si>
  <si>
    <t>ﾘｯﾄﾙ</t>
  </si>
  <si>
    <t>一般用</t>
  </si>
  <si>
    <t>動力燃料消耗材料</t>
  </si>
  <si>
    <t>SJ2020</t>
  </si>
  <si>
    <t>掘削消耗材料</t>
  </si>
  <si>
    <t>SJ2019</t>
  </si>
  <si>
    <t>その他消耗品</t>
  </si>
  <si>
    <t>機械･ポンプ類</t>
  </si>
  <si>
    <t>調泥材</t>
  </si>
  <si>
    <t>25kg袋入　</t>
  </si>
  <si>
    <t>ベントナイト</t>
  </si>
  <si>
    <t>㎏</t>
  </si>
  <si>
    <t>ドリルパイプ類</t>
  </si>
  <si>
    <t>丁</t>
  </si>
  <si>
    <t>17-1/2　445㎜</t>
  </si>
  <si>
    <t>ローラーコーンビット</t>
  </si>
  <si>
    <t>750㎜オープナー特殊品</t>
  </si>
  <si>
    <t>第0015号単価表</t>
  </si>
  <si>
    <t>φ812.8㎜×1m</t>
  </si>
  <si>
    <t>コンダクターパイプ</t>
  </si>
  <si>
    <t>第0014号単価表</t>
  </si>
  <si>
    <t>消耗材料費</t>
  </si>
  <si>
    <t>SJ2018</t>
  </si>
  <si>
    <t>SUS304　600A</t>
  </si>
  <si>
    <t>ボトム装置</t>
  </si>
  <si>
    <t>5～25mm</t>
  </si>
  <si>
    <t>砂利</t>
  </si>
  <si>
    <t>SUS304　Vスロットスクリーン　運搬費込み</t>
  </si>
  <si>
    <t>スクリーンパイプ</t>
  </si>
  <si>
    <t>SUS304　外径609.6㎜　肉厚9.5㎜　運搬費込み</t>
  </si>
  <si>
    <t>ケーシングパイプ</t>
  </si>
  <si>
    <t>材料費</t>
  </si>
  <si>
    <t>SJ2017</t>
  </si>
  <si>
    <t>掘削工</t>
  </si>
  <si>
    <t>SJ2016</t>
  </si>
  <si>
    <t>第0023号単価表</t>
  </si>
  <si>
    <t>第0022号単価表</t>
  </si>
  <si>
    <t>第0021号単価表</t>
  </si>
  <si>
    <t>取水井戸さく井工</t>
  </si>
  <si>
    <t>S1006</t>
  </si>
  <si>
    <t>第0020号単価表</t>
  </si>
  <si>
    <t>第0019号単価表</t>
  </si>
  <si>
    <t>第0018号単価表</t>
  </si>
  <si>
    <t>第0017号単価表</t>
  </si>
  <si>
    <t>第0016号単価表</t>
  </si>
  <si>
    <t>第0013号単価表</t>
  </si>
  <si>
    <t>第0012号単価表</t>
  </si>
  <si>
    <t>第0011号単価表</t>
  </si>
  <si>
    <t>ヶ所</t>
  </si>
  <si>
    <t>調査孔閉塞</t>
  </si>
  <si>
    <t>平坦足場</t>
  </si>
  <si>
    <t>ボーリング費　φ66mm　玉石混じり土砂</t>
  </si>
  <si>
    <t>ボーリング費　φ66mm　礫・混じり土砂</t>
  </si>
  <si>
    <t>ボーリング費　φ66mm　砂・砂質土</t>
  </si>
  <si>
    <t>ボーリング費　φ66mm　粘土・シルト</t>
  </si>
  <si>
    <t>φ66mm×23.0m</t>
  </si>
  <si>
    <t>チェックボーリング</t>
  </si>
  <si>
    <t>SJ3070</t>
  </si>
  <si>
    <t>第0031号単価表</t>
  </si>
  <si>
    <t>第0025号単価表</t>
  </si>
  <si>
    <t>第0024号単価表</t>
  </si>
  <si>
    <t>第0010号単価表</t>
  </si>
  <si>
    <t>第0009号単価表</t>
  </si>
  <si>
    <t>SJ0020</t>
  </si>
  <si>
    <t>第0008号施工単価表</t>
  </si>
  <si>
    <t>ｺﾝｸﾘｰﾄ(無筋･鉄筋)構造物とりこわし</t>
  </si>
  <si>
    <t>CB227010(0016)</t>
  </si>
  <si>
    <t>殻運搬(施工ﾊﾟｯｹｰｼﾞ)</t>
  </si>
  <si>
    <t>処分</t>
  </si>
  <si>
    <t>CB422540(0017)</t>
  </si>
  <si>
    <t>歩車道境界ブロック撤去(施工ﾊﾟｯｹｰｼﾞ)</t>
  </si>
  <si>
    <t>ﾈｯﾄ式両開 廃棄</t>
  </si>
  <si>
    <t>第0010号施工単価表</t>
  </si>
  <si>
    <t>既設撤去工</t>
  </si>
  <si>
    <t>SJ0030</t>
  </si>
  <si>
    <t>A-Ⅳ型:柵高1.5m 廃棄</t>
  </si>
  <si>
    <t>第0009号施工単価表</t>
  </si>
  <si>
    <t>無筋構造物 低騒音・低振動対策する</t>
  </si>
  <si>
    <t>第0007号施工単価表</t>
  </si>
  <si>
    <t>舗装版破砕</t>
  </si>
  <si>
    <t>CB227010(0015)</t>
  </si>
  <si>
    <t>CB430310(0014)</t>
  </si>
  <si>
    <t>舗装工</t>
  </si>
  <si>
    <t>S1004</t>
  </si>
  <si>
    <t>第0005号施工単価表</t>
  </si>
  <si>
    <t xml:space="preserve">無し    </t>
  </si>
  <si>
    <t>CB410010(0012)</t>
  </si>
  <si>
    <t>不陸整正(施工ﾊﾟｯｹｰｼﾞ)</t>
  </si>
  <si>
    <t>175mmを超え200mm以下 クラッシャーラン C-40</t>
  </si>
  <si>
    <t>CB410030(0011)</t>
  </si>
  <si>
    <t>下層路盤（車道・路肩部）(施工ﾊﾟｯｹｰｼﾞ)</t>
  </si>
  <si>
    <t>1層当り平均仕上り厚 5 mm 密粒度アスファルト混合物（13） 締固め後密度　2.35t/m3</t>
  </si>
  <si>
    <t>第0004号施工単価表</t>
  </si>
  <si>
    <t>ネットフェンス・門設置工</t>
  </si>
  <si>
    <t>S1003</t>
  </si>
  <si>
    <t>H＝1800</t>
  </si>
  <si>
    <t>門　取付工</t>
  </si>
  <si>
    <t>門（材料費）</t>
  </si>
  <si>
    <t>門　基礎工</t>
  </si>
  <si>
    <t>基礎ブロック設置も含む</t>
  </si>
  <si>
    <t>フェンス設置工</t>
  </si>
  <si>
    <t>H=1800　忍返し付</t>
  </si>
  <si>
    <t>フェンス（材料費）</t>
  </si>
  <si>
    <t>150×150×600</t>
  </si>
  <si>
    <t>CB422510(0009)</t>
  </si>
  <si>
    <t>境界ブロック工</t>
  </si>
  <si>
    <t>180×205×250×600</t>
  </si>
  <si>
    <t>CB422510(0008)</t>
  </si>
  <si>
    <t>地先境界ブロック工</t>
  </si>
  <si>
    <t>無筋・鉄筋構造物 18-8-40(普通) W/C=60%以下 小型車割増無し</t>
  </si>
  <si>
    <t>CB240010(0007)</t>
  </si>
  <si>
    <t>均しｺﾝｸﾘｰﾄ工</t>
  </si>
  <si>
    <t>付帯工</t>
  </si>
  <si>
    <t>S1002</t>
  </si>
  <si>
    <t>第0003号施工単価表</t>
  </si>
  <si>
    <t>第0002号施工単価表</t>
  </si>
  <si>
    <t>φ50mm　長4.0ｍ</t>
  </si>
  <si>
    <t>硬質塩ビ管（ＶＰ）スリーブ無</t>
  </si>
  <si>
    <t>点在 規格なし</t>
  </si>
  <si>
    <t>CB224720(0005)</t>
  </si>
  <si>
    <t>吸出し防止材設置(施工ﾊﾟｯｹｰｼﾞ)</t>
  </si>
  <si>
    <t>0.8m以上1.0m以下 18-8-40(高炉) W/C=60%以下 小型車割増無し 基礎砕石有り</t>
  </si>
  <si>
    <t>第0001号施工単価表</t>
  </si>
  <si>
    <t>擁壁工</t>
  </si>
  <si>
    <t>S1001</t>
  </si>
  <si>
    <t>CB210030(0001)</t>
  </si>
  <si>
    <t>S1000</t>
  </si>
  <si>
    <t>SJ0010</t>
  </si>
  <si>
    <t>1,524×6,096×22　n=29</t>
  </si>
  <si>
    <t>仮設材及び整備費</t>
  </si>
  <si>
    <t>第0007号単価表</t>
  </si>
  <si>
    <t>第0006号単価表</t>
  </si>
  <si>
    <t>第0005号単価表</t>
  </si>
  <si>
    <t>第0004号単価表</t>
  </si>
  <si>
    <t>第0003号単価表</t>
  </si>
  <si>
    <t>第0002号単価表</t>
  </si>
  <si>
    <t>摘　　要</t>
    <rPh sb="0" eb="1">
      <t>ツム</t>
    </rPh>
    <rPh sb="3" eb="4">
      <t>ヨウ</t>
    </rPh>
    <phoneticPr fontId="4"/>
  </si>
  <si>
    <t>単位</t>
    <rPh sb="0" eb="1">
      <t>タン</t>
    </rPh>
    <rPh sb="1" eb="2">
      <t>クライ</t>
    </rPh>
    <phoneticPr fontId="4"/>
  </si>
  <si>
    <t>名　　    称</t>
    <rPh sb="0" eb="1">
      <t>ナ</t>
    </rPh>
    <rPh sb="7" eb="8">
      <t>ショウ</t>
    </rPh>
    <phoneticPr fontId="4"/>
  </si>
  <si>
    <t>当り</t>
    <rPh sb="0" eb="1">
      <t>アタ</t>
    </rPh>
    <phoneticPr fontId="4"/>
  </si>
  <si>
    <t>号単価表</t>
    <rPh sb="0" eb="1">
      <t>ゴウ</t>
    </rPh>
    <rPh sb="1" eb="3">
      <t>タンカ</t>
    </rPh>
    <rPh sb="3" eb="4">
      <t>ヒョウ</t>
    </rPh>
    <phoneticPr fontId="4"/>
  </si>
  <si>
    <t>トラック機械損料[13欄]</t>
  </si>
  <si>
    <t>運転単価表</t>
  </si>
  <si>
    <t>トラック機械損料</t>
  </si>
  <si>
    <t>第0014号運転単価表</t>
  </si>
  <si>
    <t>特殊運転手</t>
  </si>
  <si>
    <t>バックホウ機械損料</t>
  </si>
  <si>
    <t>バックホウ機械損料[13欄]</t>
  </si>
  <si>
    <t>第0012号運転単価表</t>
  </si>
  <si>
    <t>ダンプトラック機械損料</t>
  </si>
  <si>
    <t>一般運転手</t>
  </si>
  <si>
    <t>タンパ（ランマ）賃料</t>
  </si>
  <si>
    <t>レギュラー80オクタン価以上</t>
  </si>
  <si>
    <t>ダンプトラック機械損料[15欄]</t>
  </si>
  <si>
    <t>第0008号運転単価表</t>
  </si>
  <si>
    <t>第0005号運転単価表</t>
  </si>
  <si>
    <t>第0003号運転単価表</t>
  </si>
  <si>
    <t>供日</t>
  </si>
  <si>
    <t>汚泥吸排車 機械損料</t>
  </si>
  <si>
    <t>輸送費</t>
    <rPh sb="0" eb="3">
      <t>ユソウヒ</t>
    </rPh>
    <phoneticPr fontId="68"/>
  </si>
  <si>
    <t>式</t>
    <rPh sb="0" eb="1">
      <t>シキ</t>
    </rPh>
    <phoneticPr fontId="68"/>
  </si>
  <si>
    <t>朝明水源系取水施設（1号井）更新工事</t>
  </si>
  <si>
    <t>四日市市中村町地内</t>
  </si>
  <si>
    <t xml:space="preserve">                                               </t>
  </si>
  <si>
    <t xml:space="preserve">                                           </t>
  </si>
  <si>
    <t xml:space="preserve">硬質塩化ﾋﾞﾆﾙ管          </t>
  </si>
  <si>
    <t xml:space="preserve">１段                       </t>
  </si>
  <si>
    <t xml:space="preserve">                                                   </t>
  </si>
  <si>
    <t xml:space="preserve">                                  </t>
  </si>
  <si>
    <t xml:space="preserve">鋳鉄製仕切弁設置工(縦･横型)        </t>
  </si>
  <si>
    <t xml:space="preserve">                                </t>
  </si>
  <si>
    <t xml:space="preserve">鋳鉄管布設工          </t>
  </si>
  <si>
    <t>径200mm 切断＋溝切り</t>
  </si>
  <si>
    <t>径250mm 切断＋溝切り</t>
  </si>
  <si>
    <t>径300mm 溝切りのみ</t>
  </si>
  <si>
    <t>径300mm 切断＋溝切り</t>
  </si>
  <si>
    <t xml:space="preserve">２段                       </t>
  </si>
  <si>
    <t xml:space="preserve">                                          </t>
  </si>
  <si>
    <t xml:space="preserve">         </t>
  </si>
  <si>
    <t xml:space="preserve">下層路盤 施工厚= 17 cm Ｃ－40          </t>
  </si>
  <si>
    <t xml:space="preserve">路盤工      </t>
  </si>
  <si>
    <t xml:space="preserve">          </t>
  </si>
  <si>
    <t xml:space="preserve">                                                </t>
  </si>
  <si>
    <t xml:space="preserve">                                                                       </t>
  </si>
  <si>
    <t xml:space="preserve">発生土運搬工                    </t>
  </si>
  <si>
    <t>1層当り平均仕上り厚 1 mm 密粒度ｱｽｺﾝ(13) 無し</t>
  </si>
  <si>
    <t xml:space="preserve">                        </t>
  </si>
  <si>
    <t xml:space="preserve">                   </t>
  </si>
  <si>
    <t xml:space="preserve">工事用水中ポンプ 機械損料            </t>
  </si>
  <si>
    <t xml:space="preserve">                         </t>
  </si>
  <si>
    <t xml:space="preserve">鋳鉄管撤去工          </t>
  </si>
  <si>
    <t>径400mm 切断＋溝切り</t>
  </si>
  <si>
    <t>1層当り平均仕上り厚 30 mm 密粒度ｱｽｺﾝ(13) 無し</t>
  </si>
  <si>
    <t xml:space="preserve">                             </t>
  </si>
  <si>
    <t>無筋・鉄筋構造物 18-8-25(高炉) W/C=60%以下 小型車割増有り</t>
  </si>
  <si>
    <t>無筋・鉄筋構造物 24-8-25(20)(高炉) W/C=55%以下 小型車割増無し</t>
  </si>
  <si>
    <t xml:space="preserve">無筋Ｃｏｎ塊                       </t>
  </si>
  <si>
    <t xml:space="preserve">                     </t>
  </si>
  <si>
    <t xml:space="preserve">Ａｓ塊                 </t>
  </si>
  <si>
    <t xml:space="preserve">                </t>
  </si>
  <si>
    <t>1層当り平均仕上り厚 5 mm 密粒度ｱｽｺﾝ(13) 無し</t>
  </si>
  <si>
    <t>0.8m以上1.0m以下 18-8-40(高炉) 基礎砕石有り 均しｺﾝ無し W/C=60%以下</t>
  </si>
  <si>
    <t xml:space="preserve">           </t>
  </si>
  <si>
    <t xml:space="preserve">技師（C）            </t>
  </si>
  <si>
    <t xml:space="preserve">技師（B）            </t>
  </si>
  <si>
    <t xml:space="preserve">技師（A）            </t>
  </si>
  <si>
    <t xml:space="preserve">排ガス対策                    </t>
  </si>
  <si>
    <t xml:space="preserve">排出ガス対策型                          </t>
  </si>
  <si>
    <t xml:space="preserve">軽油                </t>
  </si>
  <si>
    <t xml:space="preserve">                                                        </t>
  </si>
  <si>
    <t xml:space="preserve">排出ガス対策型                                       </t>
  </si>
  <si>
    <t xml:space="preserve">タイヤ損耗費     </t>
  </si>
  <si>
    <t xml:space="preserve">                               </t>
  </si>
  <si>
    <t xml:space="preserve">ガソリン          </t>
  </si>
  <si>
    <t xml:space="preserve">                           </t>
  </si>
  <si>
    <t xml:space="preserve">排出ガス対策型                                          </t>
  </si>
  <si>
    <t xml:space="preserve">                                     </t>
  </si>
  <si>
    <t xml:space="preserve">                       </t>
  </si>
  <si>
    <t>・取水施設（口径：φ600mm　深度：24m）　3箇所
・電気・計装設備
　電源引込盤、取水ポンプ盤、計装盤、流量計、水位計、濁度計、
　高感度濁度計、非常用発電設備、防犯設備
・機械設備
　取水ポンプ3台（水中ポンプ　口径：φ150mm、
　　　　　　　　 吐出量：2.8m3/分、揚程：22m）
・機器製作据付、電気工事、配管工事、さく井工事、土木工事</t>
    <rPh sb="1" eb="3">
      <t>シュスイ</t>
    </rPh>
    <rPh sb="3" eb="5">
      <t>シセツ</t>
    </rPh>
    <rPh sb="6" eb="8">
      <t>コウケイ</t>
    </rPh>
    <rPh sb="16" eb="18">
      <t>シンド</t>
    </rPh>
    <rPh sb="25" eb="27">
      <t>カショ</t>
    </rPh>
    <rPh sb="29" eb="31">
      <t>デンキ</t>
    </rPh>
    <rPh sb="32" eb="34">
      <t>ケイソウ</t>
    </rPh>
    <rPh sb="34" eb="36">
      <t>セツビ</t>
    </rPh>
    <rPh sb="38" eb="40">
      <t>デンゲン</t>
    </rPh>
    <rPh sb="40" eb="42">
      <t>ヒキコミ</t>
    </rPh>
    <rPh sb="42" eb="43">
      <t>バン</t>
    </rPh>
    <rPh sb="44" eb="46">
      <t>シュスイ</t>
    </rPh>
    <rPh sb="49" eb="50">
      <t>バン</t>
    </rPh>
    <rPh sb="51" eb="53">
      <t>ケイソウ</t>
    </rPh>
    <rPh sb="53" eb="54">
      <t>バン</t>
    </rPh>
    <rPh sb="55" eb="58">
      <t>リュウリョウケイ</t>
    </rPh>
    <rPh sb="59" eb="61">
      <t>スイイ</t>
    </rPh>
    <rPh sb="61" eb="62">
      <t>ケイ</t>
    </rPh>
    <rPh sb="63" eb="66">
      <t>ダクドケイ</t>
    </rPh>
    <rPh sb="69" eb="72">
      <t>コウカンド</t>
    </rPh>
    <rPh sb="72" eb="75">
      <t>ダクドケイ</t>
    </rPh>
    <rPh sb="76" eb="79">
      <t>ヒジョウヨウ</t>
    </rPh>
    <rPh sb="79" eb="81">
      <t>ハツデン</t>
    </rPh>
    <rPh sb="81" eb="83">
      <t>セツビ</t>
    </rPh>
    <rPh sb="84" eb="86">
      <t>ボウハン</t>
    </rPh>
    <rPh sb="86" eb="88">
      <t>セツビ</t>
    </rPh>
    <rPh sb="90" eb="92">
      <t>キカイ</t>
    </rPh>
    <rPh sb="92" eb="94">
      <t>セツビ</t>
    </rPh>
    <rPh sb="96" eb="98">
      <t>シュスイ</t>
    </rPh>
    <rPh sb="102" eb="103">
      <t>ダイ</t>
    </rPh>
    <rPh sb="104" eb="106">
      <t>スイチュウ</t>
    </rPh>
    <rPh sb="110" eb="112">
      <t>コウケイ</t>
    </rPh>
    <rPh sb="142" eb="143">
      <t>ヨウ</t>
    </rPh>
    <rPh sb="143" eb="144">
      <t>テイ</t>
    </rPh>
    <rPh sb="151" eb="153">
      <t>キキ</t>
    </rPh>
    <rPh sb="153" eb="155">
      <t>セイサク</t>
    </rPh>
    <rPh sb="155" eb="157">
      <t>スエツケ</t>
    </rPh>
    <rPh sb="158" eb="160">
      <t>デンキ</t>
    </rPh>
    <rPh sb="160" eb="162">
      <t>コウジ</t>
    </rPh>
    <rPh sb="163" eb="165">
      <t>ハイカン</t>
    </rPh>
    <rPh sb="165" eb="167">
      <t>コウジ</t>
    </rPh>
    <rPh sb="170" eb="171">
      <t>セイ</t>
    </rPh>
    <rPh sb="171" eb="173">
      <t>コウジ</t>
    </rPh>
    <rPh sb="174" eb="176">
      <t>ドボク</t>
    </rPh>
    <rPh sb="176" eb="178">
      <t>コウジ</t>
    </rPh>
    <phoneticPr fontId="68"/>
  </si>
  <si>
    <t>なお、受注者は排水の処理に係る産業廃棄物管理票（マニフェスト）について、監督職員から請求が</t>
    <rPh sb="3" eb="6">
      <t>ジュチュウシャ</t>
    </rPh>
    <rPh sb="7" eb="9">
      <t>ハイスイ</t>
    </rPh>
    <rPh sb="10" eb="12">
      <t>ショリ</t>
    </rPh>
    <rPh sb="13" eb="14">
      <t>カカ</t>
    </rPh>
    <rPh sb="15" eb="17">
      <t>サンギョウ</t>
    </rPh>
    <rPh sb="17" eb="20">
      <t>ハイキブツ</t>
    </rPh>
    <rPh sb="20" eb="22">
      <t>カンリ</t>
    </rPh>
    <rPh sb="22" eb="23">
      <t>ヒョウ</t>
    </rPh>
    <rPh sb="36" eb="38">
      <t>カントク</t>
    </rPh>
    <rPh sb="38" eb="40">
      <t>ショクイン</t>
    </rPh>
    <rPh sb="42" eb="44">
      <t>セイキュ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71">
    <numFmt numFmtId="5" formatCode="&quot;¥&quot;#,##0;&quot;¥&quot;\-#,##0"/>
    <numFmt numFmtId="6" formatCode="&quot;¥&quot;#,##0;[Red]&quot;¥&quot;\-#,##0"/>
    <numFmt numFmtId="8" formatCode="&quot;¥&quot;#,##0.00;[Red]&quot;¥&quot;\-#,##0.00"/>
    <numFmt numFmtId="42" formatCode="_ &quot;¥&quot;* #,##0_ ;_ &quot;¥&quot;* \-#,##0_ ;_ &quot;¥&quot;* &quot;-&quot;_ ;_ @_ "/>
    <numFmt numFmtId="41" formatCode="_ * #,##0_ ;_ * \-#,##0_ ;_ * &quot;-&quot;_ ;_ @_ "/>
    <numFmt numFmtId="176" formatCode="#,##0_ "/>
    <numFmt numFmtId="177" formatCode="0.00_ "/>
    <numFmt numFmtId="178" formatCode="0.000"/>
    <numFmt numFmtId="179" formatCode="&quot;(&quot;#,##0&quot;)&quot;"/>
    <numFmt numFmtId="180" formatCode="#,##0.0"/>
    <numFmt numFmtId="181" formatCode="0.000_ "/>
    <numFmt numFmtId="182" formatCode="hh:mm\ \T\K"/>
    <numFmt numFmtId="183" formatCode=";;;"/>
    <numFmt numFmtId="184" formatCode="_(&quot;$&quot;* #,##0_);_(&quot;$&quot;* \(#,##0\);_(&quot;$&quot;* &quot;-&quot;_);_(@_)"/>
    <numFmt numFmtId="185" formatCode="_(&quot;$&quot;* #,##0.00_);_(&quot;$&quot;* \(#,##0.00\);_(&quot;$&quot;* &quot;-&quot;??_);_(@_)"/>
    <numFmt numFmtId="186" formatCode="mm/dd/yy\ h:mm"/>
    <numFmt numFmtId="187" formatCode="mmmm/dd/yyyy\ h:mm"/>
    <numFmt numFmtId="188" formatCode="_-* #,##0.0_-;\-* #,##0.0_-;_-* &quot;-&quot;??_-;_-@_-"/>
    <numFmt numFmtId="189" formatCode="0.00000%"/>
    <numFmt numFmtId="190" formatCode="&quot;¥&quot;#,##0.0;[Red]&quot;¥&quot;\-#,##0.0"/>
    <numFmt numFmtId="191" formatCode="_(* #,##0_);_(* \(#,##0\);_(* &quot;-&quot;??_);_(@_)"/>
    <numFmt numFmtId="192" formatCode="&quot;$&quot;#,##0.00"/>
    <numFmt numFmtId="193" formatCode="&quot;[&quot;#,##0&quot;]&quot;"/>
    <numFmt numFmtId="194" formatCode="\(#,##0\)"/>
    <numFmt numFmtId="195" formatCode="#,##0\ &quot;&quot;"/>
    <numFmt numFmtId="196" formatCode="#,##0_);[Red]\(#,##0\)"/>
    <numFmt numFmtId="197" formatCode="&quot;B11/10/P&quot;#"/>
    <numFmt numFmtId="198" formatCode="#,##0.0;[Red]\-#,##0.0"/>
    <numFmt numFmtId="199" formatCode="0_ "/>
    <numFmt numFmtId="200" formatCode="#,##0.0_);[Red]\(#,##0.0\)"/>
    <numFmt numFmtId="201" formatCode="###0"/>
    <numFmt numFmtId="202" formatCode="#,##0&quot; &quot;"/>
    <numFmt numFmtId="203" formatCode="#,##0\ "/>
    <numFmt numFmtId="204" formatCode="#,##0\ &quot; x&quot;"/>
    <numFmt numFmtId="205" formatCode="\(#,##0\);\(\(#,##0\)\)"/>
    <numFmt numFmtId="206" formatCode="#,##0.0000;[Red]\-#,##0.0000"/>
    <numFmt numFmtId="207" formatCode="#,##0\ &quot; +&quot;"/>
    <numFmt numFmtId="208" formatCode="0.0000_ "/>
    <numFmt numFmtId="209" formatCode="0.0"/>
    <numFmt numFmtId="210" formatCode="#,##0.0_ "/>
    <numFmt numFmtId="211" formatCode="0.00_);[Red]\(0.00\)"/>
    <numFmt numFmtId="212" formatCode="#,##0.0000_ ;[Red]\-#,##0.0000\ "/>
    <numFmt numFmtId="213" formatCode="#,##0\ ;\-#,##0\ ;_ * &quot;- &quot;_ ;_ @_ "/>
    <numFmt numFmtId="214" formatCode="_(&quot;¥&quot;* #,##0_);_(&quot;¥&quot;* \(#,##0\);_(&quot;¥&quot;* &quot;-&quot;??_);_(@_)"/>
    <numFmt numFmtId="215" formatCode="#,##0\-;&quot;▲&quot;#,##0\-"/>
    <numFmt numFmtId="216" formatCode="&quot;¥&quot;#,##0\-;&quot;¥&quot;&quot;▲&quot;#,##0\-"/>
    <numFmt numFmtId="217" formatCode="#,##0\ ;[Red]\-#,##0\ "/>
    <numFmt numFmtId="218" formatCode="###0.0;[Red]\-###0.0"/>
    <numFmt numFmtId="219" formatCode="###0.00;[Red]\-###0.00"/>
    <numFmt numFmtId="220" formatCode="#,##0.000\ ;[Red]\-#,##0.000\ "/>
    <numFmt numFmtId="221" formatCode="[$-411]ge\.m\.d;@"/>
    <numFmt numFmtId="222" formatCode="#,##0.00_ "/>
    <numFmt numFmtId="223" formatCode="&quot;[&quot;#,#0#&quot;]&quot;"/>
    <numFmt numFmtId="224" formatCode="#,##0.00;\-[$]#,##0.00"/>
    <numFmt numFmtId="225" formatCode="#&quot;!,&quot;##0;&quot;▲ &quot;#&quot;!,&quot;##0"/>
    <numFmt numFmtId="226" formatCode="0.000\%"/>
    <numFmt numFmtId="227" formatCode="0.0\%"/>
    <numFmt numFmtId="228" formatCode="\(####.000\)"/>
    <numFmt numFmtId="229" formatCode="_(* #,##0.00_);_(* \(#,##0.00\);_(* &quot;-&quot;??_);_(@_)"/>
    <numFmt numFmtId="230" formatCode="_(* #,##0_);_(* \(#,##0\);_(* &quot;-&quot;_);_(@_)"/>
    <numFmt numFmtId="231" formatCode="0.000;[Color3]&quot;¥&quot;\!\-0.000"/>
    <numFmt numFmtId="232" formatCode="0.&quot;-&quot;00&quot;-&quot;00&quot; &quot;"/>
    <numFmt numFmtId="233" formatCode="#,##0.000_ "/>
    <numFmt numFmtId="234" formatCode="#,##0.0000_ "/>
    <numFmt numFmtId="235" formatCode="&quot;φ&quot;#"/>
    <numFmt numFmtId="236" formatCode="[$-411]ggge&quot;年&quot;m&quot;月&quot;d&quot;日&quot;;@"/>
    <numFmt numFmtId="237" formatCode="#,##0.000;[Red]\-#,##0.000"/>
    <numFmt numFmtId="238" formatCode="#,##0_ ;[Red]\-#,##0\ "/>
    <numFmt numFmtId="239" formatCode="#,##0.00_);[Red]\(#,##0.00\)"/>
    <numFmt numFmtId="240" formatCode="#,##0.000_);[Red]\(#,##0.000\)"/>
    <numFmt numFmtId="241" formatCode="#,##0.000_ ;[Red]\-#,##0.000\ "/>
  </numFmts>
  <fonts count="104">
    <font>
      <sz val="11"/>
      <color theme="1"/>
      <name val="ＭＳ Ｐゴシック"/>
      <family val="3"/>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sz val="6"/>
      <name val="ＭＳ Ｐゴシック"/>
      <family val="3"/>
      <charset val="128"/>
    </font>
    <font>
      <sz val="11"/>
      <name val="ＭＳ Ｐ明朝"/>
      <family val="1"/>
      <charset val="128"/>
    </font>
    <font>
      <sz val="10"/>
      <name val="ＭＳ Ｐゴシック"/>
      <family val="3"/>
      <charset val="128"/>
    </font>
    <font>
      <sz val="10"/>
      <name val="ＭＳ Ｐ明朝"/>
      <family val="1"/>
      <charset val="128"/>
    </font>
    <font>
      <sz val="11"/>
      <name val="ＭＳ 明朝"/>
      <family val="1"/>
      <charset val="128"/>
    </font>
    <font>
      <sz val="11"/>
      <color indexed="8"/>
      <name val="ＭＳ Ｐゴシック"/>
      <family val="3"/>
      <charset val="128"/>
    </font>
    <font>
      <sz val="11"/>
      <color indexed="9"/>
      <name val="ＭＳ Ｐゴシック"/>
      <family val="3"/>
      <charset val="128"/>
    </font>
    <font>
      <b/>
      <sz val="12"/>
      <name val="Arial"/>
      <family val="2"/>
    </font>
    <font>
      <sz val="10"/>
      <name val="Arial"/>
      <family val="2"/>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name val="明朝"/>
      <family val="1"/>
      <charset val="128"/>
    </font>
    <font>
      <sz val="14"/>
      <name val="ＭＳ 明朝"/>
      <family val="1"/>
      <charset val="128"/>
    </font>
    <font>
      <sz val="11"/>
      <color indexed="17"/>
      <name val="ＭＳ Ｐゴシック"/>
      <family val="3"/>
      <charset val="128"/>
    </font>
    <font>
      <sz val="16"/>
      <name val="ＭＳ 明朝"/>
      <family val="1"/>
      <charset val="128"/>
    </font>
    <font>
      <sz val="10"/>
      <name val="明朝"/>
      <family val="1"/>
      <charset val="128"/>
    </font>
    <font>
      <sz val="10"/>
      <color indexed="8"/>
      <name val="Arial"/>
      <family val="2"/>
    </font>
    <font>
      <b/>
      <sz val="12"/>
      <name val="Helv"/>
      <family val="2"/>
    </font>
    <font>
      <u/>
      <sz val="10"/>
      <color indexed="14"/>
      <name val="MS Sans Serif"/>
      <family val="2"/>
    </font>
    <font>
      <sz val="8"/>
      <name val="Arial"/>
      <family val="2"/>
    </font>
    <font>
      <u/>
      <sz val="8"/>
      <color indexed="12"/>
      <name val="Times New Roman"/>
      <family val="1"/>
    </font>
    <font>
      <sz val="9"/>
      <name val="Times New Roman"/>
      <family val="1"/>
    </font>
    <font>
      <sz val="14"/>
      <name val="Terminal"/>
      <family val="3"/>
      <charset val="255"/>
    </font>
    <font>
      <b/>
      <sz val="11"/>
      <name val="Helv"/>
      <family val="2"/>
    </font>
    <font>
      <sz val="10"/>
      <name val="Helv"/>
      <family val="2"/>
    </font>
    <font>
      <sz val="12"/>
      <name val="ＭＳ 明朝"/>
      <family val="1"/>
      <charset val="128"/>
    </font>
    <font>
      <sz val="10"/>
      <name val="ＭＳ 明朝"/>
      <family val="1"/>
      <charset val="128"/>
    </font>
    <font>
      <sz val="7"/>
      <name val="ＭＳ ゴシック"/>
      <family val="3"/>
      <charset val="128"/>
    </font>
    <font>
      <b/>
      <sz val="16"/>
      <name val="ＭＳ Ｐゴシック"/>
      <family val="3"/>
      <charset val="128"/>
    </font>
    <font>
      <sz val="7"/>
      <name val="ＭＳ Ｐゴシック"/>
      <family val="3"/>
      <charset val="128"/>
    </font>
    <font>
      <sz val="12"/>
      <name val="ＭＳ Ｐゴシック"/>
      <family val="3"/>
      <charset val="128"/>
    </font>
    <font>
      <sz val="14"/>
      <name val="ＭＳ Ｐゴシック"/>
      <family val="3"/>
      <charset val="128"/>
    </font>
    <font>
      <sz val="11"/>
      <color indexed="8"/>
      <name val="ＭＳ Ｐゴシック"/>
      <family val="3"/>
      <charset val="128"/>
    </font>
    <font>
      <sz val="8"/>
      <name val="ＭＳ Ｐ明朝"/>
      <family val="1"/>
      <charset val="128"/>
    </font>
    <font>
      <sz val="7"/>
      <color indexed="8"/>
      <name val="ＭＳ ゴシック"/>
      <family val="3"/>
      <charset val="128"/>
    </font>
    <font>
      <sz val="6"/>
      <name val="ＭＳ ゴシック"/>
      <family val="3"/>
      <charset val="128"/>
    </font>
    <font>
      <sz val="10"/>
      <name val="ＭＳ ゴシック"/>
      <family val="3"/>
      <charset val="128"/>
    </font>
    <font>
      <sz val="12"/>
      <name val="ＭＳ ゴシック"/>
      <family val="3"/>
      <charset val="128"/>
    </font>
    <font>
      <sz val="12"/>
      <name val="Arial"/>
      <family val="2"/>
    </font>
    <font>
      <sz val="11"/>
      <name val="Times New Roman"/>
      <family val="1"/>
    </font>
    <font>
      <sz val="8"/>
      <color indexed="16"/>
      <name val="Century Schoolbook"/>
      <family val="1"/>
    </font>
    <font>
      <b/>
      <i/>
      <sz val="10"/>
      <name val="Times New Roman"/>
      <family val="1"/>
    </font>
    <font>
      <sz val="14"/>
      <color indexed="8"/>
      <name val="ＭＳ 明朝"/>
      <family val="1"/>
      <charset val="128"/>
    </font>
    <font>
      <b/>
      <sz val="9"/>
      <name val="Times New Roman"/>
      <family val="1"/>
    </font>
    <font>
      <sz val="11"/>
      <name val="ＪＳ明朝"/>
      <family val="1"/>
      <charset val="128"/>
    </font>
    <font>
      <sz val="9"/>
      <name val="細明朝体"/>
      <family val="3"/>
      <charset val="128"/>
    </font>
    <font>
      <sz val="9"/>
      <name val="明朝"/>
      <family val="1"/>
      <charset val="128"/>
    </font>
    <font>
      <sz val="11"/>
      <color theme="1"/>
      <name val="ＭＳ Ｐゴシック"/>
      <family val="3"/>
      <charset val="128"/>
    </font>
    <font>
      <sz val="11"/>
      <color rgb="FFFF0000"/>
      <name val="ＭＳ Ｐ明朝"/>
      <family val="1"/>
      <charset val="128"/>
    </font>
    <font>
      <sz val="14"/>
      <name val="ＭＳ Ｐ明朝"/>
      <family val="1"/>
      <charset val="128"/>
    </font>
    <font>
      <sz val="6"/>
      <name val="ＭＳ Ｐゴシック"/>
      <family val="3"/>
      <charset val="128"/>
      <scheme val="minor"/>
    </font>
    <font>
      <sz val="12"/>
      <name val="ＭＳ Ｐ明朝"/>
      <family val="1"/>
      <charset val="128"/>
    </font>
    <font>
      <sz val="14"/>
      <name val="明朝"/>
      <family val="1"/>
      <charset val="128"/>
    </font>
    <font>
      <sz val="18"/>
      <name val="ＭＳ 明朝"/>
      <family val="1"/>
      <charset val="128"/>
    </font>
    <font>
      <sz val="9"/>
      <name val="ＭＳ 明朝"/>
      <family val="1"/>
      <charset val="128"/>
    </font>
    <font>
      <sz val="11"/>
      <name val="明朝"/>
      <family val="3"/>
      <charset val="128"/>
    </font>
    <font>
      <sz val="11"/>
      <color indexed="10"/>
      <name val="ＭＳ 明朝"/>
      <family val="1"/>
      <charset val="128"/>
    </font>
    <font>
      <sz val="11"/>
      <name val="¾©"/>
      <family val="1"/>
    </font>
    <font>
      <sz val="10"/>
      <name val="MS Sans Serif"/>
      <family val="2"/>
    </font>
    <font>
      <b/>
      <sz val="10"/>
      <name val="MS Sans Serif"/>
      <family val="2"/>
    </font>
    <font>
      <sz val="12"/>
      <name val="Times New Roman"/>
      <family val="1"/>
    </font>
    <font>
      <b/>
      <sz val="16"/>
      <color indexed="8"/>
      <name val="ＭＳ Ｐゴシック"/>
      <family val="3"/>
      <charset val="128"/>
    </font>
    <font>
      <sz val="16"/>
      <color indexed="8"/>
      <name val="ＭＳ Ｐゴシック"/>
      <family val="3"/>
      <charset val="128"/>
    </font>
    <font>
      <sz val="14"/>
      <name val="ＭＳ ゴシック"/>
      <family val="3"/>
      <charset val="128"/>
    </font>
    <font>
      <sz val="16"/>
      <name val="ＭＳ ゴシック"/>
      <family val="3"/>
      <charset val="128"/>
    </font>
    <font>
      <sz val="20"/>
      <name val="ＭＳ ゴシック"/>
      <family val="3"/>
      <charset val="128"/>
    </font>
    <font>
      <sz val="12"/>
      <name val="明朝"/>
      <family val="1"/>
      <charset val="128"/>
    </font>
    <font>
      <sz val="8"/>
      <name val="明朝"/>
      <family val="1"/>
      <charset val="128"/>
    </font>
    <font>
      <sz val="9"/>
      <name val="ＭＳ Ｐゴシック"/>
      <family val="3"/>
      <charset val="128"/>
    </font>
    <font>
      <sz val="11"/>
      <color theme="1"/>
      <name val="ＭＳ Ｐゴシック"/>
      <family val="3"/>
      <charset val="128"/>
      <scheme val="minor"/>
    </font>
    <font>
      <sz val="12"/>
      <color indexed="10"/>
      <name val="明朝"/>
      <family val="1"/>
      <charset val="128"/>
    </font>
    <font>
      <b/>
      <sz val="18"/>
      <name val="ＭＳ Ｐゴシック"/>
      <family val="3"/>
      <charset val="128"/>
    </font>
    <font>
      <sz val="12"/>
      <name val="リュウミンライト−ＫＬ"/>
      <family val="3"/>
      <charset val="128"/>
    </font>
    <font>
      <sz val="14"/>
      <name val="ＭＳ ・団"/>
      <family val="1"/>
      <charset val="128"/>
    </font>
    <font>
      <sz val="11"/>
      <color rgb="FFFF0000"/>
      <name val="ＭＳ Ｐゴシック"/>
      <family val="3"/>
      <charset val="128"/>
    </font>
    <font>
      <sz val="14"/>
      <name val="System"/>
      <charset val="128"/>
    </font>
    <font>
      <b/>
      <sz val="12"/>
      <name val="ＭＳ ゴシック"/>
      <family val="3"/>
      <charset val="128"/>
    </font>
    <font>
      <sz val="9.5"/>
      <name val="標準明朝"/>
      <family val="1"/>
      <charset val="128"/>
    </font>
    <font>
      <b/>
      <sz val="11"/>
      <name val="明朝"/>
      <family val="3"/>
      <charset val="128"/>
    </font>
    <font>
      <sz val="6"/>
      <name val="ＭＳ 明朝"/>
      <family val="2"/>
      <charset val="128"/>
    </font>
    <font>
      <sz val="20"/>
      <name val="ＭＳ 明朝"/>
      <family val="1"/>
      <charset val="128"/>
    </font>
    <font>
      <sz val="22"/>
      <name val="ＭＳ 明朝"/>
      <family val="1"/>
      <charset val="128"/>
    </font>
    <font>
      <sz val="11"/>
      <color theme="1"/>
      <name val="ＭＳ 明朝"/>
      <family val="1"/>
      <charset val="128"/>
    </font>
    <font>
      <sz val="11"/>
      <color theme="1"/>
      <name val="ＭＳ Ｐゴシック"/>
      <family val="1"/>
      <charset val="128"/>
      <scheme val="minor"/>
    </font>
    <font>
      <sz val="11"/>
      <color indexed="64"/>
      <name val="ＭＳ Ｐゴシック"/>
      <family val="3"/>
      <charset val="128"/>
    </font>
    <font>
      <sz val="11"/>
      <name val="ＭＳ Ｐゴシック"/>
      <family val="3"/>
      <charset val="128"/>
      <scheme val="minor"/>
    </font>
  </fonts>
  <fills count="36">
    <fill>
      <patternFill patternType="none"/>
    </fill>
    <fill>
      <patternFill patternType="gray125"/>
    </fill>
    <fill>
      <patternFill patternType="solid">
        <fgColor indexed="42"/>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22"/>
        <bgColor indexed="64"/>
      </patternFill>
    </fill>
    <fill>
      <patternFill patternType="solid">
        <fgColor indexed="26"/>
        <bgColor indexed="64"/>
      </patternFill>
    </fill>
    <fill>
      <patternFill patternType="solid">
        <fgColor indexed="9"/>
        <bgColor indexed="64"/>
      </patternFill>
    </fill>
    <fill>
      <patternFill patternType="solid">
        <fgColor indexed="9"/>
        <bgColor indexed="9"/>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43"/>
        <bgColor indexed="64"/>
      </patternFill>
    </fill>
    <fill>
      <patternFill patternType="solid">
        <fgColor indexed="9"/>
      </patternFill>
    </fill>
    <fill>
      <patternFill patternType="solid">
        <fgColor indexed="41"/>
        <bgColor indexed="64"/>
      </patternFill>
    </fill>
    <fill>
      <patternFill patternType="solid">
        <fgColor theme="0"/>
        <bgColor indexed="64"/>
      </patternFill>
    </fill>
    <fill>
      <patternFill patternType="solid">
        <fgColor indexed="13"/>
      </patternFill>
    </fill>
    <fill>
      <patternFill patternType="solid">
        <fgColor indexed="27"/>
        <bgColor indexed="64"/>
      </patternFill>
    </fill>
    <fill>
      <patternFill patternType="solid">
        <fgColor theme="8" tint="0.59999389629810485"/>
        <bgColor indexed="64"/>
      </patternFill>
    </fill>
  </fills>
  <borders count="99">
    <border>
      <left/>
      <right/>
      <top/>
      <bottom/>
      <diagonal/>
    </border>
    <border>
      <left style="thin">
        <color indexed="64"/>
      </left>
      <right/>
      <top/>
      <bottom style="hair">
        <color indexed="64"/>
      </bottom>
      <diagonal/>
    </border>
    <border>
      <left/>
      <right/>
      <top style="medium">
        <color indexed="64"/>
      </top>
      <bottom/>
      <diagonal/>
    </border>
    <border>
      <left/>
      <right/>
      <top style="medium">
        <color indexed="64"/>
      </top>
      <bottom style="medium">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style="hair">
        <color indexed="12"/>
      </left>
      <right/>
      <top/>
      <bottom style="hair">
        <color indexed="12"/>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top/>
      <bottom style="thin">
        <color indexed="64"/>
      </bottom>
      <diagonal/>
    </border>
    <border>
      <left style="dotted">
        <color indexed="64"/>
      </left>
      <right style="dotted">
        <color indexed="64"/>
      </right>
      <top style="dotted">
        <color indexed="64"/>
      </top>
      <bottom style="dotted">
        <color indexed="64"/>
      </bottom>
      <diagonal/>
    </border>
    <border>
      <left style="medium">
        <color indexed="64"/>
      </left>
      <right/>
      <top style="medium">
        <color indexed="64"/>
      </top>
      <bottom style="thin">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style="thin">
        <color indexed="64"/>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n">
        <color indexed="64"/>
      </left>
      <right/>
      <top style="hair">
        <color indexed="64"/>
      </top>
      <bottom/>
      <diagonal/>
    </border>
    <border>
      <left style="thin">
        <color indexed="64"/>
      </left>
      <right/>
      <top/>
      <bottom/>
      <diagonal/>
    </border>
    <border>
      <left style="thin">
        <color indexed="64"/>
      </left>
      <right style="hair">
        <color indexed="64"/>
      </right>
      <top/>
      <bottom style="hair">
        <color indexed="64"/>
      </bottom>
      <diagonal/>
    </border>
    <border>
      <left/>
      <right/>
      <top style="thin">
        <color indexed="64"/>
      </top>
      <bottom style="hair">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top style="thin">
        <color indexed="64"/>
      </top>
      <bottom style="hair">
        <color indexed="64"/>
      </bottom>
      <diagonal/>
    </border>
    <border>
      <left style="hair">
        <color indexed="64"/>
      </left>
      <right/>
      <top style="hair">
        <color indexed="64"/>
      </top>
      <bottom/>
      <diagonal/>
    </border>
    <border>
      <left style="hair">
        <color indexed="64"/>
      </left>
      <right/>
      <top/>
      <bottom/>
      <diagonal/>
    </border>
    <border>
      <left style="hair">
        <color indexed="64"/>
      </left>
      <right/>
      <top/>
      <bottom style="hair">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bottom/>
      <diagonal/>
    </border>
    <border>
      <left/>
      <right style="medium">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style="thin">
        <color indexed="64"/>
      </right>
      <top/>
      <bottom/>
      <diagonal/>
    </border>
    <border>
      <left/>
      <right/>
      <top/>
      <bottom style="thin">
        <color indexed="64"/>
      </bottom>
      <diagonal/>
    </border>
    <border>
      <left/>
      <right style="thin">
        <color indexed="64"/>
      </right>
      <top/>
      <bottom style="thin">
        <color indexed="64"/>
      </bottom>
      <diagonal/>
    </border>
    <border>
      <left/>
      <right style="hair">
        <color indexed="64"/>
      </right>
      <top/>
      <bottom style="hair">
        <color indexed="64"/>
      </bottom>
      <diagonal/>
    </border>
    <border>
      <left style="hair">
        <color indexed="64"/>
      </left>
      <right/>
      <top/>
      <bottom style="thin">
        <color indexed="64"/>
      </bottom>
      <diagonal/>
    </border>
    <border>
      <left/>
      <right style="medium">
        <color indexed="64"/>
      </right>
      <top/>
      <bottom/>
      <diagonal/>
    </border>
    <border>
      <left style="hair">
        <color indexed="64"/>
      </left>
      <right style="hair">
        <color indexed="64"/>
      </right>
      <top style="thin">
        <color indexed="64"/>
      </top>
      <bottom/>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medium">
        <color indexed="64"/>
      </left>
      <right/>
      <top style="medium">
        <color indexed="64"/>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diagonal/>
    </border>
    <border>
      <left/>
      <right style="thin">
        <color indexed="64"/>
      </right>
      <top/>
      <bottom style="medium">
        <color indexed="64"/>
      </bottom>
      <diagonal/>
    </border>
    <border>
      <left style="thin">
        <color indexed="64"/>
      </left>
      <right/>
      <top/>
      <bottom style="medium">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hair">
        <color indexed="64"/>
      </right>
      <top/>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medium">
        <color indexed="8"/>
      </left>
      <right/>
      <top style="medium">
        <color indexed="8"/>
      </top>
      <bottom style="thin">
        <color indexed="8"/>
      </bottom>
      <diagonal/>
    </border>
    <border>
      <left style="thin">
        <color indexed="8"/>
      </left>
      <right/>
      <top/>
      <bottom style="thin">
        <color indexed="8"/>
      </bottom>
      <diagonal/>
    </border>
    <border>
      <left/>
      <right style="hair">
        <color indexed="64"/>
      </right>
      <top style="thin">
        <color indexed="64"/>
      </top>
      <bottom style="hair">
        <color indexed="64"/>
      </bottom>
      <diagonal/>
    </border>
    <border>
      <left style="double">
        <color indexed="64"/>
      </left>
      <right style="thin">
        <color indexed="64"/>
      </right>
      <top/>
      <bottom style="thin">
        <color indexed="64"/>
      </bottom>
      <diagonal/>
    </border>
    <border>
      <left style="thin">
        <color indexed="8"/>
      </left>
      <right style="thin">
        <color indexed="8"/>
      </right>
      <top/>
      <bottom style="thin">
        <color indexed="8"/>
      </bottom>
      <diagonal/>
    </border>
    <border>
      <left style="hair">
        <color indexed="8"/>
      </left>
      <right style="hair">
        <color indexed="8"/>
      </right>
      <top style="hair">
        <color indexed="8"/>
      </top>
      <bottom style="hair">
        <color indexed="8"/>
      </bottom>
      <diagonal/>
    </border>
    <border>
      <left style="medium">
        <color indexed="8"/>
      </left>
      <right/>
      <top style="medium">
        <color indexed="8"/>
      </top>
      <bottom/>
      <diagonal/>
    </border>
    <border>
      <left style="double">
        <color indexed="8"/>
      </left>
      <right style="thin">
        <color indexed="8"/>
      </right>
      <top/>
      <bottom style="thin">
        <color indexed="8"/>
      </bottom>
      <diagonal/>
    </border>
    <border>
      <left/>
      <right style="thin">
        <color indexed="8"/>
      </right>
      <top/>
      <bottom style="double">
        <color indexed="8"/>
      </bottom>
      <diagonal/>
    </border>
    <border>
      <left/>
      <right style="hair">
        <color indexed="64"/>
      </right>
      <top/>
      <bottom style="thin">
        <color indexed="64"/>
      </bottom>
      <diagonal/>
    </border>
    <border>
      <left/>
      <right/>
      <top style="thin">
        <color indexed="8"/>
      </top>
      <bottom/>
      <diagonal/>
    </border>
    <border>
      <left style="thin">
        <color indexed="64"/>
      </left>
      <right style="thin">
        <color indexed="64"/>
      </right>
      <top style="hair">
        <color indexed="64"/>
      </top>
      <bottom style="hair">
        <color indexed="64"/>
      </bottom>
      <diagonal/>
    </border>
    <border>
      <left/>
      <right style="thin">
        <color indexed="64"/>
      </right>
      <top/>
      <bottom style="double">
        <color indexed="64"/>
      </bottom>
      <diagonal/>
    </border>
    <border>
      <left style="double">
        <color indexed="64"/>
      </left>
      <right style="thin">
        <color indexed="64"/>
      </right>
      <top style="thin">
        <color indexed="64"/>
      </top>
      <bottom style="thin">
        <color indexed="20"/>
      </bottom>
      <diagonal/>
    </border>
    <border>
      <left/>
      <right style="hair">
        <color indexed="64"/>
      </right>
      <top style="thin">
        <color indexed="64"/>
      </top>
      <bottom/>
      <diagonal/>
    </border>
    <border>
      <left style="hair">
        <color indexed="64"/>
      </left>
      <right style="hair">
        <color indexed="64"/>
      </right>
      <top style="thin">
        <color indexed="64"/>
      </top>
      <bottom style="hair">
        <color indexed="64"/>
      </bottom>
      <diagonal/>
    </border>
    <border>
      <left/>
      <right/>
      <top/>
      <bottom style="hair">
        <color indexed="64"/>
      </bottom>
      <diagonal/>
    </border>
    <border>
      <left/>
      <right/>
      <top style="hair">
        <color indexed="64"/>
      </top>
      <bottom/>
      <diagonal/>
    </border>
    <border>
      <left/>
      <right style="hair">
        <color indexed="64"/>
      </right>
      <top style="hair">
        <color indexed="64"/>
      </top>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right style="thin">
        <color indexed="64"/>
      </right>
      <top style="hair">
        <color indexed="64"/>
      </top>
      <bottom/>
      <diagonal/>
    </border>
    <border>
      <left/>
      <right style="thin">
        <color indexed="64"/>
      </right>
      <top/>
      <bottom style="hair">
        <color indexed="64"/>
      </bottom>
      <diagonal/>
    </border>
  </borders>
  <cellStyleXfs count="337">
    <xf numFmtId="0" fontId="0" fillId="0" borderId="0">
      <alignment vertical="center"/>
    </xf>
    <xf numFmtId="184" fontId="14" fillId="0" borderId="0" applyFont="0" applyFill="0" applyBorder="0" applyAlignment="0" applyProtection="0"/>
    <xf numFmtId="185" fontId="14" fillId="0" borderId="0" applyFont="0" applyFill="0" applyBorder="0" applyAlignment="0" applyProtection="0"/>
    <xf numFmtId="0" fontId="14" fillId="0" borderId="0" applyFont="0" applyFill="0" applyBorder="0" applyAlignment="0" applyProtection="0"/>
    <xf numFmtId="0" fontId="14" fillId="0" borderId="0" applyFont="0" applyFill="0" applyBorder="0" applyAlignment="0" applyProtection="0"/>
    <xf numFmtId="0" fontId="14" fillId="0" borderId="0"/>
    <xf numFmtId="9" fontId="14" fillId="2" borderId="0"/>
    <xf numFmtId="178" fontId="33" fillId="0" borderId="1" applyFont="0" applyFill="0" applyBorder="0" applyAlignment="0" applyProtection="0"/>
    <xf numFmtId="0" fontId="11" fillId="3" borderId="0" applyNumberFormat="0" applyBorder="0" applyAlignment="0" applyProtection="0">
      <alignment vertical="center"/>
    </xf>
    <xf numFmtId="0" fontId="11" fillId="4" borderId="0" applyNumberFormat="0" applyBorder="0" applyAlignment="0" applyProtection="0">
      <alignment vertical="center"/>
    </xf>
    <xf numFmtId="0" fontId="11" fillId="5" borderId="0" applyNumberFormat="0" applyBorder="0" applyAlignment="0" applyProtection="0">
      <alignment vertical="center"/>
    </xf>
    <xf numFmtId="0" fontId="11" fillId="6" borderId="0" applyNumberFormat="0" applyBorder="0" applyAlignment="0" applyProtection="0">
      <alignment vertical="center"/>
    </xf>
    <xf numFmtId="0" fontId="11" fillId="7" borderId="0" applyNumberFormat="0" applyBorder="0" applyAlignment="0" applyProtection="0">
      <alignment vertical="center"/>
    </xf>
    <xf numFmtId="0" fontId="11" fillId="8" borderId="0" applyNumberFormat="0" applyBorder="0" applyAlignment="0" applyProtection="0">
      <alignment vertical="center"/>
    </xf>
    <xf numFmtId="0" fontId="11" fillId="9" borderId="0" applyNumberFormat="0" applyBorder="0" applyAlignment="0" applyProtection="0">
      <alignment vertical="center"/>
    </xf>
    <xf numFmtId="0" fontId="11" fillId="10" borderId="0" applyNumberFormat="0" applyBorder="0" applyAlignment="0" applyProtection="0">
      <alignment vertical="center"/>
    </xf>
    <xf numFmtId="0" fontId="11" fillId="11" borderId="0" applyNumberFormat="0" applyBorder="0" applyAlignment="0" applyProtection="0">
      <alignment vertical="center"/>
    </xf>
    <xf numFmtId="0" fontId="11" fillId="6" borderId="0" applyNumberFormat="0" applyBorder="0" applyAlignment="0" applyProtection="0">
      <alignment vertical="center"/>
    </xf>
    <xf numFmtId="0" fontId="11" fillId="9" borderId="0" applyNumberFormat="0" applyBorder="0" applyAlignment="0" applyProtection="0">
      <alignment vertical="center"/>
    </xf>
    <xf numFmtId="0" fontId="11" fillId="12" borderId="0" applyNumberFormat="0" applyBorder="0" applyAlignment="0" applyProtection="0">
      <alignment vertical="center"/>
    </xf>
    <xf numFmtId="0" fontId="12" fillId="13" borderId="0" applyNumberFormat="0" applyBorder="0" applyAlignment="0" applyProtection="0">
      <alignment vertical="center"/>
    </xf>
    <xf numFmtId="0" fontId="12" fillId="10" borderId="0" applyNumberFormat="0" applyBorder="0" applyAlignment="0" applyProtection="0">
      <alignment vertical="center"/>
    </xf>
    <xf numFmtId="0" fontId="12" fillId="11" borderId="0" applyNumberFormat="0" applyBorder="0" applyAlignment="0" applyProtection="0">
      <alignment vertical="center"/>
    </xf>
    <xf numFmtId="0" fontId="12" fillId="14" borderId="0" applyNumberFormat="0" applyBorder="0" applyAlignment="0" applyProtection="0">
      <alignment vertical="center"/>
    </xf>
    <xf numFmtId="0" fontId="12" fillId="15" borderId="0" applyNumberFormat="0" applyBorder="0" applyAlignment="0" applyProtection="0">
      <alignment vertical="center"/>
    </xf>
    <xf numFmtId="0" fontId="12" fillId="16" borderId="0" applyNumberFormat="0" applyBorder="0" applyAlignment="0" applyProtection="0">
      <alignment vertical="center"/>
    </xf>
    <xf numFmtId="0" fontId="14" fillId="0" borderId="0" applyNumberFormat="0" applyFill="0" applyBorder="0" applyAlignment="0" applyProtection="0"/>
    <xf numFmtId="0" fontId="56" fillId="0" borderId="0" applyNumberFormat="0" applyFill="0" applyBorder="0" applyAlignment="0" applyProtection="0"/>
    <xf numFmtId="0" fontId="37" fillId="0" borderId="0" applyNumberFormat="0" applyFill="0" applyBorder="0" applyAlignment="0" applyProtection="0"/>
    <xf numFmtId="180" fontId="5" fillId="0" borderId="0" applyFill="0" applyBorder="0" applyAlignment="0"/>
    <xf numFmtId="187" fontId="5" fillId="0" borderId="0" applyFill="0" applyBorder="0" applyAlignment="0"/>
    <xf numFmtId="186" fontId="5" fillId="0" borderId="0" applyFill="0" applyBorder="0" applyAlignment="0"/>
    <xf numFmtId="0" fontId="14" fillId="0" borderId="0" applyFill="0" applyBorder="0" applyAlignment="0"/>
    <xf numFmtId="0" fontId="14" fillId="0" borderId="0" applyFill="0" applyBorder="0" applyAlignment="0"/>
    <xf numFmtId="186" fontId="5" fillId="0" borderId="0" applyFill="0" applyBorder="0" applyAlignment="0"/>
    <xf numFmtId="0" fontId="14" fillId="0" borderId="0" applyFill="0" applyBorder="0" applyAlignment="0"/>
    <xf numFmtId="187" fontId="5" fillId="0" borderId="0" applyFill="0" applyBorder="0" applyAlignment="0"/>
    <xf numFmtId="0" fontId="14" fillId="0" borderId="0" applyFont="0" applyFill="0" applyBorder="0" applyAlignment="0" applyProtection="0"/>
    <xf numFmtId="186" fontId="5" fillId="0" borderId="0" applyFont="0" applyFill="0" applyBorder="0" applyAlignment="0" applyProtection="0"/>
    <xf numFmtId="188" fontId="14" fillId="0" borderId="0" applyFont="0" applyFill="0" applyBorder="0" applyAlignment="0" applyProtection="0"/>
    <xf numFmtId="0" fontId="55" fillId="0" borderId="0" applyNumberFormat="0" applyFont="0" applyBorder="0" applyAlignment="0" applyProtection="0"/>
    <xf numFmtId="0" fontId="14" fillId="0" borderId="0" applyFont="0" applyFill="0" applyBorder="0" applyAlignment="0" applyProtection="0"/>
    <xf numFmtId="187" fontId="5" fillId="0" borderId="0" applyFont="0" applyFill="0" applyBorder="0" applyAlignment="0" applyProtection="0"/>
    <xf numFmtId="0" fontId="14" fillId="0" borderId="0" applyFont="0" applyFill="0" applyBorder="0" applyAlignment="0" applyProtection="0"/>
    <xf numFmtId="0" fontId="35" fillId="0" borderId="2" applyNumberFormat="0" applyBorder="0">
      <alignment horizontal="centerContinuous"/>
    </xf>
    <xf numFmtId="14" fontId="34" fillId="0" borderId="0" applyFill="0" applyBorder="0" applyAlignment="0"/>
    <xf numFmtId="186" fontId="5" fillId="0" borderId="0" applyFill="0" applyBorder="0" applyAlignment="0"/>
    <xf numFmtId="187" fontId="5" fillId="0" borderId="0" applyFill="0" applyBorder="0" applyAlignment="0"/>
    <xf numFmtId="186" fontId="5" fillId="0" borderId="0" applyFill="0" applyBorder="0" applyAlignment="0"/>
    <xf numFmtId="0" fontId="14" fillId="0" borderId="0" applyFill="0" applyBorder="0" applyAlignment="0"/>
    <xf numFmtId="187" fontId="5" fillId="0" borderId="0" applyFill="0" applyBorder="0" applyAlignment="0"/>
    <xf numFmtId="0" fontId="39" fillId="0" borderId="0">
      <alignment horizontal="left"/>
    </xf>
    <xf numFmtId="0" fontId="36" fillId="0" borderId="0" applyNumberFormat="0" applyFill="0" applyBorder="0" applyAlignment="0" applyProtection="0"/>
    <xf numFmtId="38" fontId="37" fillId="17" borderId="0" applyNumberFormat="0" applyBorder="0" applyAlignment="0" applyProtection="0"/>
    <xf numFmtId="0" fontId="13" fillId="0" borderId="3" applyNumberFormat="0" applyAlignment="0" applyProtection="0">
      <alignment horizontal="left" vertical="center"/>
    </xf>
    <xf numFmtId="0" fontId="13" fillId="0" borderId="4">
      <alignment horizontal="left" vertical="center"/>
    </xf>
    <xf numFmtId="0" fontId="38" fillId="0" borderId="0" applyNumberFormat="0" applyFill="0" applyBorder="0" applyAlignment="0" applyProtection="0">
      <alignment vertical="top"/>
      <protection locked="0"/>
    </xf>
    <xf numFmtId="10" fontId="37" fillId="18" borderId="5" applyNumberFormat="0" applyBorder="0" applyAlignment="0" applyProtection="0"/>
    <xf numFmtId="186" fontId="5" fillId="0" borderId="0" applyFill="0" applyBorder="0" applyAlignment="0"/>
    <xf numFmtId="187" fontId="5" fillId="0" borderId="0" applyFill="0" applyBorder="0" applyAlignment="0"/>
    <xf numFmtId="186" fontId="5" fillId="0" borderId="0" applyFill="0" applyBorder="0" applyAlignment="0"/>
    <xf numFmtId="0" fontId="14" fillId="0" borderId="0" applyFill="0" applyBorder="0" applyAlignment="0"/>
    <xf numFmtId="187" fontId="5" fillId="0" borderId="0" applyFill="0" applyBorder="0" applyAlignment="0"/>
    <xf numFmtId="0" fontId="54" fillId="0" borderId="0" applyNumberFormat="0" applyFill="0" applyBorder="0" applyAlignment="0" applyProtection="0"/>
    <xf numFmtId="0" fontId="55" fillId="0" borderId="0" applyNumberFormat="0" applyFill="0" applyBorder="0" applyAlignment="0" applyProtection="0"/>
    <xf numFmtId="2" fontId="39" fillId="19" borderId="0"/>
    <xf numFmtId="0" fontId="57" fillId="0" borderId="0" applyBorder="0"/>
    <xf numFmtId="189" fontId="8" fillId="0" borderId="0"/>
    <xf numFmtId="0" fontId="14" fillId="0" borderId="0"/>
    <xf numFmtId="179" fontId="40" fillId="0" borderId="0" applyFont="0" applyFill="0" applyBorder="0" applyAlignment="0" applyProtection="0"/>
    <xf numFmtId="177" fontId="40" fillId="0" borderId="0" applyFont="0" applyFill="0" applyBorder="0" applyAlignment="0" applyProtection="0"/>
    <xf numFmtId="0" fontId="14" fillId="0" borderId="0" applyFont="0" applyFill="0" applyBorder="0" applyAlignment="0" applyProtection="0"/>
    <xf numFmtId="188" fontId="14" fillId="0" borderId="0" applyFont="0" applyFill="0" applyBorder="0" applyAlignment="0" applyProtection="0"/>
    <xf numFmtId="10" fontId="14" fillId="0" borderId="0" applyFont="0" applyFill="0" applyBorder="0" applyAlignment="0" applyProtection="0"/>
    <xf numFmtId="0" fontId="14" fillId="0" borderId="0" applyFont="0" applyFill="0" applyBorder="0" applyAlignment="0" applyProtection="0"/>
    <xf numFmtId="186" fontId="5" fillId="0" borderId="0" applyFill="0" applyBorder="0" applyAlignment="0"/>
    <xf numFmtId="187" fontId="5" fillId="0" borderId="0" applyFill="0" applyBorder="0" applyAlignment="0"/>
    <xf numFmtId="186" fontId="5" fillId="0" borderId="0" applyFill="0" applyBorder="0" applyAlignment="0"/>
    <xf numFmtId="0" fontId="14" fillId="0" borderId="0" applyFill="0" applyBorder="0" applyAlignment="0"/>
    <xf numFmtId="187" fontId="5" fillId="0" borderId="0" applyFill="0" applyBorder="0" applyAlignment="0"/>
    <xf numFmtId="4" fontId="39" fillId="0" borderId="0">
      <alignment horizontal="right"/>
    </xf>
    <xf numFmtId="4" fontId="58" fillId="0" borderId="0">
      <alignment horizontal="right"/>
    </xf>
    <xf numFmtId="0" fontId="59" fillId="0" borderId="0">
      <alignment horizontal="left"/>
    </xf>
    <xf numFmtId="0" fontId="48" fillId="0" borderId="0"/>
    <xf numFmtId="0" fontId="30" fillId="0" borderId="0"/>
    <xf numFmtId="0" fontId="48" fillId="0" borderId="0"/>
    <xf numFmtId="0" fontId="30" fillId="0" borderId="0"/>
    <xf numFmtId="0" fontId="48" fillId="0" borderId="0"/>
    <xf numFmtId="0" fontId="30" fillId="0" borderId="0"/>
    <xf numFmtId="0" fontId="48" fillId="0" borderId="0"/>
    <xf numFmtId="0" fontId="30" fillId="0" borderId="0"/>
    <xf numFmtId="0" fontId="48" fillId="0" borderId="0"/>
    <xf numFmtId="0" fontId="30" fillId="0" borderId="0"/>
    <xf numFmtId="0" fontId="48" fillId="0" borderId="0"/>
    <xf numFmtId="0" fontId="30" fillId="0" borderId="0"/>
    <xf numFmtId="0" fontId="48" fillId="0" borderId="0"/>
    <xf numFmtId="0" fontId="30" fillId="0" borderId="0"/>
    <xf numFmtId="0" fontId="48" fillId="0" borderId="0"/>
    <xf numFmtId="0" fontId="30" fillId="0" borderId="0"/>
    <xf numFmtId="0" fontId="60" fillId="20" borderId="0"/>
    <xf numFmtId="0" fontId="60" fillId="20" borderId="0"/>
    <xf numFmtId="0" fontId="60" fillId="20" borderId="0"/>
    <xf numFmtId="0" fontId="60" fillId="20" borderId="0"/>
    <xf numFmtId="0" fontId="60" fillId="20" borderId="0"/>
    <xf numFmtId="0" fontId="60" fillId="20" borderId="0"/>
    <xf numFmtId="0" fontId="60" fillId="20" borderId="0"/>
    <xf numFmtId="0" fontId="60" fillId="20" borderId="0"/>
    <xf numFmtId="0" fontId="41" fillId="0" borderId="0"/>
    <xf numFmtId="49" fontId="34" fillId="0" borderId="0" applyFill="0" applyBorder="0" applyAlignment="0"/>
    <xf numFmtId="0" fontId="14" fillId="0" borderId="0" applyFill="0" applyBorder="0" applyAlignment="0"/>
    <xf numFmtId="0" fontId="14" fillId="0" borderId="0" applyFill="0" applyBorder="0" applyAlignment="0"/>
    <xf numFmtId="0" fontId="61" fillId="0" borderId="0">
      <alignment horizontal="center"/>
    </xf>
    <xf numFmtId="0" fontId="44" fillId="0" borderId="6" applyNumberFormat="0" applyFill="0" applyBorder="0" applyAlignment="0" applyProtection="0">
      <alignment vertical="center"/>
    </xf>
    <xf numFmtId="190" fontId="40" fillId="0" borderId="0" applyFont="0" applyFill="0" applyBorder="0" applyAlignment="0" applyProtection="0"/>
    <xf numFmtId="181" fontId="40" fillId="0" borderId="0" applyFont="0" applyFill="0" applyBorder="0" applyAlignment="0" applyProtection="0"/>
    <xf numFmtId="0" fontId="12" fillId="21" borderId="0" applyNumberFormat="0" applyBorder="0" applyAlignment="0" applyProtection="0">
      <alignment vertical="center"/>
    </xf>
    <xf numFmtId="0" fontId="12" fillId="22" borderId="0" applyNumberFormat="0" applyBorder="0" applyAlignment="0" applyProtection="0">
      <alignment vertical="center"/>
    </xf>
    <xf numFmtId="0" fontId="12" fillId="23" borderId="0" applyNumberFormat="0" applyBorder="0" applyAlignment="0" applyProtection="0">
      <alignment vertical="center"/>
    </xf>
    <xf numFmtId="0" fontId="12" fillId="14" borderId="0" applyNumberFormat="0" applyBorder="0" applyAlignment="0" applyProtection="0">
      <alignment vertical="center"/>
    </xf>
    <xf numFmtId="0" fontId="12" fillId="15" borderId="0" applyNumberFormat="0" applyBorder="0" applyAlignment="0" applyProtection="0">
      <alignment vertical="center"/>
    </xf>
    <xf numFmtId="0" fontId="12" fillId="24" borderId="0" applyNumberFormat="0" applyBorder="0" applyAlignment="0" applyProtection="0">
      <alignment vertical="center"/>
    </xf>
    <xf numFmtId="0" fontId="15" fillId="0" borderId="0" applyNumberFormat="0" applyFill="0" applyBorder="0" applyAlignment="0" applyProtection="0">
      <alignment vertical="center"/>
    </xf>
    <xf numFmtId="0" fontId="16" fillId="25" borderId="7" applyNumberFormat="0" applyAlignment="0" applyProtection="0">
      <alignment vertical="center"/>
    </xf>
    <xf numFmtId="0" fontId="17" fillId="26" borderId="0" applyNumberFormat="0" applyBorder="0" applyAlignment="0" applyProtection="0">
      <alignment vertical="center"/>
    </xf>
    <xf numFmtId="191" fontId="29" fillId="0" borderId="0" applyFont="0" applyFill="0" applyBorder="0" applyAlignment="0" applyProtection="0"/>
    <xf numFmtId="192" fontId="29" fillId="0" borderId="0" applyFont="0" applyFill="0" applyBorder="0" applyAlignment="0" applyProtection="0"/>
    <xf numFmtId="9" fontId="5" fillId="0" borderId="0" applyFont="0" applyFill="0" applyBorder="0" applyAlignment="0" applyProtection="0"/>
    <xf numFmtId="0" fontId="42" fillId="0" borderId="0"/>
    <xf numFmtId="0" fontId="5" fillId="27" borderId="8" applyNumberFormat="0" applyFont="0" applyAlignment="0" applyProtection="0">
      <alignment vertical="center"/>
    </xf>
    <xf numFmtId="41" fontId="14" fillId="0" borderId="0" applyFont="0" applyFill="0" applyBorder="0" applyAlignment="0" applyProtection="0"/>
    <xf numFmtId="4" fontId="42" fillId="0" borderId="0" applyFont="0" applyFill="0" applyBorder="0" applyAlignment="0" applyProtection="0"/>
    <xf numFmtId="0" fontId="18" fillId="0" borderId="9" applyNumberFormat="0" applyFill="0" applyAlignment="0" applyProtection="0">
      <alignment vertical="center"/>
    </xf>
    <xf numFmtId="0" fontId="19" fillId="4" borderId="0" applyNumberFormat="0" applyBorder="0" applyAlignment="0" applyProtection="0">
      <alignment vertical="center"/>
    </xf>
    <xf numFmtId="0" fontId="20" fillId="28" borderId="10" applyNumberFormat="0" applyAlignment="0" applyProtection="0">
      <alignment vertical="center"/>
    </xf>
    <xf numFmtId="0" fontId="21" fillId="0" borderId="0" applyNumberFormat="0" applyFill="0" applyBorder="0" applyAlignment="0" applyProtection="0">
      <alignment vertical="center"/>
    </xf>
    <xf numFmtId="38" fontId="50" fillId="0" borderId="0" applyFont="0" applyFill="0" applyBorder="0" applyAlignment="0" applyProtection="0">
      <alignment vertical="center"/>
    </xf>
    <xf numFmtId="38" fontId="5" fillId="0" borderId="0" applyFont="0" applyFill="0" applyBorder="0" applyAlignment="0" applyProtection="0"/>
    <xf numFmtId="38" fontId="5" fillId="0" borderId="0" applyFont="0" applyFill="0" applyBorder="0" applyAlignment="0" applyProtection="0"/>
    <xf numFmtId="38" fontId="5" fillId="0" borderId="0" applyFont="0" applyFill="0" applyBorder="0" applyAlignment="0" applyProtection="0"/>
    <xf numFmtId="38" fontId="10" fillId="0" borderId="0" applyFont="0" applyFill="0" applyBorder="0" applyAlignment="0" applyProtection="0"/>
    <xf numFmtId="201" fontId="62" fillId="0" borderId="11" applyFill="0" applyBorder="0" applyProtection="0"/>
    <xf numFmtId="3" fontId="33" fillId="0" borderId="0" applyFont="0" applyFill="0" applyBorder="0" applyAlignment="0" applyProtection="0"/>
    <xf numFmtId="0" fontId="33" fillId="0" borderId="1" applyFont="0" applyFill="0" applyBorder="0" applyAlignment="0" applyProtection="0">
      <alignment horizontal="right"/>
    </xf>
    <xf numFmtId="4" fontId="33" fillId="0" borderId="1" applyFont="0" applyFill="0" applyBorder="0" applyAlignment="0" applyProtection="0"/>
    <xf numFmtId="0" fontId="22" fillId="0" borderId="12" applyNumberFormat="0" applyFill="0" applyAlignment="0" applyProtection="0">
      <alignment vertical="center"/>
    </xf>
    <xf numFmtId="0" fontId="23" fillId="0" borderId="13" applyNumberFormat="0" applyFill="0" applyAlignment="0" applyProtection="0">
      <alignment vertical="center"/>
    </xf>
    <xf numFmtId="0" fontId="24" fillId="0" borderId="14" applyNumberFormat="0" applyFill="0" applyAlignment="0" applyProtection="0">
      <alignment vertical="center"/>
    </xf>
    <xf numFmtId="0" fontId="24" fillId="0" borderId="0" applyNumberFormat="0" applyFill="0" applyBorder="0" applyAlignment="0" applyProtection="0">
      <alignment vertical="center"/>
    </xf>
    <xf numFmtId="0" fontId="33" fillId="0" borderId="0" applyNumberFormat="0" applyFill="0" applyBorder="0" applyAlignment="0" applyProtection="0"/>
    <xf numFmtId="0" fontId="63" fillId="0" borderId="0">
      <alignment wrapText="1"/>
    </xf>
    <xf numFmtId="0" fontId="43" fillId="0" borderId="0"/>
    <xf numFmtId="0" fontId="25" fillId="0" borderId="15" applyNumberFormat="0" applyFill="0" applyAlignment="0" applyProtection="0">
      <alignment vertical="center"/>
    </xf>
    <xf numFmtId="0" fontId="44" fillId="0" borderId="0" applyProtection="0">
      <alignment horizontal="center" textRotation="90"/>
    </xf>
    <xf numFmtId="0" fontId="44" fillId="0" borderId="0">
      <alignment horizontal="center" vertical="top" textRotation="90"/>
    </xf>
    <xf numFmtId="0" fontId="44" fillId="0" borderId="0" applyProtection="0">
      <alignment horizontal="center" vertical="center" textRotation="90"/>
    </xf>
    <xf numFmtId="0" fontId="26" fillId="28" borderId="16" applyNumberFormat="0" applyAlignment="0" applyProtection="0">
      <alignment vertical="center"/>
    </xf>
    <xf numFmtId="0" fontId="32" fillId="0" borderId="0">
      <alignment vertical="center"/>
    </xf>
    <xf numFmtId="2" fontId="64" fillId="0" borderId="17">
      <alignment horizontal="center"/>
    </xf>
    <xf numFmtId="0" fontId="27" fillId="0" borderId="0" applyNumberFormat="0" applyFill="0" applyBorder="0" applyAlignment="0" applyProtection="0">
      <alignment vertical="center"/>
    </xf>
    <xf numFmtId="0" fontId="33" fillId="0" borderId="0" applyNumberFormat="0" applyFill="0" applyBorder="0" applyAlignment="0" applyProtection="0">
      <alignment vertical="center"/>
    </xf>
    <xf numFmtId="0" fontId="14" fillId="0" borderId="0" applyFont="0" applyFill="0" applyBorder="0" applyAlignment="0" applyProtection="0"/>
    <xf numFmtId="0" fontId="14" fillId="0" borderId="0" applyFont="0" applyFill="0" applyBorder="0" applyAlignment="0" applyProtection="0"/>
    <xf numFmtId="0" fontId="33" fillId="0" borderId="0" applyNumberFormat="0" applyFill="0" applyBorder="0" applyAlignment="0" applyProtection="0">
      <alignment horizontal="left"/>
    </xf>
    <xf numFmtId="0" fontId="28" fillId="8" borderId="10" applyNumberFormat="0" applyAlignment="0" applyProtection="0">
      <alignment vertical="center"/>
    </xf>
    <xf numFmtId="58" fontId="33" fillId="0" borderId="0" applyFont="0" applyFill="0" applyBorder="0" applyAlignment="0" applyProtection="0"/>
    <xf numFmtId="199" fontId="48" fillId="0" borderId="18" applyNumberFormat="0" applyFont="0" applyAlignment="0" applyProtection="0"/>
    <xf numFmtId="183" fontId="33" fillId="0" borderId="1" applyFont="0" applyFill="0" applyBorder="0" applyAlignment="0" applyProtection="0"/>
    <xf numFmtId="0" fontId="5" fillId="0" borderId="0"/>
    <xf numFmtId="0" fontId="5" fillId="0" borderId="0"/>
    <xf numFmtId="0" fontId="10" fillId="0" borderId="0"/>
    <xf numFmtId="0" fontId="10" fillId="0" borderId="0"/>
    <xf numFmtId="0" fontId="5" fillId="0" borderId="0"/>
    <xf numFmtId="182" fontId="10" fillId="0" borderId="0"/>
    <xf numFmtId="0" fontId="5" fillId="0" borderId="19" applyNumberFormat="0" applyBorder="0"/>
    <xf numFmtId="0" fontId="29" fillId="0" borderId="0"/>
    <xf numFmtId="0" fontId="30" fillId="0" borderId="0"/>
    <xf numFmtId="0" fontId="31" fillId="5" borderId="0" applyNumberFormat="0" applyBorder="0" applyAlignment="0" applyProtection="0">
      <alignment vertical="center"/>
    </xf>
    <xf numFmtId="38" fontId="11" fillId="0" borderId="0" applyFont="0" applyFill="0" applyBorder="0" applyAlignment="0" applyProtection="0">
      <alignment vertical="center"/>
    </xf>
    <xf numFmtId="0" fontId="73" fillId="0" borderId="0"/>
    <xf numFmtId="40" fontId="75" fillId="0" borderId="0" applyFont="0" applyFill="0" applyBorder="0" applyAlignment="0" applyProtection="0"/>
    <xf numFmtId="8" fontId="75" fillId="0" borderId="0" applyFont="0" applyFill="0" applyBorder="0" applyAlignment="0" applyProtection="0"/>
    <xf numFmtId="0" fontId="43" fillId="0" borderId="74" applyNumberFormat="0" applyFont="0" applyFill="0" applyAlignment="0" applyProtection="0"/>
    <xf numFmtId="38" fontId="33" fillId="0" borderId="0">
      <alignment vertical="center"/>
      <protection hidden="1"/>
    </xf>
    <xf numFmtId="180" fontId="5" fillId="0" borderId="0" applyFill="0" applyBorder="0" applyAlignment="0"/>
    <xf numFmtId="180" fontId="5" fillId="0" borderId="0" applyFill="0" applyBorder="0" applyAlignment="0"/>
    <xf numFmtId="0" fontId="76" fillId="0" borderId="0" applyNumberFormat="0" applyFont="0" applyFill="0" applyBorder="0" applyAlignment="0" applyProtection="0">
      <alignment horizontal="left"/>
    </xf>
    <xf numFmtId="0" fontId="77" fillId="0" borderId="40">
      <alignment horizontal="center"/>
    </xf>
    <xf numFmtId="0" fontId="48" fillId="0" borderId="0"/>
    <xf numFmtId="0" fontId="48" fillId="0" borderId="0"/>
    <xf numFmtId="0" fontId="76" fillId="0" borderId="0"/>
    <xf numFmtId="0" fontId="10" fillId="0" borderId="36" applyNumberFormat="0" applyFill="0" applyBorder="0" applyAlignment="0" applyProtection="0">
      <alignment horizontal="distributed" vertical="center" justifyLastLine="1"/>
    </xf>
    <xf numFmtId="0" fontId="74" fillId="29" borderId="0" applyNumberFormat="0" applyBorder="0" applyAlignment="0" applyProtection="0">
      <alignment vertical="center"/>
    </xf>
    <xf numFmtId="0" fontId="78" fillId="0" borderId="72" applyFill="0" applyBorder="0" applyProtection="0">
      <alignment horizontal="left"/>
    </xf>
    <xf numFmtId="213" fontId="44" fillId="0" borderId="0" applyFill="0" applyBorder="0" applyAlignment="0" applyProtection="0">
      <alignment vertical="center"/>
    </xf>
    <xf numFmtId="0" fontId="79" fillId="30" borderId="0">
      <alignment horizontal="right" vertical="top"/>
    </xf>
    <xf numFmtId="0" fontId="74" fillId="29" borderId="0" applyNumberFormat="0" applyBorder="0" applyAlignment="0" applyProtection="0"/>
    <xf numFmtId="214" fontId="8" fillId="19" borderId="22" applyFont="0" applyFill="0" applyBorder="0" applyAlignment="0" applyProtection="0">
      <protection locked="0"/>
    </xf>
    <xf numFmtId="198" fontId="7" fillId="0" borderId="51"/>
    <xf numFmtId="38" fontId="5" fillId="0" borderId="0" applyFont="0" applyFill="0" applyBorder="0" applyAlignment="0" applyProtection="0">
      <alignment vertical="center"/>
    </xf>
    <xf numFmtId="215" fontId="33" fillId="0" borderId="39">
      <protection locked="0"/>
    </xf>
    <xf numFmtId="215" fontId="33" fillId="0" borderId="39">
      <protection locked="0"/>
    </xf>
    <xf numFmtId="216" fontId="33" fillId="0" borderId="39">
      <protection locked="0"/>
    </xf>
    <xf numFmtId="0" fontId="30" fillId="0" borderId="76">
      <alignment horizontal="center"/>
    </xf>
    <xf numFmtId="217" fontId="57" fillId="0" borderId="0" applyFill="0" applyBorder="0" applyProtection="0">
      <alignment vertical="center"/>
    </xf>
    <xf numFmtId="218" fontId="78" fillId="0" borderId="0" applyFill="0" applyBorder="0" applyProtection="0">
      <alignment vertical="center"/>
    </xf>
    <xf numFmtId="219" fontId="78" fillId="0" borderId="0" applyFill="0" applyBorder="0" applyProtection="0">
      <alignment vertical="center"/>
    </xf>
    <xf numFmtId="220" fontId="78" fillId="0" borderId="0" applyFill="0" applyBorder="0" applyProtection="0">
      <alignment vertical="center"/>
    </xf>
    <xf numFmtId="0" fontId="8" fillId="0" borderId="0" applyFill="0" applyBorder="0" applyProtection="0">
      <alignment horizontal="center" vertical="center"/>
    </xf>
    <xf numFmtId="42" fontId="44" fillId="0" borderId="0" applyFill="0" applyBorder="0" applyAlignment="0" applyProtection="0">
      <alignment horizontal="center" vertical="center"/>
    </xf>
    <xf numFmtId="209" fontId="80" fillId="30" borderId="77">
      <alignment horizontal="right"/>
    </xf>
    <xf numFmtId="0" fontId="60" fillId="0" borderId="0" applyNumberFormat="0" applyFont="0" applyBorder="0" applyAlignment="0" applyProtection="0"/>
    <xf numFmtId="0" fontId="55" fillId="0" borderId="0" applyFill="0" applyBorder="0" applyProtection="0">
      <alignment vertical="center"/>
    </xf>
    <xf numFmtId="0" fontId="81" fillId="0" borderId="0" applyFill="0" applyBorder="0" applyProtection="0">
      <alignment vertical="center"/>
    </xf>
    <xf numFmtId="0" fontId="82" fillId="0" borderId="0" applyFill="0" applyBorder="0" applyProtection="0"/>
    <xf numFmtId="0" fontId="83" fillId="0" borderId="0" applyFill="0" applyBorder="0" applyProtection="0">
      <alignment horizontal="left"/>
    </xf>
    <xf numFmtId="0" fontId="84" fillId="0" borderId="75" applyFill="0" applyBorder="0" applyProtection="0">
      <alignment horizontal="left" vertical="center"/>
    </xf>
    <xf numFmtId="6" fontId="5" fillId="0" borderId="0" applyFont="0" applyFill="0" applyBorder="0" applyAlignment="0" applyProtection="0"/>
    <xf numFmtId="0" fontId="5" fillId="0" borderId="0"/>
    <xf numFmtId="0" fontId="5" fillId="0" borderId="0"/>
    <xf numFmtId="0" fontId="5" fillId="0" borderId="0"/>
    <xf numFmtId="0" fontId="5" fillId="0" borderId="0"/>
    <xf numFmtId="0" fontId="33" fillId="0" borderId="0" applyProtection="0">
      <alignment horizontal="center"/>
    </xf>
    <xf numFmtId="221" fontId="5" fillId="0" borderId="0"/>
    <xf numFmtId="221" fontId="3" fillId="0" borderId="0">
      <alignment vertical="center"/>
    </xf>
    <xf numFmtId="0" fontId="29" fillId="0" borderId="0"/>
    <xf numFmtId="0" fontId="29" fillId="0" borderId="0"/>
    <xf numFmtId="0" fontId="29" fillId="0" borderId="0"/>
    <xf numFmtId="0" fontId="5" fillId="0" borderId="0"/>
    <xf numFmtId="0" fontId="5" fillId="0" borderId="0"/>
    <xf numFmtId="0" fontId="5" fillId="0" borderId="0"/>
    <xf numFmtId="0" fontId="85" fillId="0" borderId="0"/>
    <xf numFmtId="0" fontId="33" fillId="0" borderId="0"/>
    <xf numFmtId="0" fontId="10" fillId="0" borderId="0" applyNumberFormat="0" applyBorder="0" applyAlignment="0"/>
    <xf numFmtId="0" fontId="43" fillId="0" borderId="0" applyBorder="0">
      <alignment vertical="center"/>
    </xf>
    <xf numFmtId="38" fontId="87" fillId="0" borderId="0" applyFont="0" applyFill="0" applyBorder="0" applyAlignment="0" applyProtection="0">
      <alignment vertical="center"/>
    </xf>
    <xf numFmtId="38" fontId="11" fillId="0" borderId="0" applyFont="0" applyFill="0" applyBorder="0" applyAlignment="0" applyProtection="0">
      <alignment vertical="center"/>
    </xf>
    <xf numFmtId="0" fontId="44" fillId="0" borderId="0"/>
    <xf numFmtId="0" fontId="5" fillId="0" borderId="0"/>
    <xf numFmtId="38" fontId="10" fillId="0" borderId="0" applyFill="0" applyBorder="0" applyAlignment="0" applyProtection="0"/>
    <xf numFmtId="0" fontId="10" fillId="0" borderId="0" applyFill="0" applyBorder="0"/>
    <xf numFmtId="0" fontId="14" fillId="0" borderId="0" applyNumberFormat="0" applyFill="0" applyBorder="0" applyAlignment="0" applyProtection="0"/>
    <xf numFmtId="0" fontId="10" fillId="0" borderId="0" applyNumberFormat="0" applyFill="0" applyBorder="0" applyAlignment="0" applyProtection="0"/>
    <xf numFmtId="0" fontId="89" fillId="0" borderId="0"/>
    <xf numFmtId="224" fontId="10" fillId="0" borderId="0" applyFill="0" applyBorder="0" applyAlignment="0" applyProtection="0"/>
    <xf numFmtId="0" fontId="10" fillId="0" borderId="81">
      <alignment horizontal="center"/>
    </xf>
    <xf numFmtId="225" fontId="10" fillId="0" borderId="0"/>
    <xf numFmtId="225" fontId="10" fillId="0" borderId="0"/>
    <xf numFmtId="0" fontId="43" fillId="0" borderId="82"/>
    <xf numFmtId="38" fontId="5" fillId="0" borderId="0" applyFont="0" applyFill="0" applyBorder="0" applyAlignment="0" applyProtection="0"/>
    <xf numFmtId="38" fontId="10" fillId="0" borderId="0" applyFill="0" applyBorder="0" applyAlignment="0" applyProtection="0"/>
    <xf numFmtId="3" fontId="90" fillId="0" borderId="0" applyBorder="0">
      <alignment vertical="center"/>
    </xf>
    <xf numFmtId="3" fontId="90" fillId="0" borderId="80">
      <alignment vertical="center"/>
    </xf>
    <xf numFmtId="3" fontId="90" fillId="0" borderId="83">
      <alignment vertical="center"/>
    </xf>
    <xf numFmtId="3" fontId="90" fillId="0" borderId="84">
      <alignment vertical="center"/>
    </xf>
    <xf numFmtId="0" fontId="5" fillId="0" borderId="0" applyNumberFormat="0" applyBorder="0" applyAlignment="0"/>
    <xf numFmtId="226" fontId="10" fillId="0" borderId="0" applyFill="0" applyBorder="0" applyAlignment="0" applyProtection="0"/>
    <xf numFmtId="227" fontId="10" fillId="0" borderId="0" applyFill="0" applyBorder="0" applyAlignment="0" applyProtection="0"/>
    <xf numFmtId="0" fontId="5" fillId="0" borderId="0"/>
    <xf numFmtId="0" fontId="5" fillId="0" borderId="0"/>
    <xf numFmtId="0" fontId="87" fillId="0" borderId="0">
      <alignment vertical="center"/>
    </xf>
    <xf numFmtId="0" fontId="87" fillId="0" borderId="0">
      <alignment vertical="center"/>
    </xf>
    <xf numFmtId="228" fontId="10" fillId="0" borderId="0"/>
    <xf numFmtId="0" fontId="91" fillId="0" borderId="0"/>
    <xf numFmtId="0" fontId="5" fillId="0" borderId="0">
      <alignment vertical="center"/>
    </xf>
    <xf numFmtId="38" fontId="29" fillId="0" borderId="0" applyFont="0" applyFill="0" applyBorder="0" applyAlignment="0" applyProtection="0"/>
    <xf numFmtId="221" fontId="2" fillId="0" borderId="0">
      <alignment vertical="center"/>
    </xf>
    <xf numFmtId="0" fontId="5" fillId="0" borderId="0">
      <alignment vertical="center"/>
    </xf>
    <xf numFmtId="38" fontId="5" fillId="0" borderId="0" applyFont="0" applyFill="0" applyBorder="0" applyAlignment="0" applyProtection="0">
      <alignment vertical="center"/>
    </xf>
    <xf numFmtId="38" fontId="87" fillId="0" borderId="0" applyFont="0" applyFill="0" applyBorder="0" applyAlignment="0" applyProtection="0">
      <alignment vertical="center"/>
    </xf>
    <xf numFmtId="38" fontId="11" fillId="0" borderId="0" applyFont="0" applyFill="0" applyBorder="0" applyAlignment="0" applyProtection="0">
      <alignment vertical="center"/>
    </xf>
    <xf numFmtId="38" fontId="11" fillId="0" borderId="0" applyFont="0" applyFill="0" applyBorder="0" applyAlignment="0" applyProtection="0">
      <alignment vertical="center"/>
    </xf>
    <xf numFmtId="3" fontId="90" fillId="0" borderId="51" applyBorder="0">
      <alignment vertical="center"/>
    </xf>
    <xf numFmtId="3" fontId="90" fillId="0" borderId="51">
      <alignment vertical="center"/>
    </xf>
    <xf numFmtId="3" fontId="90" fillId="0" borderId="79">
      <alignment vertical="center"/>
    </xf>
    <xf numFmtId="3" fontId="90" fillId="0" borderId="88">
      <alignment vertical="center"/>
    </xf>
    <xf numFmtId="0" fontId="44" fillId="0" borderId="75"/>
    <xf numFmtId="221" fontId="2" fillId="0" borderId="0">
      <alignment vertical="center"/>
    </xf>
    <xf numFmtId="0" fontId="87" fillId="0" borderId="0">
      <alignment vertical="center"/>
    </xf>
    <xf numFmtId="229" fontId="14" fillId="0" borderId="0" applyFont="0" applyFill="0" applyBorder="0" applyAlignment="0" applyProtection="0"/>
    <xf numFmtId="230" fontId="14" fillId="0" borderId="0" applyFont="0" applyFill="0" applyBorder="0" applyAlignment="0" applyProtection="0"/>
    <xf numFmtId="38" fontId="33" fillId="0" borderId="0" applyFont="0" applyFill="0" applyBorder="0" applyAlignment="0" applyProtection="0"/>
    <xf numFmtId="9" fontId="70" fillId="0" borderId="0" applyFont="0" applyFill="0" applyBorder="0" applyAlignment="0" applyProtection="0"/>
    <xf numFmtId="38" fontId="70" fillId="0" borderId="0" applyFont="0" applyFill="0" applyBorder="0" applyAlignment="0" applyProtection="0"/>
    <xf numFmtId="0" fontId="70" fillId="0" borderId="0"/>
    <xf numFmtId="178" fontId="93" fillId="0" borderId="0" applyFont="0" applyFill="0" applyBorder="0" applyAlignment="0" applyProtection="0"/>
    <xf numFmtId="231" fontId="93" fillId="0" borderId="0" applyFont="0" applyFill="0" applyBorder="0" applyAlignment="0" applyProtection="0"/>
    <xf numFmtId="2" fontId="54" fillId="0" borderId="0">
      <alignment vertical="center"/>
    </xf>
    <xf numFmtId="0" fontId="30" fillId="0" borderId="0">
      <alignment horizontal="center"/>
    </xf>
    <xf numFmtId="232" fontId="93" fillId="0" borderId="0" applyFont="0" applyFill="0" applyBorder="0" applyAlignment="0" applyProtection="0"/>
    <xf numFmtId="0" fontId="93" fillId="0" borderId="0" applyFont="0" applyFill="0" applyBorder="0" applyAlignment="0" applyProtection="0"/>
    <xf numFmtId="0" fontId="10" fillId="0" borderId="0">
      <alignment horizontal="distributed" vertical="center"/>
    </xf>
    <xf numFmtId="40" fontId="44" fillId="0" borderId="54">
      <alignment vertical="center"/>
    </xf>
    <xf numFmtId="0" fontId="94" fillId="0" borderId="0">
      <alignment vertical="center"/>
    </xf>
    <xf numFmtId="0" fontId="49" fillId="0" borderId="0">
      <alignment horizontal="center"/>
    </xf>
    <xf numFmtId="210" fontId="5" fillId="0" borderId="0" applyFont="0" applyFill="0" applyBorder="0" applyAlignment="0" applyProtection="0">
      <alignment vertical="center"/>
    </xf>
    <xf numFmtId="210" fontId="10" fillId="0" borderId="0" applyFont="0" applyFill="0" applyBorder="0" applyAlignment="0" applyProtection="0">
      <alignment vertical="center"/>
    </xf>
    <xf numFmtId="222" fontId="5" fillId="0" borderId="0" applyFont="0" applyFill="0" applyBorder="0" applyAlignment="0" applyProtection="0">
      <alignment vertical="center"/>
    </xf>
    <xf numFmtId="222" fontId="10" fillId="0" borderId="0" applyFont="0" applyFill="0" applyBorder="0" applyAlignment="0" applyProtection="0">
      <alignment vertical="center"/>
    </xf>
    <xf numFmtId="233" fontId="5" fillId="0" borderId="0" applyFont="0" applyFill="0" applyBorder="0" applyAlignment="0" applyProtection="0">
      <alignment vertical="center"/>
    </xf>
    <xf numFmtId="233" fontId="10" fillId="0" borderId="0" applyFont="0" applyFill="0" applyBorder="0" applyAlignment="0" applyProtection="0">
      <alignment vertical="center"/>
    </xf>
    <xf numFmtId="234" fontId="5" fillId="0" borderId="0" applyFont="0" applyFill="0" applyBorder="0" applyAlignment="0" applyProtection="0">
      <alignment vertical="center"/>
    </xf>
    <xf numFmtId="234" fontId="10" fillId="0" borderId="0" applyFont="0" applyFill="0" applyBorder="0" applyAlignment="0" applyProtection="0"/>
    <xf numFmtId="176" fontId="10" fillId="0" borderId="0" applyFont="0" applyFill="0" applyBorder="0" applyAlignment="0" applyProtection="0">
      <alignment vertical="center"/>
    </xf>
    <xf numFmtId="0" fontId="67" fillId="0" borderId="0">
      <alignment horizontal="center" vertical="center"/>
    </xf>
    <xf numFmtId="0" fontId="8" fillId="0" borderId="5">
      <alignment horizontal="left" vertical="center"/>
    </xf>
    <xf numFmtId="37" fontId="29" fillId="20" borderId="86"/>
    <xf numFmtId="178" fontId="95" fillId="33" borderId="54" applyNumberFormat="0" applyBorder="0" applyAlignment="0">
      <protection locked="0"/>
    </xf>
    <xf numFmtId="0" fontId="95" fillId="33" borderId="0" applyNumberFormat="0" applyBorder="0" applyAlignment="0">
      <protection locked="0"/>
    </xf>
    <xf numFmtId="178" fontId="95" fillId="33" borderId="89" applyBorder="0" applyAlignment="0">
      <protection locked="0"/>
    </xf>
    <xf numFmtId="176" fontId="74" fillId="31" borderId="0" applyNumberFormat="0" applyBorder="0" applyAlignment="0">
      <alignment vertical="center"/>
      <protection locked="0"/>
    </xf>
    <xf numFmtId="0" fontId="44" fillId="0" borderId="0"/>
    <xf numFmtId="0" fontId="96" fillId="34" borderId="5">
      <alignment horizontal="center" vertical="center"/>
      <protection locked="0"/>
    </xf>
    <xf numFmtId="49" fontId="43" fillId="0" borderId="5" applyFont="0" applyFill="0" applyBorder="0" applyAlignment="0" applyProtection="0"/>
    <xf numFmtId="176" fontId="10" fillId="0" borderId="0" applyNumberFormat="0" applyFont="0" applyBorder="0" applyAlignment="0">
      <alignment vertical="center"/>
    </xf>
    <xf numFmtId="0" fontId="86" fillId="0" borderId="75" applyNumberFormat="0" applyFont="0" applyAlignment="0"/>
    <xf numFmtId="0" fontId="102" fillId="0" borderId="0"/>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38" fontId="11" fillId="0" borderId="0" applyFont="0" applyFill="0" applyBorder="0" applyAlignment="0" applyProtection="0">
      <alignment vertical="center"/>
    </xf>
    <xf numFmtId="0" fontId="11" fillId="0" borderId="0">
      <alignment vertical="center"/>
    </xf>
    <xf numFmtId="0" fontId="43" fillId="0" borderId="0"/>
    <xf numFmtId="0" fontId="10" fillId="0" borderId="0"/>
    <xf numFmtId="0" fontId="30" fillId="0" borderId="0"/>
    <xf numFmtId="221" fontId="5" fillId="0" borderId="0"/>
    <xf numFmtId="0" fontId="5" fillId="0" borderId="0">
      <alignment vertical="center"/>
    </xf>
    <xf numFmtId="0" fontId="5" fillId="0" borderId="0">
      <alignment vertical="center"/>
    </xf>
  </cellStyleXfs>
  <cellXfs count="755">
    <xf numFmtId="0" fontId="0" fillId="0" borderId="0" xfId="0">
      <alignment vertical="center"/>
    </xf>
    <xf numFmtId="0" fontId="45" fillId="0" borderId="21" xfId="0" applyFont="1" applyBorder="1" applyAlignment="1" applyProtection="1">
      <alignment vertical="center"/>
      <protection locked="0"/>
    </xf>
    <xf numFmtId="0" fontId="45" fillId="0" borderId="22" xfId="0" applyFont="1" applyBorder="1" applyAlignment="1" applyProtection="1">
      <alignment vertical="center"/>
      <protection locked="0"/>
    </xf>
    <xf numFmtId="0" fontId="45" fillId="0" borderId="22" xfId="0" applyFont="1" applyBorder="1" applyAlignment="1" applyProtection="1">
      <alignment horizontal="center" vertical="center"/>
      <protection locked="0"/>
    </xf>
    <xf numFmtId="0" fontId="45" fillId="0" borderId="24" xfId="0" applyFont="1" applyBorder="1" applyAlignment="1" applyProtection="1">
      <alignment vertical="center"/>
      <protection locked="0"/>
    </xf>
    <xf numFmtId="0" fontId="45" fillId="0" borderId="25" xfId="0" applyFont="1" applyBorder="1" applyAlignment="1" applyProtection="1">
      <alignment vertical="center"/>
      <protection locked="0"/>
    </xf>
    <xf numFmtId="0" fontId="45" fillId="0" borderId="25" xfId="0" applyFont="1" applyBorder="1" applyAlignment="1" applyProtection="1">
      <alignment horizontal="center" vertical="center"/>
      <protection locked="0"/>
    </xf>
    <xf numFmtId="0" fontId="45" fillId="0" borderId="27" xfId="0" applyFont="1" applyBorder="1" applyAlignment="1" applyProtection="1">
      <protection locked="0"/>
    </xf>
    <xf numFmtId="0" fontId="45" fillId="0" borderId="27" xfId="0" applyFont="1" applyBorder="1" applyAlignment="1" applyProtection="1">
      <alignment horizontal="center"/>
      <protection locked="0"/>
    </xf>
    <xf numFmtId="0" fontId="45" fillId="0" borderId="29" xfId="0" applyFont="1" applyBorder="1" applyAlignment="1" applyProtection="1">
      <alignment vertical="center"/>
      <protection locked="0"/>
    </xf>
    <xf numFmtId="0" fontId="45" fillId="0" borderId="30" xfId="0" applyFont="1" applyBorder="1" applyAlignment="1" applyProtection="1">
      <alignment vertical="center"/>
      <protection locked="0"/>
    </xf>
    <xf numFmtId="0" fontId="45" fillId="0" borderId="31" xfId="0" applyFont="1" applyBorder="1" applyAlignment="1" applyProtection="1">
      <protection locked="0"/>
    </xf>
    <xf numFmtId="0" fontId="45" fillId="0" borderId="31" xfId="0" applyFont="1" applyBorder="1" applyAlignment="1" applyProtection="1">
      <alignment horizontal="right"/>
      <protection locked="0"/>
    </xf>
    <xf numFmtId="0" fontId="45" fillId="0" borderId="24" xfId="0" applyFont="1" applyBorder="1" applyAlignment="1" applyProtection="1">
      <protection locked="0"/>
    </xf>
    <xf numFmtId="0" fontId="47" fillId="0" borderId="24" xfId="0" applyFont="1" applyBorder="1" applyAlignment="1" applyProtection="1">
      <alignment vertical="center"/>
      <protection locked="0"/>
    </xf>
    <xf numFmtId="0" fontId="47" fillId="0" borderId="21" xfId="0" applyFont="1" applyBorder="1" applyAlignment="1" applyProtection="1">
      <alignment vertical="center"/>
      <protection locked="0"/>
    </xf>
    <xf numFmtId="0" fontId="47" fillId="0" borderId="23" xfId="0" applyFont="1" applyBorder="1" applyAlignment="1" applyProtection="1">
      <alignment horizontal="center" vertical="center"/>
      <protection locked="0"/>
    </xf>
    <xf numFmtId="0" fontId="47" fillId="0" borderId="26" xfId="0" applyFont="1" applyBorder="1" applyAlignment="1" applyProtection="1">
      <alignment horizontal="center" vertical="center"/>
      <protection locked="0"/>
    </xf>
    <xf numFmtId="0" fontId="47" fillId="0" borderId="22" xfId="0" applyFont="1" applyBorder="1" applyAlignment="1" applyProtection="1">
      <alignment vertical="center"/>
      <protection locked="0"/>
    </xf>
    <xf numFmtId="0" fontId="47" fillId="0" borderId="22" xfId="0" applyFont="1" applyBorder="1" applyAlignment="1" applyProtection="1">
      <alignment horizontal="center" vertical="center"/>
      <protection locked="0"/>
    </xf>
    <xf numFmtId="0" fontId="47" fillId="0" borderId="25" xfId="0" applyFont="1" applyBorder="1" applyAlignment="1" applyProtection="1">
      <alignment vertical="center"/>
      <protection locked="0"/>
    </xf>
    <xf numFmtId="0" fontId="47" fillId="0" borderId="25" xfId="0" applyFont="1" applyBorder="1" applyAlignment="1" applyProtection="1">
      <alignment horizontal="center" vertical="center"/>
      <protection locked="0"/>
    </xf>
    <xf numFmtId="0" fontId="47" fillId="0" borderId="33" xfId="0" applyFont="1" applyBorder="1" applyAlignment="1" applyProtection="1">
      <protection locked="0"/>
    </xf>
    <xf numFmtId="0" fontId="45" fillId="0" borderId="34" xfId="0" applyFont="1" applyBorder="1" applyAlignment="1" applyProtection="1">
      <protection locked="0"/>
    </xf>
    <xf numFmtId="0" fontId="47" fillId="0" borderId="34" xfId="0" applyFont="1" applyBorder="1" applyAlignment="1" applyProtection="1">
      <protection locked="0"/>
    </xf>
    <xf numFmtId="0" fontId="47" fillId="0" borderId="34" xfId="0" applyFont="1" applyBorder="1" applyAlignment="1" applyProtection="1">
      <alignment horizontal="center"/>
      <protection locked="0"/>
    </xf>
    <xf numFmtId="0" fontId="47" fillId="0" borderId="35" xfId="0" applyFont="1" applyBorder="1" applyAlignment="1" applyProtection="1">
      <protection locked="0"/>
    </xf>
    <xf numFmtId="0" fontId="46" fillId="0" borderId="0" xfId="0" applyFont="1" applyAlignment="1">
      <alignment vertical="center"/>
    </xf>
    <xf numFmtId="0" fontId="47" fillId="0" borderId="0" xfId="0" applyFont="1" applyAlignment="1"/>
    <xf numFmtId="0" fontId="47" fillId="0" borderId="0" xfId="0" applyFont="1" applyAlignment="1">
      <alignment horizontal="center" vertical="center"/>
    </xf>
    <xf numFmtId="0" fontId="5" fillId="0" borderId="0" xfId="0" applyFont="1" applyAlignment="1">
      <alignment horizontal="center" vertical="center"/>
    </xf>
    <xf numFmtId="0" fontId="65" fillId="0" borderId="0" xfId="0" applyFont="1">
      <alignment vertical="center"/>
    </xf>
    <xf numFmtId="0" fontId="0" fillId="0" borderId="0" xfId="0" applyAlignment="1">
      <alignment vertical="center" shrinkToFit="1"/>
    </xf>
    <xf numFmtId="0" fontId="7" fillId="0" borderId="47" xfId="171" applyFont="1" applyFill="1" applyBorder="1" applyAlignment="1">
      <alignment shrinkToFit="1"/>
    </xf>
    <xf numFmtId="0" fontId="7" fillId="0" borderId="48" xfId="171" applyFont="1" applyFill="1" applyBorder="1" applyAlignment="1">
      <alignment shrinkToFit="1"/>
    </xf>
    <xf numFmtId="0" fontId="7" fillId="0" borderId="44" xfId="171" applyFont="1" applyFill="1" applyBorder="1"/>
    <xf numFmtId="0" fontId="7" fillId="0" borderId="45" xfId="171" applyFont="1" applyFill="1" applyBorder="1"/>
    <xf numFmtId="0" fontId="7" fillId="0" borderId="46" xfId="171" applyFont="1" applyFill="1" applyBorder="1"/>
    <xf numFmtId="0" fontId="7" fillId="0" borderId="30" xfId="171" applyFont="1" applyFill="1" applyBorder="1"/>
    <xf numFmtId="0" fontId="7" fillId="0" borderId="0" xfId="171" applyFont="1" applyFill="1" applyBorder="1"/>
    <xf numFmtId="0" fontId="7" fillId="0" borderId="52" xfId="171" applyFont="1" applyFill="1" applyBorder="1"/>
    <xf numFmtId="0" fontId="7" fillId="0" borderId="0" xfId="171" applyFont="1" applyFill="1"/>
    <xf numFmtId="0" fontId="7" fillId="0" borderId="17" xfId="171" applyFont="1" applyFill="1" applyBorder="1" applyAlignment="1">
      <alignment horizontal="center"/>
    </xf>
    <xf numFmtId="0" fontId="7" fillId="0" borderId="53" xfId="171" applyFont="1" applyFill="1" applyBorder="1" applyAlignment="1">
      <alignment horizontal="center"/>
    </xf>
    <xf numFmtId="0" fontId="7" fillId="0" borderId="54" xfId="171" applyFont="1" applyFill="1" applyBorder="1" applyAlignment="1">
      <alignment horizontal="center"/>
    </xf>
    <xf numFmtId="0" fontId="7" fillId="0" borderId="17" xfId="171" applyFont="1" applyFill="1" applyBorder="1"/>
    <xf numFmtId="0" fontId="7" fillId="0" borderId="53" xfId="171" applyFont="1" applyFill="1" applyBorder="1"/>
    <xf numFmtId="0" fontId="7" fillId="0" borderId="54" xfId="171" applyFont="1" applyFill="1" applyBorder="1"/>
    <xf numFmtId="0" fontId="7" fillId="0" borderId="0" xfId="171" applyFont="1" applyFill="1" applyBorder="1" applyAlignment="1">
      <alignment horizontal="left" vertical="center"/>
    </xf>
    <xf numFmtId="0" fontId="7" fillId="0" borderId="45" xfId="171" applyFont="1" applyFill="1" applyBorder="1" applyAlignment="1">
      <alignment horizontal="right"/>
    </xf>
    <xf numFmtId="0" fontId="7" fillId="0" borderId="46" xfId="171" applyFont="1" applyFill="1" applyBorder="1" applyAlignment="1"/>
    <xf numFmtId="0" fontId="7" fillId="0" borderId="30" xfId="171" applyFont="1" applyFill="1" applyBorder="1" applyAlignment="1">
      <alignment shrinkToFit="1"/>
    </xf>
    <xf numFmtId="0" fontId="7" fillId="0" borderId="0" xfId="171" applyFont="1" applyFill="1" applyBorder="1" applyAlignment="1">
      <alignment horizontal="right"/>
    </xf>
    <xf numFmtId="0" fontId="7" fillId="0" borderId="52" xfId="171" applyFont="1" applyFill="1" applyBorder="1" applyAlignment="1"/>
    <xf numFmtId="0" fontId="7" fillId="0" borderId="0" xfId="171" applyFont="1" applyFill="1" applyBorder="1" applyAlignment="1">
      <alignment horizontal="left"/>
    </xf>
    <xf numFmtId="0" fontId="7" fillId="0" borderId="17" xfId="171" applyFont="1" applyFill="1" applyBorder="1" applyAlignment="1"/>
    <xf numFmtId="0" fontId="7" fillId="0" borderId="53" xfId="171" applyFont="1" applyFill="1" applyBorder="1" applyAlignment="1"/>
    <xf numFmtId="0" fontId="7" fillId="0" borderId="54" xfId="171" applyFont="1" applyFill="1" applyBorder="1" applyAlignment="1"/>
    <xf numFmtId="0" fontId="7" fillId="0" borderId="30" xfId="171" applyFont="1" applyFill="1" applyBorder="1" applyAlignment="1"/>
    <xf numFmtId="0" fontId="10" fillId="0" borderId="0" xfId="171" applyFont="1" applyFill="1" applyBorder="1" applyAlignment="1">
      <alignment vertical="top"/>
    </xf>
    <xf numFmtId="0" fontId="10" fillId="0" borderId="0" xfId="171" applyFont="1" applyFill="1" applyBorder="1" applyAlignment="1">
      <alignment horizontal="left" vertical="top"/>
    </xf>
    <xf numFmtId="0" fontId="10" fillId="0" borderId="45" xfId="171" applyFont="1" applyFill="1" applyBorder="1" applyAlignment="1">
      <alignment horizontal="left" vertical="top"/>
    </xf>
    <xf numFmtId="0" fontId="10" fillId="0" borderId="45" xfId="171" applyFont="1" applyFill="1" applyBorder="1" applyAlignment="1">
      <alignment shrinkToFit="1"/>
    </xf>
    <xf numFmtId="0" fontId="5" fillId="0" borderId="45" xfId="171" applyFont="1" applyFill="1" applyBorder="1" applyAlignment="1">
      <alignment shrinkToFit="1"/>
    </xf>
    <xf numFmtId="0" fontId="10" fillId="0" borderId="53" xfId="171" applyFont="1" applyFill="1" applyBorder="1" applyAlignment="1">
      <alignment horizontal="left" vertical="top"/>
    </xf>
    <xf numFmtId="0" fontId="10" fillId="0" borderId="53" xfId="171" applyFont="1" applyFill="1" applyBorder="1" applyAlignment="1">
      <alignment shrinkToFit="1"/>
    </xf>
    <xf numFmtId="0" fontId="5" fillId="0" borderId="53" xfId="171" applyFont="1" applyFill="1" applyBorder="1" applyAlignment="1">
      <alignment shrinkToFit="1"/>
    </xf>
    <xf numFmtId="0" fontId="5" fillId="0" borderId="0" xfId="171" applyFont="1" applyFill="1" applyBorder="1" applyAlignment="1">
      <alignment vertical="top"/>
    </xf>
    <xf numFmtId="0" fontId="5" fillId="0" borderId="52" xfId="171" applyFont="1" applyFill="1" applyBorder="1" applyAlignment="1">
      <alignment vertical="top"/>
    </xf>
    <xf numFmtId="0" fontId="10" fillId="0" borderId="53" xfId="171" applyFont="1" applyFill="1" applyBorder="1" applyAlignment="1"/>
    <xf numFmtId="0" fontId="5" fillId="0" borderId="53" xfId="171" applyFont="1" applyFill="1" applyBorder="1" applyAlignment="1"/>
    <xf numFmtId="0" fontId="5" fillId="0" borderId="0" xfId="171" applyFont="1" applyFill="1" applyBorder="1" applyAlignment="1">
      <alignment horizontal="center"/>
    </xf>
    <xf numFmtId="0" fontId="5" fillId="0" borderId="52" xfId="171" applyFont="1" applyFill="1" applyBorder="1" applyAlignment="1">
      <alignment horizontal="center"/>
    </xf>
    <xf numFmtId="0" fontId="7" fillId="0" borderId="0" xfId="171" applyFont="1" applyFill="1" applyAlignment="1">
      <alignment vertical="top" wrapText="1"/>
    </xf>
    <xf numFmtId="0" fontId="7" fillId="0" borderId="0" xfId="171" applyNumberFormat="1" applyFont="1" applyFill="1" applyBorder="1" applyAlignment="1"/>
    <xf numFmtId="0" fontId="45" fillId="0" borderId="0" xfId="0" applyFont="1" applyAlignment="1">
      <alignment horizontal="center" vertical="center"/>
    </xf>
    <xf numFmtId="0" fontId="45" fillId="0" borderId="0" xfId="0" applyFont="1" applyAlignment="1"/>
    <xf numFmtId="0" fontId="45" fillId="0" borderId="0" xfId="0" applyFont="1" applyFill="1" applyAlignment="1">
      <alignment horizontal="center" vertical="center"/>
    </xf>
    <xf numFmtId="0" fontId="45" fillId="0" borderId="0" xfId="0" applyFont="1" applyFill="1" applyAlignment="1"/>
    <xf numFmtId="0" fontId="47" fillId="0" borderId="26" xfId="0" applyFont="1" applyFill="1" applyBorder="1" applyAlignment="1" applyProtection="1">
      <alignment horizontal="center" vertical="center" shrinkToFit="1"/>
      <protection locked="0"/>
    </xf>
    <xf numFmtId="0" fontId="52" fillId="0" borderId="27" xfId="170" applyFont="1" applyFill="1" applyBorder="1" applyAlignment="1">
      <alignment shrinkToFit="1"/>
    </xf>
    <xf numFmtId="0" fontId="45" fillId="0" borderId="22" xfId="0" applyNumberFormat="1" applyFont="1" applyFill="1" applyBorder="1" applyAlignment="1" applyProtection="1">
      <alignment horizontal="right" vertical="center"/>
      <protection locked="0"/>
    </xf>
    <xf numFmtId="0" fontId="45" fillId="0" borderId="25" xfId="0" applyNumberFormat="1" applyFont="1" applyFill="1" applyBorder="1" applyAlignment="1" applyProtection="1">
      <alignment horizontal="right" vertical="center"/>
      <protection locked="0"/>
    </xf>
    <xf numFmtId="0" fontId="45" fillId="0" borderId="27" xfId="0" applyNumberFormat="1" applyFont="1" applyFill="1" applyBorder="1" applyAlignment="1" applyProtection="1">
      <alignment horizontal="right"/>
      <protection locked="0"/>
    </xf>
    <xf numFmtId="0" fontId="47" fillId="0" borderId="25" xfId="0" applyNumberFormat="1" applyFont="1" applyFill="1" applyBorder="1" applyAlignment="1" applyProtection="1">
      <alignment horizontal="right" vertical="center"/>
      <protection locked="0"/>
    </xf>
    <xf numFmtId="0" fontId="45" fillId="0" borderId="34" xfId="0" applyNumberFormat="1" applyFont="1" applyFill="1" applyBorder="1" applyAlignment="1" applyProtection="1">
      <alignment horizontal="right"/>
      <protection locked="0"/>
    </xf>
    <xf numFmtId="196" fontId="0" fillId="0" borderId="0" xfId="0" applyNumberFormat="1">
      <alignment vertical="center"/>
    </xf>
    <xf numFmtId="0" fontId="45" fillId="0" borderId="34" xfId="0" applyFont="1" applyFill="1" applyBorder="1" applyAlignment="1" applyProtection="1">
      <alignment horizontal="center"/>
      <protection locked="0"/>
    </xf>
    <xf numFmtId="197" fontId="45" fillId="0" borderId="35" xfId="0" applyNumberFormat="1" applyFont="1" applyFill="1" applyBorder="1" applyAlignment="1" applyProtection="1">
      <alignment horizontal="center" shrinkToFit="1"/>
      <protection locked="0"/>
    </xf>
    <xf numFmtId="0" fontId="46" fillId="0" borderId="48" xfId="0" applyFont="1" applyFill="1" applyBorder="1" applyAlignment="1">
      <alignment vertical="center" shrinkToFit="1"/>
    </xf>
    <xf numFmtId="0" fontId="46" fillId="0" borderId="4" xfId="0" applyNumberFormat="1" applyFont="1" applyFill="1" applyBorder="1" applyAlignment="1">
      <alignment horizontal="right" vertical="center"/>
    </xf>
    <xf numFmtId="0" fontId="0" fillId="0" borderId="0" xfId="0" applyNumberFormat="1">
      <alignment vertical="center"/>
    </xf>
    <xf numFmtId="0" fontId="45" fillId="0" borderId="25" xfId="0" applyNumberFormat="1" applyFont="1" applyFill="1" applyBorder="1" applyAlignment="1" applyProtection="1">
      <alignment horizontal="right"/>
      <protection locked="0"/>
    </xf>
    <xf numFmtId="0" fontId="45" fillId="0" borderId="22" xfId="0" applyFont="1" applyFill="1" applyBorder="1" applyAlignment="1" applyProtection="1">
      <alignment horizontal="left" vertical="center"/>
      <protection locked="0"/>
    </xf>
    <xf numFmtId="0" fontId="45" fillId="0" borderId="33" xfId="0" applyFont="1" applyFill="1" applyBorder="1" applyAlignment="1" applyProtection="1">
      <protection locked="0"/>
    </xf>
    <xf numFmtId="0" fontId="45" fillId="0" borderId="35" xfId="0" applyFont="1" applyFill="1" applyBorder="1" applyAlignment="1" applyProtection="1">
      <alignment horizontal="center" shrinkToFit="1"/>
      <protection locked="0"/>
    </xf>
    <xf numFmtId="0" fontId="46" fillId="0" borderId="47" xfId="0" applyFont="1" applyFill="1" applyBorder="1" applyAlignment="1">
      <alignment vertical="center"/>
    </xf>
    <xf numFmtId="0" fontId="45" fillId="0" borderId="24" xfId="167" applyFont="1" applyFill="1" applyBorder="1" applyAlignment="1" applyProtection="1">
      <alignment vertical="center"/>
      <protection locked="0"/>
    </xf>
    <xf numFmtId="195" fontId="45" fillId="0" borderId="34" xfId="136" applyNumberFormat="1" applyFont="1" applyBorder="1" applyProtection="1">
      <protection locked="0"/>
    </xf>
    <xf numFmtId="200" fontId="45" fillId="0" borderId="34" xfId="136" applyNumberFormat="1" applyFont="1" applyFill="1" applyBorder="1" applyAlignment="1" applyProtection="1">
      <alignment horizontal="right"/>
      <protection locked="0"/>
    </xf>
    <xf numFmtId="0" fontId="45" fillId="0" borderId="38" xfId="0" applyFont="1" applyFill="1" applyBorder="1" applyAlignment="1" applyProtection="1">
      <alignment horizontal="center" vertical="center"/>
      <protection locked="0"/>
    </xf>
    <xf numFmtId="200" fontId="45" fillId="0" borderId="27" xfId="136" applyNumberFormat="1" applyFont="1" applyFill="1" applyBorder="1" applyAlignment="1" applyProtection="1">
      <alignment horizontal="right"/>
      <protection locked="0"/>
    </xf>
    <xf numFmtId="0" fontId="45" fillId="0" borderId="34" xfId="0" applyFont="1" applyFill="1" applyBorder="1" applyAlignment="1">
      <alignment horizontal="left"/>
    </xf>
    <xf numFmtId="0" fontId="45" fillId="0" borderId="27" xfId="0" applyFont="1" applyFill="1" applyBorder="1" applyAlignment="1" applyProtection="1">
      <alignment vertical="center"/>
      <protection locked="0"/>
    </xf>
    <xf numFmtId="0" fontId="45" fillId="0" borderId="22" xfId="0" applyFont="1" applyFill="1" applyBorder="1" applyAlignment="1">
      <alignment horizontal="center"/>
    </xf>
    <xf numFmtId="0" fontId="45" fillId="0" borderId="28" xfId="0" applyFont="1" applyFill="1" applyBorder="1" applyAlignment="1" applyProtection="1">
      <alignment shrinkToFit="1"/>
      <protection locked="0"/>
    </xf>
    <xf numFmtId="0" fontId="45" fillId="0" borderId="22" xfId="0" applyFont="1" applyBorder="1" applyAlignment="1" applyProtection="1">
      <alignment horizontal="right" vertical="center"/>
      <protection locked="0"/>
    </xf>
    <xf numFmtId="0" fontId="45" fillId="0" borderId="23" xfId="0" applyFont="1" applyBorder="1" applyAlignment="1" applyProtection="1">
      <alignment horizontal="center" vertical="center"/>
      <protection locked="0"/>
    </xf>
    <xf numFmtId="0" fontId="45" fillId="0" borderId="25" xfId="0" applyFont="1" applyBorder="1" applyAlignment="1" applyProtection="1">
      <alignment horizontal="right" vertical="center"/>
      <protection locked="0"/>
    </xf>
    <xf numFmtId="0" fontId="45" fillId="0" borderId="26" xfId="0" applyFont="1" applyBorder="1" applyAlignment="1" applyProtection="1">
      <alignment horizontal="center" vertical="center"/>
      <protection locked="0"/>
    </xf>
    <xf numFmtId="0" fontId="45" fillId="0" borderId="27" xfId="0" applyFont="1" applyBorder="1" applyAlignment="1" applyProtection="1">
      <alignment horizontal="right"/>
      <protection locked="0"/>
    </xf>
    <xf numFmtId="0" fontId="45" fillId="0" borderId="28" xfId="0" applyFont="1" applyBorder="1" applyAlignment="1" applyProtection="1">
      <protection locked="0"/>
    </xf>
    <xf numFmtId="0" fontId="47" fillId="0" borderId="22" xfId="0" applyFont="1" applyBorder="1" applyAlignment="1" applyProtection="1">
      <alignment horizontal="right" vertical="center"/>
      <protection locked="0"/>
    </xf>
    <xf numFmtId="0" fontId="47" fillId="0" borderId="25" xfId="0" applyFont="1" applyBorder="1" applyAlignment="1" applyProtection="1">
      <alignment horizontal="right" vertical="center"/>
      <protection locked="0"/>
    </xf>
    <xf numFmtId="0" fontId="47" fillId="0" borderId="34" xfId="0" applyFont="1" applyBorder="1" applyAlignment="1" applyProtection="1">
      <alignment horizontal="right"/>
      <protection locked="0"/>
    </xf>
    <xf numFmtId="0" fontId="45" fillId="0" borderId="22" xfId="0" applyFont="1" applyFill="1" applyBorder="1" applyAlignment="1" applyProtection="1">
      <alignment vertical="center"/>
      <protection locked="0"/>
    </xf>
    <xf numFmtId="0" fontId="45" fillId="0" borderId="25" xfId="0" applyFont="1" applyFill="1" applyBorder="1" applyAlignment="1" applyProtection="1">
      <alignment vertical="center"/>
      <protection locked="0"/>
    </xf>
    <xf numFmtId="0" fontId="45" fillId="0" borderId="27" xfId="0" applyFont="1" applyFill="1" applyBorder="1" applyAlignment="1" applyProtection="1">
      <protection locked="0"/>
    </xf>
    <xf numFmtId="0" fontId="47" fillId="0" borderId="22" xfId="0" applyFont="1" applyFill="1" applyBorder="1" applyAlignment="1" applyProtection="1">
      <alignment vertical="center"/>
      <protection locked="0"/>
    </xf>
    <xf numFmtId="0" fontId="47" fillId="0" borderId="25" xfId="0" applyFont="1" applyFill="1" applyBorder="1" applyAlignment="1" applyProtection="1">
      <alignment horizontal="center" vertical="center"/>
      <protection locked="0"/>
    </xf>
    <xf numFmtId="0" fontId="47" fillId="0" borderId="27" xfId="0" applyFont="1" applyFill="1" applyBorder="1" applyAlignment="1" applyProtection="1">
      <protection locked="0"/>
    </xf>
    <xf numFmtId="38" fontId="45" fillId="0" borderId="22" xfId="136" applyFont="1" applyBorder="1" applyAlignment="1" applyProtection="1">
      <alignment horizontal="right" vertical="center"/>
      <protection locked="0"/>
    </xf>
    <xf numFmtId="193" fontId="45" fillId="0" borderId="22" xfId="136" applyNumberFormat="1" applyFont="1" applyBorder="1" applyAlignment="1" applyProtection="1">
      <alignment horizontal="right" vertical="center"/>
      <protection locked="0"/>
    </xf>
    <xf numFmtId="38" fontId="45" fillId="0" borderId="25" xfId="136" applyFont="1" applyBorder="1" applyAlignment="1" applyProtection="1">
      <alignment horizontal="right" vertical="center"/>
      <protection locked="0"/>
    </xf>
    <xf numFmtId="194" fontId="45" fillId="0" borderId="25" xfId="136" applyNumberFormat="1" applyFont="1" applyBorder="1" applyAlignment="1" applyProtection="1">
      <alignment horizontal="right" vertical="center"/>
      <protection locked="0"/>
    </xf>
    <xf numFmtId="38" fontId="45" fillId="0" borderId="27" xfId="136" applyFont="1" applyBorder="1" applyAlignment="1" applyProtection="1">
      <alignment horizontal="right"/>
      <protection locked="0"/>
    </xf>
    <xf numFmtId="195" fontId="45" fillId="0" borderId="27" xfId="136" applyNumberFormat="1" applyFont="1" applyBorder="1" applyProtection="1">
      <protection locked="0"/>
    </xf>
    <xf numFmtId="38" fontId="47" fillId="0" borderId="22" xfId="136" applyFont="1" applyBorder="1" applyAlignment="1" applyProtection="1">
      <alignment horizontal="right" vertical="center"/>
      <protection locked="0"/>
    </xf>
    <xf numFmtId="38" fontId="47" fillId="0" borderId="25" xfId="136" applyFont="1" applyBorder="1" applyAlignment="1" applyProtection="1">
      <alignment horizontal="right" vertical="center"/>
      <protection locked="0"/>
    </xf>
    <xf numFmtId="193" fontId="47" fillId="0" borderId="22" xfId="136" applyNumberFormat="1" applyFont="1" applyBorder="1" applyAlignment="1" applyProtection="1">
      <alignment horizontal="right" vertical="center"/>
      <protection locked="0"/>
    </xf>
    <xf numFmtId="38" fontId="47" fillId="0" borderId="34" xfId="136" applyFont="1" applyBorder="1" applyAlignment="1" applyProtection="1">
      <alignment horizontal="right"/>
      <protection locked="0"/>
    </xf>
    <xf numFmtId="196" fontId="47" fillId="0" borderId="25" xfId="136" applyNumberFormat="1" applyFont="1" applyFill="1" applyBorder="1" applyAlignment="1" applyProtection="1">
      <alignment horizontal="right" vertical="center"/>
      <protection locked="0"/>
    </xf>
    <xf numFmtId="179" fontId="45" fillId="0" borderId="27" xfId="136" applyNumberFormat="1" applyFont="1" applyBorder="1" applyProtection="1">
      <protection locked="0"/>
    </xf>
    <xf numFmtId="176" fontId="45" fillId="0" borderId="27" xfId="136" applyNumberFormat="1" applyFont="1" applyBorder="1" applyAlignment="1" applyProtection="1">
      <alignment horizontal="right"/>
      <protection locked="0"/>
    </xf>
    <xf numFmtId="196" fontId="45" fillId="0" borderId="27" xfId="136" applyNumberFormat="1" applyFont="1" applyFill="1" applyBorder="1" applyAlignment="1" applyProtection="1">
      <alignment horizontal="right"/>
      <protection locked="0"/>
    </xf>
    <xf numFmtId="196" fontId="45" fillId="0" borderId="22" xfId="136" applyNumberFormat="1" applyFont="1" applyFill="1" applyBorder="1" applyAlignment="1" applyProtection="1">
      <alignment horizontal="right" vertical="center"/>
      <protection locked="0"/>
    </xf>
    <xf numFmtId="196" fontId="45" fillId="0" borderId="25" xfId="136" applyNumberFormat="1" applyFont="1" applyFill="1" applyBorder="1" applyAlignment="1" applyProtection="1">
      <alignment horizontal="right" vertical="center"/>
      <protection locked="0"/>
    </xf>
    <xf numFmtId="0" fontId="47" fillId="0" borderId="25" xfId="0" applyFont="1" applyFill="1" applyBorder="1" applyAlignment="1" applyProtection="1">
      <alignment vertical="center"/>
      <protection locked="0"/>
    </xf>
    <xf numFmtId="1" fontId="45" fillId="0" borderId="27" xfId="0" applyNumberFormat="1" applyFont="1" applyFill="1" applyBorder="1" applyAlignment="1" applyProtection="1">
      <alignment horizontal="right"/>
      <protection locked="0"/>
    </xf>
    <xf numFmtId="0" fontId="45" fillId="0" borderId="25" xfId="0" applyFont="1" applyFill="1" applyBorder="1" applyAlignment="1">
      <alignment horizontal="left"/>
    </xf>
    <xf numFmtId="0" fontId="47" fillId="0" borderId="27" xfId="0" applyFont="1" applyFill="1" applyBorder="1" applyAlignment="1" applyProtection="1">
      <alignment horizontal="center"/>
      <protection locked="0"/>
    </xf>
    <xf numFmtId="0" fontId="47" fillId="0" borderId="27" xfId="0" applyFont="1" applyFill="1" applyBorder="1" applyAlignment="1">
      <alignment horizontal="left"/>
    </xf>
    <xf numFmtId="0" fontId="45" fillId="0" borderId="37" xfId="0" applyFont="1" applyFill="1" applyBorder="1" applyAlignment="1" applyProtection="1">
      <alignment vertical="center"/>
      <protection locked="0"/>
    </xf>
    <xf numFmtId="0" fontId="45" fillId="0" borderId="38" xfId="0" applyFont="1" applyFill="1" applyBorder="1" applyAlignment="1" applyProtection="1">
      <alignment vertical="center"/>
      <protection locked="0"/>
    </xf>
    <xf numFmtId="0" fontId="45" fillId="0" borderId="39" xfId="0" applyFont="1" applyFill="1" applyBorder="1" applyAlignment="1" applyProtection="1">
      <protection locked="0"/>
    </xf>
    <xf numFmtId="196" fontId="45" fillId="0" borderId="25" xfId="136" applyNumberFormat="1" applyFont="1" applyFill="1" applyBorder="1" applyAlignment="1" applyProtection="1">
      <alignment horizontal="right"/>
      <protection locked="0"/>
    </xf>
    <xf numFmtId="0" fontId="45" fillId="0" borderId="25" xfId="0" applyFont="1" applyFill="1" applyBorder="1" applyAlignment="1" applyProtection="1">
      <protection locked="0"/>
    </xf>
    <xf numFmtId="0" fontId="45" fillId="0" borderId="24" xfId="0" applyFont="1" applyFill="1" applyBorder="1" applyAlignment="1" applyProtection="1">
      <protection locked="0"/>
    </xf>
    <xf numFmtId="0" fontId="47" fillId="0" borderId="21" xfId="0" applyFont="1" applyFill="1" applyBorder="1" applyAlignment="1" applyProtection="1">
      <alignment vertical="center"/>
      <protection locked="0"/>
    </xf>
    <xf numFmtId="196" fontId="45" fillId="0" borderId="27" xfId="136" applyNumberFormat="1" applyFont="1" applyFill="1" applyBorder="1" applyProtection="1">
      <protection locked="0"/>
    </xf>
    <xf numFmtId="194" fontId="45" fillId="0" borderId="38" xfId="136" applyNumberFormat="1" applyFont="1" applyFill="1" applyBorder="1" applyAlignment="1" applyProtection="1">
      <alignment horizontal="right" vertical="center"/>
      <protection locked="0"/>
    </xf>
    <xf numFmtId="196" fontId="45" fillId="0" borderId="34" xfId="136" applyNumberFormat="1" applyFont="1" applyFill="1" applyBorder="1" applyAlignment="1" applyProtection="1">
      <alignment horizontal="right"/>
      <protection locked="0"/>
    </xf>
    <xf numFmtId="196" fontId="45" fillId="0" borderId="38" xfId="136" applyNumberFormat="1" applyFont="1" applyFill="1" applyBorder="1" applyAlignment="1" applyProtection="1">
      <alignment horizontal="right" vertical="center"/>
      <protection locked="0"/>
    </xf>
    <xf numFmtId="1" fontId="45" fillId="0" borderId="22" xfId="0" applyNumberFormat="1" applyFont="1" applyFill="1" applyBorder="1" applyAlignment="1" applyProtection="1">
      <alignment horizontal="right" vertical="center"/>
      <protection locked="0"/>
    </xf>
    <xf numFmtId="1" fontId="45" fillId="0" borderId="25" xfId="0" applyNumberFormat="1" applyFont="1" applyFill="1" applyBorder="1" applyAlignment="1" applyProtection="1">
      <alignment horizontal="right" vertical="center"/>
      <protection locked="0"/>
    </xf>
    <xf numFmtId="0" fontId="47" fillId="0" borderId="34" xfId="0" applyFont="1" applyFill="1" applyBorder="1" applyAlignment="1" applyProtection="1">
      <protection locked="0"/>
    </xf>
    <xf numFmtId="0" fontId="45" fillId="0" borderId="23" xfId="0" applyFont="1" applyFill="1" applyBorder="1" applyAlignment="1" applyProtection="1">
      <alignment horizontal="center" vertical="center" shrinkToFit="1"/>
      <protection locked="0"/>
    </xf>
    <xf numFmtId="0" fontId="45" fillId="0" borderId="26" xfId="0" applyFont="1" applyFill="1" applyBorder="1" applyAlignment="1" applyProtection="1">
      <alignment horizontal="center" vertical="center" shrinkToFit="1"/>
      <protection locked="0"/>
    </xf>
    <xf numFmtId="197" fontId="45" fillId="0" borderId="28" xfId="0" applyNumberFormat="1" applyFont="1" applyFill="1" applyBorder="1" applyAlignment="1" applyProtection="1">
      <alignment horizontal="center" shrinkToFit="1"/>
      <protection locked="0"/>
    </xf>
    <xf numFmtId="197" fontId="45" fillId="0" borderId="23" xfId="0" applyNumberFormat="1" applyFont="1" applyFill="1" applyBorder="1" applyAlignment="1" applyProtection="1">
      <alignment horizontal="center" vertical="center" shrinkToFit="1"/>
      <protection locked="0"/>
    </xf>
    <xf numFmtId="197" fontId="45" fillId="0" borderId="26" xfId="0" applyNumberFormat="1" applyFont="1" applyFill="1" applyBorder="1" applyAlignment="1" applyProtection="1">
      <alignment horizontal="center" shrinkToFit="1"/>
      <protection locked="0"/>
    </xf>
    <xf numFmtId="0" fontId="45" fillId="0" borderId="34" xfId="0" applyFont="1" applyFill="1" applyBorder="1" applyAlignment="1" applyProtection="1">
      <protection locked="0"/>
    </xf>
    <xf numFmtId="0" fontId="45" fillId="0" borderId="56" xfId="0" applyFont="1" applyFill="1" applyBorder="1" applyAlignment="1" applyProtection="1">
      <protection locked="0"/>
    </xf>
    <xf numFmtId="0" fontId="45" fillId="0" borderId="27" xfId="0" applyFont="1" applyFill="1" applyBorder="1" applyAlignment="1" applyProtection="1">
      <alignment vertical="center" shrinkToFit="1"/>
      <protection locked="0"/>
    </xf>
    <xf numFmtId="0" fontId="47" fillId="0" borderId="24" xfId="0" applyFont="1" applyFill="1" applyBorder="1" applyAlignment="1" applyProtection="1">
      <alignment vertical="center"/>
      <protection locked="0"/>
    </xf>
    <xf numFmtId="0" fontId="47" fillId="0" borderId="31" xfId="0" applyFont="1" applyFill="1" applyBorder="1" applyAlignment="1" applyProtection="1">
      <protection locked="0"/>
    </xf>
    <xf numFmtId="196" fontId="45" fillId="0" borderId="25" xfId="136" applyNumberFormat="1" applyFont="1" applyFill="1" applyBorder="1" applyProtection="1">
      <protection locked="0"/>
    </xf>
    <xf numFmtId="0" fontId="45" fillId="0" borderId="21" xfId="0" applyFont="1" applyFill="1" applyBorder="1" applyAlignment="1" applyProtection="1">
      <alignment vertical="center"/>
      <protection locked="0"/>
    </xf>
    <xf numFmtId="0" fontId="45" fillId="0" borderId="24" xfId="0" applyFont="1" applyFill="1" applyBorder="1" applyAlignment="1" applyProtection="1">
      <alignment vertical="center"/>
      <protection locked="0"/>
    </xf>
    <xf numFmtId="0" fontId="45" fillId="0" borderId="31" xfId="0" applyFont="1" applyFill="1" applyBorder="1" applyAlignment="1" applyProtection="1">
      <protection locked="0"/>
    </xf>
    <xf numFmtId="0" fontId="45" fillId="0" borderId="27" xfId="0" applyFont="1" applyFill="1" applyBorder="1" applyAlignment="1">
      <alignment horizontal="left"/>
    </xf>
    <xf numFmtId="194" fontId="45" fillId="0" borderId="25" xfId="136" applyNumberFormat="1" applyFont="1" applyFill="1" applyBorder="1" applyAlignment="1" applyProtection="1">
      <alignment horizontal="right" vertical="center"/>
      <protection locked="0"/>
    </xf>
    <xf numFmtId="0" fontId="46" fillId="0" borderId="4" xfId="0" applyFont="1" applyFill="1" applyBorder="1" applyAlignment="1">
      <alignment vertical="center"/>
    </xf>
    <xf numFmtId="0" fontId="46" fillId="0" borderId="4" xfId="0" applyFont="1" applyFill="1" applyBorder="1" applyAlignment="1">
      <alignment horizontal="center" vertical="center"/>
    </xf>
    <xf numFmtId="196" fontId="46" fillId="0" borderId="4" xfId="0" applyNumberFormat="1" applyFont="1" applyFill="1" applyBorder="1" applyAlignment="1">
      <alignment vertical="center"/>
    </xf>
    <xf numFmtId="196" fontId="46" fillId="0" borderId="4" xfId="136" applyNumberFormat="1" applyFont="1" applyFill="1" applyBorder="1" applyAlignment="1">
      <alignment vertical="center"/>
    </xf>
    <xf numFmtId="0" fontId="45" fillId="0" borderId="39" xfId="0" applyFont="1" applyFill="1" applyBorder="1" applyAlignment="1" applyProtection="1">
      <alignment vertical="center"/>
      <protection locked="0"/>
    </xf>
    <xf numFmtId="0" fontId="45" fillId="0" borderId="27" xfId="0" applyFont="1" applyFill="1" applyBorder="1" applyAlignment="1">
      <alignment horizontal="left" shrinkToFit="1"/>
    </xf>
    <xf numFmtId="0" fontId="45" fillId="0" borderId="25" xfId="0" applyFont="1" applyFill="1" applyBorder="1" applyAlignment="1" applyProtection="1">
      <alignment horizontal="center" vertical="center"/>
      <protection locked="0"/>
    </xf>
    <xf numFmtId="0" fontId="45" fillId="0" borderId="22" xfId="0" applyFont="1" applyFill="1" applyBorder="1" applyAlignment="1" applyProtection="1">
      <alignment horizontal="center" vertical="center"/>
      <protection locked="0"/>
    </xf>
    <xf numFmtId="0" fontId="45" fillId="0" borderId="27" xfId="0" applyFont="1" applyFill="1" applyBorder="1" applyAlignment="1" applyProtection="1">
      <alignment horizontal="center"/>
      <protection locked="0"/>
    </xf>
    <xf numFmtId="193" fontId="45" fillId="0" borderId="37" xfId="136" applyNumberFormat="1" applyFont="1" applyFill="1" applyBorder="1" applyAlignment="1" applyProtection="1">
      <alignment horizontal="right" vertical="center"/>
      <protection locked="0"/>
    </xf>
    <xf numFmtId="179" fontId="45" fillId="0" borderId="39" xfId="136" applyNumberFormat="1" applyFont="1" applyFill="1" applyBorder="1" applyProtection="1">
      <protection locked="0"/>
    </xf>
    <xf numFmtId="196" fontId="45" fillId="0" borderId="34" xfId="136" applyNumberFormat="1" applyFont="1" applyFill="1" applyBorder="1" applyProtection="1">
      <protection locked="0"/>
    </xf>
    <xf numFmtId="0" fontId="0" fillId="0" borderId="0" xfId="0" applyFill="1">
      <alignment vertical="center"/>
    </xf>
    <xf numFmtId="196" fontId="45" fillId="0" borderId="26" xfId="0" applyNumberFormat="1" applyFont="1" applyFill="1" applyBorder="1" applyAlignment="1" applyProtection="1">
      <alignment horizontal="center" vertical="center" shrinkToFit="1"/>
      <protection locked="0"/>
    </xf>
    <xf numFmtId="176" fontId="45" fillId="0" borderId="26" xfId="0" applyNumberFormat="1" applyFont="1" applyFill="1" applyBorder="1" applyAlignment="1" applyProtection="1">
      <alignment horizontal="center" shrinkToFit="1"/>
      <protection locked="0"/>
    </xf>
    <xf numFmtId="0" fontId="47" fillId="0" borderId="34" xfId="0" applyFont="1" applyFill="1" applyBorder="1" applyAlignment="1">
      <alignment horizontal="left"/>
    </xf>
    <xf numFmtId="0" fontId="45" fillId="0" borderId="28" xfId="0" applyFont="1" applyFill="1" applyBorder="1" applyAlignment="1" applyProtection="1">
      <alignment horizontal="center" shrinkToFit="1"/>
      <protection locked="0"/>
    </xf>
    <xf numFmtId="0" fontId="45" fillId="0" borderId="55" xfId="0" applyFont="1" applyFill="1" applyBorder="1" applyAlignment="1" applyProtection="1">
      <protection locked="0"/>
    </xf>
    <xf numFmtId="0" fontId="45" fillId="0" borderId="23" xfId="0" applyFont="1" applyFill="1" applyBorder="1" applyAlignment="1">
      <alignment horizontal="center" vertical="center" shrinkToFit="1"/>
    </xf>
    <xf numFmtId="0" fontId="53" fillId="0" borderId="27" xfId="0" applyFont="1" applyFill="1" applyBorder="1" applyAlignment="1" applyProtection="1">
      <protection locked="0"/>
    </xf>
    <xf numFmtId="209" fontId="45" fillId="0" borderId="27" xfId="0" applyNumberFormat="1" applyFont="1" applyFill="1" applyBorder="1" applyAlignment="1" applyProtection="1">
      <alignment horizontal="right"/>
      <protection locked="0"/>
    </xf>
    <xf numFmtId="0" fontId="45" fillId="0" borderId="25" xfId="0" applyFont="1" applyFill="1" applyBorder="1" applyAlignment="1" applyProtection="1">
      <alignment horizontal="left" vertical="center"/>
      <protection locked="0"/>
    </xf>
    <xf numFmtId="0" fontId="45" fillId="0" borderId="27" xfId="0" applyFont="1" applyFill="1" applyBorder="1" applyAlignment="1" applyProtection="1">
      <alignment horizontal="left"/>
      <protection locked="0"/>
    </xf>
    <xf numFmtId="0" fontId="43" fillId="0" borderId="0" xfId="178" applyFont="1"/>
    <xf numFmtId="0" fontId="43" fillId="0" borderId="0" xfId="178" applyFont="1" applyAlignment="1">
      <alignment horizontal="center"/>
    </xf>
    <xf numFmtId="38" fontId="43" fillId="0" borderId="0" xfId="137" applyFont="1" applyFill="1"/>
    <xf numFmtId="0" fontId="43" fillId="0" borderId="0" xfId="178" applyFont="1" applyFill="1"/>
    <xf numFmtId="0" fontId="43" fillId="0" borderId="61" xfId="178" applyFont="1" applyBorder="1"/>
    <xf numFmtId="0" fontId="43" fillId="0" borderId="2" xfId="178" applyFont="1" applyBorder="1"/>
    <xf numFmtId="0" fontId="44" fillId="0" borderId="67" xfId="178" applyFont="1" applyFill="1" applyBorder="1" applyAlignment="1"/>
    <xf numFmtId="38" fontId="43" fillId="0" borderId="67" xfId="137" applyFont="1" applyFill="1" applyBorder="1" applyAlignment="1"/>
    <xf numFmtId="0" fontId="43" fillId="0" borderId="68" xfId="178" applyFont="1" applyFill="1" applyBorder="1"/>
    <xf numFmtId="0" fontId="43" fillId="0" borderId="0" xfId="178" applyFont="1" applyBorder="1"/>
    <xf numFmtId="0" fontId="43" fillId="0" borderId="69" xfId="178" applyFont="1" applyBorder="1" applyAlignment="1">
      <alignment horizontal="distributed" vertical="center" justifyLastLine="1"/>
    </xf>
    <xf numFmtId="0" fontId="43" fillId="0" borderId="48" xfId="178" applyFont="1" applyBorder="1" applyAlignment="1">
      <alignment horizontal="distributed" vertical="center" justifyLastLine="1"/>
    </xf>
    <xf numFmtId="0" fontId="43" fillId="0" borderId="5" xfId="178" applyFont="1" applyBorder="1" applyAlignment="1">
      <alignment horizontal="distributed" vertical="center" justifyLastLine="1"/>
    </xf>
    <xf numFmtId="38" fontId="43" fillId="0" borderId="5" xfId="137" applyFont="1" applyFill="1" applyBorder="1" applyAlignment="1">
      <alignment horizontal="distributed" vertical="center" justifyLastLine="1"/>
    </xf>
    <xf numFmtId="0" fontId="43" fillId="0" borderId="43" xfId="178" applyFont="1" applyFill="1" applyBorder="1"/>
    <xf numFmtId="0" fontId="10" fillId="0" borderId="64" xfId="178" applyFont="1" applyBorder="1" applyAlignment="1">
      <alignment horizontal="distributed"/>
    </xf>
    <xf numFmtId="0" fontId="10" fillId="0" borderId="46" xfId="178" applyFont="1" applyBorder="1" applyAlignment="1">
      <alignment horizontal="distributed"/>
    </xf>
    <xf numFmtId="0" fontId="10" fillId="0" borderId="6" xfId="178" applyFont="1" applyBorder="1" applyAlignment="1">
      <alignment horizontal="distributed"/>
    </xf>
    <xf numFmtId="0" fontId="10" fillId="0" borderId="6" xfId="178" applyFont="1" applyBorder="1" applyAlignment="1">
      <alignment horizontal="center"/>
    </xf>
    <xf numFmtId="193" fontId="10" fillId="0" borderId="6" xfId="137" applyNumberFormat="1" applyFont="1" applyFill="1" applyBorder="1"/>
    <xf numFmtId="0" fontId="44" fillId="0" borderId="45" xfId="178" applyFont="1" applyFill="1" applyBorder="1" applyAlignment="1">
      <alignment horizontal="center"/>
    </xf>
    <xf numFmtId="0" fontId="44" fillId="0" borderId="45" xfId="178" applyFont="1" applyFill="1" applyBorder="1"/>
    <xf numFmtId="0" fontId="43" fillId="0" borderId="49" xfId="178" applyFont="1" applyFill="1" applyBorder="1"/>
    <xf numFmtId="0" fontId="10" fillId="0" borderId="42" xfId="178" applyFont="1" applyBorder="1" applyAlignment="1">
      <alignment horizontal="distributed"/>
    </xf>
    <xf numFmtId="0" fontId="10" fillId="0" borderId="52" xfId="178" applyFont="1" applyBorder="1" applyAlignment="1">
      <alignment horizontal="distributed"/>
    </xf>
    <xf numFmtId="0" fontId="10" fillId="0" borderId="50" xfId="178" applyFont="1" applyBorder="1" applyAlignment="1">
      <alignment horizontal="distributed"/>
    </xf>
    <xf numFmtId="0" fontId="10" fillId="0" borderId="50" xfId="178" applyFont="1" applyBorder="1" applyAlignment="1">
      <alignment horizontal="center"/>
    </xf>
    <xf numFmtId="38" fontId="44" fillId="0" borderId="0" xfId="178" applyNumberFormat="1" applyFont="1" applyFill="1" applyBorder="1" applyAlignment="1">
      <alignment horizontal="center"/>
    </xf>
    <xf numFmtId="38" fontId="44" fillId="0" borderId="0" xfId="178" applyNumberFormat="1" applyFont="1" applyFill="1" applyBorder="1" applyAlignment="1">
      <alignment horizontal="left"/>
    </xf>
    <xf numFmtId="10" fontId="44" fillId="0" borderId="0" xfId="126" applyNumberFormat="1" applyFont="1" applyFill="1" applyBorder="1" applyAlignment="1">
      <alignment horizontal="left"/>
    </xf>
    <xf numFmtId="0" fontId="43" fillId="0" borderId="57" xfId="178" applyFont="1" applyFill="1" applyBorder="1"/>
    <xf numFmtId="0" fontId="10" fillId="0" borderId="63" xfId="178" applyFont="1" applyBorder="1" applyAlignment="1">
      <alignment horizontal="left"/>
    </xf>
    <xf numFmtId="0" fontId="10" fillId="0" borderId="54" xfId="178" applyFont="1" applyBorder="1" applyAlignment="1">
      <alignment horizontal="distributed"/>
    </xf>
    <xf numFmtId="0" fontId="10" fillId="0" borderId="51" xfId="178" applyFont="1" applyBorder="1" applyAlignment="1">
      <alignment horizontal="distributed"/>
    </xf>
    <xf numFmtId="0" fontId="10" fillId="0" borderId="51" xfId="178" applyFont="1" applyBorder="1" applyAlignment="1">
      <alignment horizontal="center"/>
    </xf>
    <xf numFmtId="10" fontId="44" fillId="0" borderId="53" xfId="126" applyNumberFormat="1" applyFont="1" applyFill="1" applyBorder="1" applyAlignment="1">
      <alignment horizontal="left"/>
    </xf>
    <xf numFmtId="0" fontId="43" fillId="0" borderId="62" xfId="178" applyFont="1" applyFill="1" applyBorder="1"/>
    <xf numFmtId="195" fontId="10" fillId="0" borderId="50" xfId="137" applyNumberFormat="1" applyFont="1" applyFill="1" applyBorder="1"/>
    <xf numFmtId="0" fontId="10" fillId="0" borderId="42" xfId="178" applyFont="1" applyBorder="1" applyAlignment="1">
      <alignment horizontal="left"/>
    </xf>
    <xf numFmtId="0" fontId="10" fillId="0" borderId="52" xfId="178" applyFont="1" applyBorder="1" applyAlignment="1">
      <alignment horizontal="left"/>
    </xf>
    <xf numFmtId="0" fontId="44" fillId="0" borderId="62" xfId="178" applyFont="1" applyFill="1" applyBorder="1"/>
    <xf numFmtId="38" fontId="44" fillId="0" borderId="44" xfId="137" applyFont="1" applyFill="1" applyBorder="1"/>
    <xf numFmtId="38" fontId="44" fillId="0" borderId="45" xfId="137" applyFont="1" applyFill="1" applyBorder="1"/>
    <xf numFmtId="203" fontId="10" fillId="0" borderId="50" xfId="137" applyNumberFormat="1" applyFont="1" applyFill="1" applyBorder="1"/>
    <xf numFmtId="0" fontId="10" fillId="0" borderId="63" xfId="178" applyFont="1" applyBorder="1" applyAlignment="1">
      <alignment horizontal="distributed"/>
    </xf>
    <xf numFmtId="0" fontId="10" fillId="0" borderId="51" xfId="178" applyFont="1" applyBorder="1" applyAlignment="1">
      <alignment horizontal="left"/>
    </xf>
    <xf numFmtId="202" fontId="10" fillId="0" borderId="51" xfId="137" applyNumberFormat="1" applyFont="1" applyFill="1" applyBorder="1"/>
    <xf numFmtId="204" fontId="44" fillId="0" borderId="17" xfId="137" applyNumberFormat="1" applyFont="1" applyFill="1" applyBorder="1" applyAlignment="1">
      <alignment horizontal="center"/>
    </xf>
    <xf numFmtId="40" fontId="44" fillId="0" borderId="53" xfId="137" applyNumberFormat="1" applyFont="1" applyFill="1" applyBorder="1" applyAlignment="1">
      <alignment horizontal="center"/>
    </xf>
    <xf numFmtId="205" fontId="44" fillId="0" borderId="53" xfId="178" applyNumberFormat="1" applyFont="1" applyFill="1" applyBorder="1" applyAlignment="1">
      <alignment horizontal="center"/>
    </xf>
    <xf numFmtId="38" fontId="10" fillId="0" borderId="6" xfId="137" applyFont="1" applyFill="1" applyBorder="1"/>
    <xf numFmtId="202" fontId="10" fillId="0" borderId="50" xfId="137" applyNumberFormat="1" applyFont="1" applyFill="1" applyBorder="1"/>
    <xf numFmtId="0" fontId="10" fillId="0" borderId="54" xfId="178" applyFont="1" applyBorder="1" applyAlignment="1">
      <alignment horizontal="left"/>
    </xf>
    <xf numFmtId="207" fontId="44" fillId="0" borderId="17" xfId="137" applyNumberFormat="1" applyFont="1" applyFill="1" applyBorder="1" applyAlignment="1">
      <alignment horizontal="right"/>
    </xf>
    <xf numFmtId="38" fontId="44" fillId="0" borderId="53" xfId="137" applyFont="1" applyFill="1" applyBorder="1" applyAlignment="1">
      <alignment horizontal="center"/>
    </xf>
    <xf numFmtId="0" fontId="44" fillId="0" borderId="53" xfId="178" applyFont="1" applyFill="1" applyBorder="1"/>
    <xf numFmtId="0" fontId="10" fillId="0" borderId="50" xfId="178" applyFont="1" applyBorder="1" applyAlignment="1">
      <alignment horizontal="left"/>
    </xf>
    <xf numFmtId="207" fontId="44" fillId="0" borderId="30" xfId="137" applyNumberFormat="1" applyFont="1" applyFill="1" applyBorder="1" applyAlignment="1">
      <alignment horizontal="center"/>
    </xf>
    <xf numFmtId="38" fontId="44" fillId="0" borderId="0" xfId="137" applyFont="1" applyFill="1" applyBorder="1" applyAlignment="1">
      <alignment horizontal="center"/>
    </xf>
    <xf numFmtId="0" fontId="44" fillId="0" borderId="0" xfId="178" applyFont="1" applyFill="1" applyBorder="1"/>
    <xf numFmtId="202" fontId="10" fillId="0" borderId="6" xfId="137" applyNumberFormat="1" applyFont="1" applyFill="1" applyBorder="1"/>
    <xf numFmtId="207" fontId="44" fillId="0" borderId="53" xfId="137" applyNumberFormat="1" applyFont="1" applyFill="1" applyBorder="1" applyAlignment="1">
      <alignment horizontal="center"/>
    </xf>
    <xf numFmtId="202" fontId="44" fillId="0" borderId="53" xfId="178" applyNumberFormat="1" applyFont="1" applyFill="1" applyBorder="1" applyAlignment="1">
      <alignment horizontal="center"/>
    </xf>
    <xf numFmtId="0" fontId="73" fillId="0" borderId="6" xfId="178" applyFont="1" applyBorder="1" applyAlignment="1">
      <alignment horizontal="distributed"/>
    </xf>
    <xf numFmtId="0" fontId="43" fillId="0" borderId="51" xfId="178" applyFont="1" applyBorder="1"/>
    <xf numFmtId="196" fontId="44" fillId="0" borderId="17" xfId="137" applyNumberFormat="1" applyFont="1" applyFill="1" applyBorder="1" applyAlignment="1">
      <alignment horizontal="right"/>
    </xf>
    <xf numFmtId="208" fontId="44" fillId="0" borderId="53" xfId="137" applyNumberFormat="1" applyFont="1" applyFill="1" applyBorder="1" applyAlignment="1">
      <alignment horizontal="center"/>
    </xf>
    <xf numFmtId="211" fontId="44" fillId="0" borderId="53" xfId="178" applyNumberFormat="1" applyFont="1" applyFill="1" applyBorder="1" applyAlignment="1">
      <alignment horizontal="center"/>
    </xf>
    <xf numFmtId="0" fontId="44" fillId="0" borderId="62" xfId="178" applyFont="1" applyFill="1" applyBorder="1" applyAlignment="1">
      <alignment horizontal="center"/>
    </xf>
    <xf numFmtId="208" fontId="44" fillId="0" borderId="0" xfId="137" applyNumberFormat="1" applyFont="1" applyFill="1" applyBorder="1" applyAlignment="1"/>
    <xf numFmtId="194" fontId="10" fillId="0" borderId="50" xfId="137" applyNumberFormat="1" applyFont="1" applyFill="1" applyBorder="1"/>
    <xf numFmtId="38" fontId="72" fillId="0" borderId="30" xfId="137" applyFont="1" applyFill="1" applyBorder="1" applyAlignment="1">
      <alignment horizontal="center"/>
    </xf>
    <xf numFmtId="193" fontId="10" fillId="0" borderId="51" xfId="137" applyNumberFormat="1" applyFont="1" applyFill="1" applyBorder="1"/>
    <xf numFmtId="176" fontId="44" fillId="0" borderId="17" xfId="126" applyNumberFormat="1" applyFont="1" applyFill="1" applyBorder="1" applyAlignment="1">
      <alignment horizontal="center"/>
    </xf>
    <xf numFmtId="212" fontId="44" fillId="0" borderId="53" xfId="137" applyNumberFormat="1" applyFont="1" applyFill="1" applyBorder="1" applyAlignment="1">
      <alignment horizontal="center"/>
    </xf>
    <xf numFmtId="0" fontId="44" fillId="0" borderId="57" xfId="178" applyFont="1" applyFill="1" applyBorder="1"/>
    <xf numFmtId="0" fontId="10" fillId="0" borderId="46" xfId="178" applyFont="1" applyBorder="1" applyAlignment="1">
      <alignment horizontal="left"/>
    </xf>
    <xf numFmtId="193" fontId="10" fillId="0" borderId="50" xfId="137" applyNumberFormat="1" applyFont="1" applyFill="1" applyBorder="1"/>
    <xf numFmtId="193" fontId="44" fillId="0" borderId="53" xfId="178" applyNumberFormat="1" applyFont="1" applyFill="1" applyBorder="1" applyAlignment="1">
      <alignment horizontal="center"/>
    </xf>
    <xf numFmtId="38" fontId="44" fillId="0" borderId="62" xfId="137" applyFont="1" applyFill="1" applyBorder="1" applyAlignment="1">
      <alignment horizontal="center"/>
    </xf>
    <xf numFmtId="38" fontId="44" fillId="0" borderId="45" xfId="178" applyNumberFormat="1" applyFont="1" applyFill="1" applyBorder="1" applyAlignment="1">
      <alignment horizontal="left"/>
    </xf>
    <xf numFmtId="38" fontId="10" fillId="0" borderId="50" xfId="137" applyFont="1" applyFill="1" applyBorder="1"/>
    <xf numFmtId="38" fontId="44" fillId="0" borderId="0" xfId="137" applyFont="1" applyFill="1" applyBorder="1"/>
    <xf numFmtId="0" fontId="73" fillId="0" borderId="51" xfId="178" applyFont="1" applyBorder="1" applyAlignment="1">
      <alignment horizontal="distributed"/>
    </xf>
    <xf numFmtId="38" fontId="44" fillId="0" borderId="17" xfId="137" quotePrefix="1" applyFont="1" applyFill="1" applyBorder="1" applyAlignment="1">
      <alignment horizontal="right"/>
    </xf>
    <xf numFmtId="38" fontId="44" fillId="0" borderId="53" xfId="137" quotePrefix="1" applyFont="1" applyFill="1" applyBorder="1"/>
    <xf numFmtId="206" fontId="44" fillId="0" borderId="0" xfId="178" applyNumberFormat="1" applyFont="1" applyFill="1" applyBorder="1" applyAlignment="1">
      <alignment horizontal="left"/>
    </xf>
    <xf numFmtId="0" fontId="10" fillId="0" borderId="70" xfId="178" applyFont="1" applyBorder="1" applyAlignment="1">
      <alignment horizontal="distributed"/>
    </xf>
    <xf numFmtId="0" fontId="10" fillId="0" borderId="65" xfId="178" applyFont="1" applyBorder="1" applyAlignment="1">
      <alignment horizontal="distributed"/>
    </xf>
    <xf numFmtId="0" fontId="10" fillId="0" borderId="71" xfId="178" applyFont="1" applyBorder="1" applyAlignment="1">
      <alignment horizontal="distributed"/>
    </xf>
    <xf numFmtId="0" fontId="10" fillId="0" borderId="71" xfId="178" applyFont="1" applyBorder="1" applyAlignment="1">
      <alignment horizontal="center"/>
    </xf>
    <xf numFmtId="195" fontId="10" fillId="0" borderId="71" xfId="137" applyNumberFormat="1" applyFont="1" applyFill="1" applyBorder="1"/>
    <xf numFmtId="207" fontId="44" fillId="0" borderId="66" xfId="137" applyNumberFormat="1" applyFont="1" applyFill="1" applyBorder="1" applyAlignment="1">
      <alignment horizontal="right"/>
    </xf>
    <xf numFmtId="38" fontId="44" fillId="0" borderId="40" xfId="137" applyFont="1" applyFill="1" applyBorder="1"/>
    <xf numFmtId="0" fontId="44" fillId="0" borderId="40" xfId="178" applyFont="1" applyFill="1" applyBorder="1" applyAlignment="1">
      <alignment horizontal="left"/>
    </xf>
    <xf numFmtId="0" fontId="43" fillId="0" borderId="41" xfId="178" applyFont="1" applyFill="1" applyBorder="1"/>
    <xf numFmtId="0" fontId="5" fillId="0" borderId="0" xfId="217"/>
    <xf numFmtId="38" fontId="8" fillId="0" borderId="39" xfId="136" applyFont="1" applyBorder="1" applyAlignment="1">
      <alignment horizontal="center" vertical="center"/>
    </xf>
    <xf numFmtId="223" fontId="45" fillId="0" borderId="27" xfId="136" applyNumberFormat="1" applyFont="1" applyFill="1" applyBorder="1" applyProtection="1">
      <protection locked="0"/>
    </xf>
    <xf numFmtId="0" fontId="8" fillId="0" borderId="27" xfId="0" applyFont="1" applyBorder="1" applyAlignment="1">
      <alignment horizontal="center" vertical="center"/>
    </xf>
    <xf numFmtId="204" fontId="44" fillId="0" borderId="30" xfId="137" applyNumberFormat="1" applyFont="1" applyFill="1" applyBorder="1" applyAlignment="1">
      <alignment horizontal="center"/>
    </xf>
    <xf numFmtId="40" fontId="44" fillId="0" borderId="0" xfId="137" applyNumberFormat="1" applyFont="1" applyFill="1" applyBorder="1" applyAlignment="1">
      <alignment horizontal="center"/>
    </xf>
    <xf numFmtId="205" fontId="44" fillId="0" borderId="0" xfId="178" applyNumberFormat="1" applyFont="1" applyFill="1" applyBorder="1" applyAlignment="1">
      <alignment horizontal="center"/>
    </xf>
    <xf numFmtId="202" fontId="10" fillId="0" borderId="51" xfId="178" applyNumberFormat="1" applyFont="1" applyBorder="1" applyAlignment="1">
      <alignment horizontal="distributed"/>
    </xf>
    <xf numFmtId="0" fontId="45" fillId="0" borderId="31" xfId="0" applyFont="1" applyFill="1" applyBorder="1" applyAlignment="1" applyProtection="1">
      <alignment horizontal="center"/>
      <protection locked="0"/>
    </xf>
    <xf numFmtId="0" fontId="45" fillId="0" borderId="22" xfId="0" applyFont="1" applyFill="1" applyBorder="1" applyAlignment="1">
      <alignment horizontal="left"/>
    </xf>
    <xf numFmtId="38" fontId="45" fillId="0" borderId="22" xfId="135" applyFont="1" applyFill="1" applyBorder="1" applyAlignment="1" applyProtection="1">
      <alignment horizontal="right" vertical="center"/>
      <protection locked="0"/>
    </xf>
    <xf numFmtId="38" fontId="45" fillId="0" borderId="25" xfId="135" applyFont="1" applyFill="1" applyBorder="1" applyAlignment="1" applyProtection="1">
      <alignment horizontal="right" vertical="center"/>
      <protection locked="0"/>
    </xf>
    <xf numFmtId="38" fontId="45" fillId="0" borderId="27" xfId="135" applyFont="1" applyFill="1" applyBorder="1" applyAlignment="1" applyProtection="1">
      <alignment horizontal="right"/>
      <protection locked="0"/>
    </xf>
    <xf numFmtId="38" fontId="45" fillId="0" borderId="27" xfId="135" applyFont="1" applyFill="1" applyBorder="1" applyAlignment="1" applyProtection="1">
      <protection locked="0"/>
    </xf>
    <xf numFmtId="38" fontId="45" fillId="0" borderId="38" xfId="135" applyFont="1" applyFill="1" applyBorder="1" applyAlignment="1" applyProtection="1">
      <alignment horizontal="right" vertical="center"/>
      <protection locked="0"/>
    </xf>
    <xf numFmtId="38" fontId="8" fillId="0" borderId="27" xfId="135" applyFont="1" applyBorder="1" applyAlignment="1">
      <alignment horizontal="center" vertical="center"/>
    </xf>
    <xf numFmtId="38" fontId="8" fillId="0" borderId="39" xfId="135" applyFont="1" applyBorder="1" applyAlignment="1">
      <alignment horizontal="center" vertical="center"/>
    </xf>
    <xf numFmtId="38" fontId="45" fillId="0" borderId="25" xfId="135" applyFont="1" applyFill="1" applyBorder="1" applyAlignment="1" applyProtection="1">
      <protection locked="0"/>
    </xf>
    <xf numFmtId="0" fontId="45" fillId="0" borderId="25" xfId="0" applyFont="1" applyBorder="1" applyAlignment="1" applyProtection="1">
      <protection locked="0"/>
    </xf>
    <xf numFmtId="0" fontId="45" fillId="0" borderId="25" xfId="0" applyFont="1" applyBorder="1" applyAlignment="1" applyProtection="1">
      <alignment horizontal="center"/>
      <protection locked="0"/>
    </xf>
    <xf numFmtId="0" fontId="45" fillId="0" borderId="25" xfId="0" applyFont="1" applyBorder="1" applyAlignment="1" applyProtection="1">
      <alignment horizontal="right"/>
      <protection locked="0"/>
    </xf>
    <xf numFmtId="38" fontId="45" fillId="0" borderId="25" xfId="136" applyFont="1" applyBorder="1" applyAlignment="1" applyProtection="1">
      <alignment horizontal="right"/>
      <protection locked="0"/>
    </xf>
    <xf numFmtId="0" fontId="45" fillId="0" borderId="26" xfId="0" applyFont="1" applyBorder="1" applyAlignment="1" applyProtection="1">
      <protection locked="0"/>
    </xf>
    <xf numFmtId="38" fontId="45" fillId="0" borderId="0" xfId="135" applyFont="1" applyAlignment="1"/>
    <xf numFmtId="38" fontId="45" fillId="0" borderId="0" xfId="0" applyNumberFormat="1" applyFont="1" applyAlignment="1"/>
    <xf numFmtId="38" fontId="10" fillId="0" borderId="6" xfId="137" applyFont="1" applyBorder="1"/>
    <xf numFmtId="38" fontId="10" fillId="0" borderId="50" xfId="137" applyFont="1" applyBorder="1"/>
    <xf numFmtId="38" fontId="10" fillId="0" borderId="51" xfId="137" applyFont="1" applyBorder="1"/>
    <xf numFmtId="0" fontId="10" fillId="0" borderId="6" xfId="178" applyFont="1" applyBorder="1" applyAlignment="1">
      <alignment horizontal="left"/>
    </xf>
    <xf numFmtId="38" fontId="43" fillId="0" borderId="45" xfId="137" applyFont="1" applyFill="1" applyBorder="1"/>
    <xf numFmtId="38" fontId="43" fillId="0" borderId="0" xfId="137" applyFont="1" applyFill="1" applyBorder="1"/>
    <xf numFmtId="0" fontId="10" fillId="0" borderId="54" xfId="178" applyFont="1" applyBorder="1" applyAlignment="1">
      <alignment horizontal="left" shrinkToFit="1"/>
    </xf>
    <xf numFmtId="38" fontId="43" fillId="0" borderId="53" xfId="137" applyFont="1" applyFill="1" applyBorder="1"/>
    <xf numFmtId="38" fontId="45" fillId="0" borderId="27" xfId="135" applyFont="1" applyBorder="1" applyAlignment="1" applyProtection="1">
      <protection locked="0"/>
    </xf>
    <xf numFmtId="38" fontId="45" fillId="0" borderId="37" xfId="135" applyFont="1" applyFill="1" applyBorder="1" applyAlignment="1" applyProtection="1">
      <alignment horizontal="right" vertical="center"/>
      <protection locked="0"/>
    </xf>
    <xf numFmtId="0" fontId="45" fillId="0" borderId="27" xfId="0" applyFont="1" applyFill="1" applyBorder="1" applyAlignment="1"/>
    <xf numFmtId="0" fontId="45" fillId="0" borderId="25" xfId="0" applyFont="1" applyFill="1" applyBorder="1" applyAlignment="1"/>
    <xf numFmtId="0" fontId="45" fillId="0" borderId="27" xfId="0" applyFont="1" applyFill="1" applyBorder="1" applyAlignment="1">
      <alignment shrinkToFit="1"/>
    </xf>
    <xf numFmtId="38" fontId="45" fillId="0" borderId="23" xfId="135" applyFont="1" applyFill="1" applyBorder="1" applyAlignment="1" applyProtection="1">
      <alignment horizontal="center" vertical="center" shrinkToFit="1"/>
      <protection locked="0"/>
    </xf>
    <xf numFmtId="38" fontId="45" fillId="0" borderId="23" xfId="135" applyFont="1" applyFill="1" applyBorder="1" applyAlignment="1" applyProtection="1">
      <alignment horizontal="right" vertical="center" shrinkToFit="1"/>
      <protection locked="0"/>
    </xf>
    <xf numFmtId="38" fontId="45" fillId="0" borderId="26" xfId="135" applyFont="1" applyFill="1" applyBorder="1" applyAlignment="1" applyProtection="1">
      <alignment horizontal="center" vertical="center" shrinkToFit="1"/>
      <protection locked="0"/>
    </xf>
    <xf numFmtId="38" fontId="45" fillId="0" borderId="28" xfId="135" applyFont="1" applyFill="1" applyBorder="1" applyAlignment="1" applyProtection="1">
      <alignment shrinkToFit="1"/>
      <protection locked="0"/>
    </xf>
    <xf numFmtId="38" fontId="45" fillId="0" borderId="28" xfId="135" applyFont="1" applyFill="1" applyBorder="1" applyAlignment="1" applyProtection="1">
      <alignment horizontal="center" shrinkToFit="1"/>
      <protection locked="0"/>
    </xf>
    <xf numFmtId="38" fontId="45" fillId="0" borderId="23" xfId="135" applyFont="1" applyFill="1" applyBorder="1" applyAlignment="1">
      <alignment horizontal="center" vertical="center" shrinkToFit="1"/>
    </xf>
    <xf numFmtId="38" fontId="45" fillId="0" borderId="35" xfId="135" applyFont="1" applyFill="1" applyBorder="1" applyAlignment="1" applyProtection="1">
      <alignment horizontal="center" shrinkToFit="1"/>
      <protection locked="0"/>
    </xf>
    <xf numFmtId="38" fontId="46" fillId="0" borderId="48" xfId="135" applyFont="1" applyFill="1" applyBorder="1" applyAlignment="1">
      <alignment vertical="center" shrinkToFit="1"/>
    </xf>
    <xf numFmtId="38" fontId="45" fillId="0" borderId="26" xfId="135" applyFont="1" applyFill="1" applyBorder="1" applyAlignment="1" applyProtection="1">
      <alignment horizontal="center" shrinkToFit="1"/>
      <protection locked="0"/>
    </xf>
    <xf numFmtId="38" fontId="47" fillId="0" borderId="26" xfId="135" applyFont="1" applyFill="1" applyBorder="1" applyAlignment="1" applyProtection="1">
      <alignment horizontal="center" vertical="center" shrinkToFit="1"/>
      <protection locked="0"/>
    </xf>
    <xf numFmtId="38" fontId="0" fillId="0" borderId="0" xfId="135" applyFont="1" applyAlignment="1">
      <alignment vertical="center" shrinkToFit="1"/>
    </xf>
    <xf numFmtId="38" fontId="45" fillId="0" borderId="34" xfId="135" applyFont="1" applyFill="1" applyBorder="1" applyAlignment="1" applyProtection="1">
      <protection locked="0"/>
    </xf>
    <xf numFmtId="38" fontId="45" fillId="0" borderId="0" xfId="135" applyFont="1" applyAlignment="1">
      <alignment vertical="center"/>
    </xf>
    <xf numFmtId="38" fontId="45" fillId="0" borderId="0" xfId="0" applyNumberFormat="1" applyFont="1" applyAlignment="1">
      <alignment vertical="center"/>
    </xf>
    <xf numFmtId="0" fontId="45" fillId="0" borderId="0" xfId="0" applyFont="1" applyAlignment="1">
      <alignment vertical="center"/>
    </xf>
    <xf numFmtId="38" fontId="45" fillId="0" borderId="0" xfId="0" applyNumberFormat="1" applyFont="1" applyFill="1" applyAlignment="1">
      <alignment horizontal="center" vertical="center"/>
    </xf>
    <xf numFmtId="38" fontId="45" fillId="0" borderId="39" xfId="135" applyFont="1" applyBorder="1" applyAlignment="1" applyProtection="1">
      <protection locked="0"/>
    </xf>
    <xf numFmtId="38" fontId="43" fillId="0" borderId="44" xfId="137" applyFont="1" applyFill="1" applyBorder="1"/>
    <xf numFmtId="38" fontId="43" fillId="0" borderId="30" xfId="137" applyFont="1" applyFill="1" applyBorder="1"/>
    <xf numFmtId="38" fontId="44" fillId="0" borderId="17" xfId="137" applyFont="1" applyFill="1" applyBorder="1" applyAlignment="1">
      <alignment horizontal="distributed" justifyLastLine="1"/>
    </xf>
    <xf numFmtId="0" fontId="45" fillId="0" borderId="85" xfId="0" applyFont="1" applyFill="1" applyBorder="1" applyAlignment="1" applyProtection="1">
      <protection locked="0"/>
    </xf>
    <xf numFmtId="0" fontId="8" fillId="0" borderId="27" xfId="0" applyFont="1" applyBorder="1" applyAlignment="1">
      <alignment horizontal="center" vertical="center"/>
    </xf>
    <xf numFmtId="0" fontId="45" fillId="32" borderId="22" xfId="0" applyFont="1" applyFill="1" applyBorder="1" applyAlignment="1" applyProtection="1">
      <alignment vertical="center"/>
      <protection locked="0"/>
    </xf>
    <xf numFmtId="0" fontId="45" fillId="32" borderId="27" xfId="0" applyFont="1" applyFill="1" applyBorder="1" applyAlignment="1">
      <alignment horizontal="left"/>
    </xf>
    <xf numFmtId="0" fontId="45" fillId="32" borderId="25" xfId="0" applyFont="1" applyFill="1" applyBorder="1" applyAlignment="1">
      <alignment horizontal="left"/>
    </xf>
    <xf numFmtId="0" fontId="45" fillId="32" borderId="25" xfId="0" applyFont="1" applyFill="1" applyBorder="1" applyAlignment="1" applyProtection="1">
      <alignment vertical="center"/>
      <protection locked="0"/>
    </xf>
    <xf numFmtId="0" fontId="45" fillId="32" borderId="27" xfId="0" applyFont="1" applyFill="1" applyBorder="1" applyAlignment="1">
      <alignment horizontal="left" shrinkToFit="1"/>
    </xf>
    <xf numFmtId="38" fontId="45" fillId="32" borderId="27" xfId="135" applyFont="1" applyFill="1" applyBorder="1" applyAlignment="1" applyProtection="1">
      <protection locked="0"/>
    </xf>
    <xf numFmtId="0" fontId="53" fillId="0" borderId="22" xfId="0" applyFont="1" applyFill="1" applyBorder="1" applyAlignment="1" applyProtection="1">
      <alignment vertical="center"/>
      <protection locked="0"/>
    </xf>
    <xf numFmtId="0" fontId="53" fillId="0" borderId="25" xfId="0" applyFont="1" applyFill="1" applyBorder="1" applyAlignment="1">
      <alignment horizontal="left"/>
    </xf>
    <xf numFmtId="0" fontId="53" fillId="0" borderId="27" xfId="0" applyFont="1" applyFill="1" applyBorder="1" applyAlignment="1">
      <alignment horizontal="left"/>
    </xf>
    <xf numFmtId="0" fontId="47" fillId="32" borderId="27" xfId="0" applyFont="1" applyFill="1" applyBorder="1" applyAlignment="1">
      <alignment horizontal="left"/>
    </xf>
    <xf numFmtId="0" fontId="53" fillId="32" borderId="22" xfId="0" applyFont="1" applyFill="1" applyBorder="1" applyAlignment="1" applyProtection="1">
      <alignment vertical="center"/>
      <protection locked="0"/>
    </xf>
    <xf numFmtId="0" fontId="53" fillId="32" borderId="25" xfId="0" applyFont="1" applyFill="1" applyBorder="1" applyAlignment="1">
      <alignment horizontal="left"/>
    </xf>
    <xf numFmtId="0" fontId="53" fillId="32" borderId="27" xfId="0" applyFont="1" applyFill="1" applyBorder="1" applyAlignment="1">
      <alignment horizontal="left"/>
    </xf>
    <xf numFmtId="0" fontId="8" fillId="0" borderId="27" xfId="0" applyFont="1" applyBorder="1" applyAlignment="1">
      <alignment horizontal="center" vertical="center"/>
    </xf>
    <xf numFmtId="196" fontId="45" fillId="32" borderId="22" xfId="136" applyNumberFormat="1" applyFont="1" applyFill="1" applyBorder="1" applyAlignment="1" applyProtection="1">
      <alignment horizontal="right" vertical="center"/>
      <protection locked="0"/>
    </xf>
    <xf numFmtId="196" fontId="45" fillId="32" borderId="25" xfId="136" applyNumberFormat="1" applyFont="1" applyFill="1" applyBorder="1" applyAlignment="1" applyProtection="1">
      <alignment horizontal="right" vertical="center"/>
      <protection locked="0"/>
    </xf>
    <xf numFmtId="196" fontId="45" fillId="32" borderId="27" xfId="136" applyNumberFormat="1" applyFont="1" applyFill="1" applyBorder="1" applyAlignment="1" applyProtection="1">
      <alignment horizontal="right"/>
      <protection locked="0"/>
    </xf>
    <xf numFmtId="196" fontId="45" fillId="0" borderId="27" xfId="0" applyNumberFormat="1" applyFont="1" applyFill="1" applyBorder="1" applyAlignment="1" applyProtection="1">
      <alignment horizontal="right"/>
      <protection locked="0"/>
    </xf>
    <xf numFmtId="41" fontId="45" fillId="0" borderId="27" xfId="0" applyNumberFormat="1" applyFont="1" applyFill="1" applyBorder="1" applyAlignment="1" applyProtection="1">
      <alignment horizontal="right"/>
      <protection locked="0"/>
    </xf>
    <xf numFmtId="0" fontId="0" fillId="0" borderId="0" xfId="0">
      <alignment vertical="center"/>
    </xf>
    <xf numFmtId="0" fontId="45" fillId="0" borderId="22" xfId="0" applyFont="1" applyFill="1" applyBorder="1" applyAlignment="1" applyProtection="1">
      <alignment vertical="center"/>
      <protection locked="0"/>
    </xf>
    <xf numFmtId="0" fontId="45" fillId="0" borderId="25" xfId="0" applyFont="1" applyFill="1" applyBorder="1" applyAlignment="1" applyProtection="1">
      <alignment vertical="center"/>
      <protection locked="0"/>
    </xf>
    <xf numFmtId="0" fontId="45" fillId="0" borderId="27" xfId="0" applyFont="1" applyFill="1" applyBorder="1" applyAlignment="1" applyProtection="1">
      <protection locked="0"/>
    </xf>
    <xf numFmtId="0" fontId="45" fillId="0" borderId="25" xfId="0" applyFont="1" applyFill="1" applyBorder="1" applyAlignment="1" applyProtection="1">
      <alignment horizontal="center" vertical="center"/>
      <protection locked="0"/>
    </xf>
    <xf numFmtId="194" fontId="45" fillId="0" borderId="25" xfId="136" applyNumberFormat="1" applyFont="1" applyFill="1" applyBorder="1" applyAlignment="1" applyProtection="1">
      <alignment horizontal="right" vertical="center"/>
      <protection locked="0"/>
    </xf>
    <xf numFmtId="0" fontId="45" fillId="0" borderId="27" xfId="0" applyFont="1" applyFill="1" applyBorder="1" applyAlignment="1" applyProtection="1">
      <alignment horizontal="left"/>
      <protection locked="0"/>
    </xf>
    <xf numFmtId="0" fontId="45" fillId="0" borderId="27" xfId="0" applyFont="1" applyFill="1" applyBorder="1" applyAlignment="1" applyProtection="1">
      <alignment horizontal="center"/>
      <protection locked="0"/>
    </xf>
    <xf numFmtId="0" fontId="45" fillId="0" borderId="21" xfId="0" applyFont="1" applyFill="1" applyBorder="1" applyAlignment="1" applyProtection="1">
      <alignment vertical="center"/>
      <protection locked="0"/>
    </xf>
    <xf numFmtId="0" fontId="45" fillId="0" borderId="22" xfId="0" applyFont="1" applyFill="1" applyBorder="1" applyAlignment="1" applyProtection="1">
      <alignment horizontal="center" vertical="center"/>
      <protection locked="0"/>
    </xf>
    <xf numFmtId="0" fontId="45" fillId="0" borderId="27" xfId="0" applyFont="1" applyFill="1" applyBorder="1" applyAlignment="1"/>
    <xf numFmtId="0" fontId="8" fillId="0" borderId="27" xfId="0" applyFont="1" applyBorder="1" applyAlignment="1">
      <alignment horizontal="center" vertical="center"/>
    </xf>
    <xf numFmtId="235" fontId="45" fillId="0" borderId="27" xfId="0" applyNumberFormat="1" applyFont="1" applyFill="1" applyBorder="1" applyAlignment="1" applyProtection="1">
      <alignment horizontal="left"/>
      <protection locked="0"/>
    </xf>
    <xf numFmtId="198" fontId="45" fillId="0" borderId="27" xfId="135" applyNumberFormat="1" applyFont="1" applyFill="1" applyBorder="1" applyAlignment="1" applyProtection="1">
      <alignment horizontal="right"/>
      <protection locked="0"/>
    </xf>
    <xf numFmtId="40" fontId="45" fillId="0" borderId="27" xfId="135" applyNumberFormat="1" applyFont="1" applyFill="1" applyBorder="1" applyAlignment="1" applyProtection="1">
      <alignment horizontal="right"/>
      <protection locked="0"/>
    </xf>
    <xf numFmtId="0" fontId="8" fillId="0" borderId="27" xfId="0" applyFont="1" applyBorder="1" applyAlignment="1">
      <alignment horizontal="center" vertical="center"/>
    </xf>
    <xf numFmtId="0" fontId="10" fillId="0" borderId="0" xfId="277" applyFont="1" applyAlignment="1">
      <alignment vertical="center"/>
    </xf>
    <xf numFmtId="0" fontId="10" fillId="0" borderId="0" xfId="277" applyFont="1" applyBorder="1" applyAlignment="1">
      <alignment horizontal="center" vertical="center"/>
    </xf>
    <xf numFmtId="0" fontId="10" fillId="0" borderId="0" xfId="277" applyFont="1" applyBorder="1" applyAlignment="1">
      <alignment vertical="center"/>
    </xf>
    <xf numFmtId="0" fontId="43" fillId="0" borderId="93" xfId="277" applyFont="1" applyBorder="1" applyAlignment="1">
      <alignment vertical="center"/>
    </xf>
    <xf numFmtId="176" fontId="99" fillId="0" borderId="93" xfId="277" applyNumberFormat="1" applyFont="1" applyBorder="1" applyAlignment="1">
      <alignment vertical="center"/>
    </xf>
    <xf numFmtId="5" fontId="10" fillId="0" borderId="93" xfId="277" applyNumberFormat="1" applyFont="1" applyBorder="1" applyAlignment="1">
      <alignment vertical="center"/>
    </xf>
    <xf numFmtId="0" fontId="43" fillId="0" borderId="0" xfId="277" applyFont="1" applyBorder="1" applyAlignment="1">
      <alignment vertical="center"/>
    </xf>
    <xf numFmtId="0" fontId="30" fillId="0" borderId="0" xfId="277" applyFont="1" applyBorder="1" applyAlignment="1">
      <alignment vertical="center"/>
    </xf>
    <xf numFmtId="0" fontId="30" fillId="0" borderId="0" xfId="277" applyFont="1" applyBorder="1" applyAlignment="1">
      <alignment horizontal="right" vertical="center"/>
    </xf>
    <xf numFmtId="0" fontId="10" fillId="0" borderId="92" xfId="277" applyFont="1" applyBorder="1" applyAlignment="1">
      <alignment horizontal="center" vertical="center"/>
    </xf>
    <xf numFmtId="0" fontId="10" fillId="0" borderId="92" xfId="277" applyFont="1" applyBorder="1" applyAlignment="1">
      <alignment vertical="center"/>
    </xf>
    <xf numFmtId="0" fontId="10" fillId="0" borderId="0" xfId="277" applyFont="1" applyBorder="1" applyAlignment="1">
      <alignment horizontal="right" vertical="center"/>
    </xf>
    <xf numFmtId="0" fontId="10" fillId="0" borderId="0" xfId="277" applyFont="1" applyAlignment="1">
      <alignment horizontal="center" vertical="center"/>
    </xf>
    <xf numFmtId="0" fontId="100" fillId="0" borderId="0" xfId="277" applyFont="1" applyAlignment="1">
      <alignment vertical="center"/>
    </xf>
    <xf numFmtId="0" fontId="100" fillId="0" borderId="0" xfId="277" applyFont="1" applyAlignment="1">
      <alignment horizontal="center" vertical="center"/>
    </xf>
    <xf numFmtId="38" fontId="45" fillId="0" borderId="34" xfId="135" applyFont="1" applyFill="1" applyBorder="1" applyAlignment="1" applyProtection="1">
      <alignment horizontal="right"/>
      <protection locked="0"/>
    </xf>
    <xf numFmtId="0" fontId="45" fillId="32" borderId="34" xfId="0" applyFont="1" applyFill="1" applyBorder="1" applyAlignment="1">
      <alignment horizontal="left"/>
    </xf>
    <xf numFmtId="40" fontId="45" fillId="0" borderId="34" xfId="135" applyNumberFormat="1" applyFont="1" applyFill="1" applyBorder="1" applyAlignment="1" applyProtection="1">
      <alignment horizontal="right"/>
      <protection locked="0"/>
    </xf>
    <xf numFmtId="0" fontId="45" fillId="0" borderId="34" xfId="0" applyFont="1" applyFill="1" applyBorder="1" applyAlignment="1" applyProtection="1">
      <alignment horizontal="left"/>
      <protection locked="0"/>
    </xf>
    <xf numFmtId="38" fontId="45" fillId="0" borderId="27" xfId="135" applyNumberFormat="1" applyFont="1" applyFill="1" applyBorder="1" applyAlignment="1" applyProtection="1">
      <alignment horizontal="right"/>
      <protection locked="0"/>
    </xf>
    <xf numFmtId="0" fontId="7" fillId="0" borderId="0" xfId="171" applyFont="1" applyFill="1" applyBorder="1" applyAlignment="1">
      <alignment shrinkToFit="1"/>
    </xf>
    <xf numFmtId="0" fontId="7" fillId="0" borderId="0" xfId="171" applyFont="1" applyFill="1" applyBorder="1" applyAlignment="1"/>
    <xf numFmtId="0" fontId="7" fillId="0" borderId="0" xfId="171" applyFont="1" applyFill="1" applyBorder="1" applyAlignment="1">
      <alignment vertical="top" wrapText="1"/>
    </xf>
    <xf numFmtId="0" fontId="7" fillId="0" borderId="44" xfId="171" applyFont="1" applyFill="1" applyBorder="1" applyAlignment="1">
      <alignment shrinkToFit="1"/>
    </xf>
    <xf numFmtId="0" fontId="10" fillId="0" borderId="0" xfId="171" applyFont="1" applyFill="1" applyBorder="1" applyAlignment="1">
      <alignment shrinkToFit="1"/>
    </xf>
    <xf numFmtId="0" fontId="5" fillId="0" borderId="0" xfId="171" applyFont="1" applyFill="1" applyBorder="1" applyAlignment="1">
      <alignment shrinkToFit="1"/>
    </xf>
    <xf numFmtId="0" fontId="7" fillId="0" borderId="30" xfId="171" applyFont="1" applyFill="1" applyBorder="1" applyAlignment="1">
      <alignment horizontal="center"/>
    </xf>
    <xf numFmtId="0" fontId="7" fillId="0" borderId="0" xfId="171" applyFont="1" applyFill="1" applyBorder="1" applyAlignment="1">
      <alignment horizontal="center"/>
    </xf>
    <xf numFmtId="0" fontId="7" fillId="0" borderId="52" xfId="171" applyFont="1" applyFill="1" applyBorder="1" applyAlignment="1">
      <alignment horizontal="center"/>
    </xf>
    <xf numFmtId="0" fontId="7" fillId="0" borderId="52" xfId="171" applyFont="1" applyFill="1" applyBorder="1" applyAlignment="1">
      <alignment vertical="top" wrapText="1"/>
    </xf>
    <xf numFmtId="0" fontId="7" fillId="0" borderId="45" xfId="171" applyFont="1" applyFill="1" applyBorder="1" applyAlignment="1"/>
    <xf numFmtId="0" fontId="8" fillId="0" borderId="27" xfId="0" applyFont="1" applyBorder="1" applyAlignment="1">
      <alignment horizontal="center" vertical="center"/>
    </xf>
    <xf numFmtId="2" fontId="45" fillId="0" borderId="27" xfId="0" applyNumberFormat="1" applyFont="1" applyFill="1" applyBorder="1" applyAlignment="1" applyProtection="1">
      <alignment horizontal="right"/>
      <protection locked="0"/>
    </xf>
    <xf numFmtId="37" fontId="45" fillId="0" borderId="27" xfId="0" applyNumberFormat="1" applyFont="1" applyFill="1" applyBorder="1" applyAlignment="1" applyProtection="1">
      <alignment horizontal="right"/>
      <protection locked="0"/>
    </xf>
    <xf numFmtId="0" fontId="10" fillId="0" borderId="44" xfId="0" applyFont="1" applyFill="1" applyBorder="1" applyAlignment="1">
      <alignment horizontal="center" vertical="center"/>
    </xf>
    <xf numFmtId="0" fontId="10" fillId="0" borderId="45" xfId="0" applyFont="1" applyFill="1" applyBorder="1" applyAlignment="1">
      <alignment vertical="center"/>
    </xf>
    <xf numFmtId="0" fontId="7" fillId="0" borderId="45" xfId="0" applyFont="1" applyFill="1" applyBorder="1" applyAlignment="1"/>
    <xf numFmtId="0" fontId="7" fillId="0" borderId="46" xfId="0" applyFont="1" applyFill="1" applyBorder="1" applyAlignment="1"/>
    <xf numFmtId="0" fontId="7" fillId="0" borderId="30" xfId="0" applyFont="1" applyFill="1" applyBorder="1" applyAlignment="1"/>
    <xf numFmtId="0" fontId="7" fillId="0" borderId="0" xfId="0" applyFont="1" applyFill="1" applyAlignment="1"/>
    <xf numFmtId="0" fontId="7" fillId="0" borderId="30" xfId="0" applyFont="1" applyFill="1" applyBorder="1" applyAlignment="1">
      <alignment horizontal="center" wrapText="1"/>
    </xf>
    <xf numFmtId="0" fontId="7" fillId="0" borderId="0" xfId="0" applyFont="1" applyFill="1" applyBorder="1" applyAlignment="1">
      <alignment horizontal="center"/>
    </xf>
    <xf numFmtId="0" fontId="10" fillId="0" borderId="30" xfId="0" applyFont="1" applyFill="1" applyBorder="1" applyAlignment="1">
      <alignment horizontal="center" vertical="center"/>
    </xf>
    <xf numFmtId="0" fontId="10" fillId="0" borderId="0" xfId="0" applyFont="1" applyFill="1" applyBorder="1" applyAlignment="1">
      <alignment vertical="center"/>
    </xf>
    <xf numFmtId="0" fontId="10" fillId="0" borderId="57" xfId="0" applyFont="1" applyFill="1" applyBorder="1" applyAlignment="1">
      <alignment vertical="center"/>
    </xf>
    <xf numFmtId="0" fontId="7" fillId="0" borderId="0" xfId="0" applyFont="1" applyFill="1" applyBorder="1" applyAlignment="1"/>
    <xf numFmtId="0" fontId="7" fillId="0" borderId="52" xfId="0" applyFont="1" applyFill="1" applyBorder="1" applyAlignment="1"/>
    <xf numFmtId="0" fontId="7" fillId="0" borderId="30" xfId="0" applyFont="1" applyFill="1" applyBorder="1" applyAlignment="1">
      <alignment horizontal="center"/>
    </xf>
    <xf numFmtId="0" fontId="10" fillId="0" borderId="0" xfId="0" applyFont="1" applyFill="1" applyBorder="1" applyAlignment="1">
      <alignment vertical="top"/>
    </xf>
    <xf numFmtId="0" fontId="7" fillId="0" borderId="0" xfId="0" applyFont="1" applyFill="1" applyBorder="1" applyAlignment="1">
      <alignment shrinkToFit="1"/>
    </xf>
    <xf numFmtId="0" fontId="10" fillId="0" borderId="0" xfId="0" applyFont="1" applyFill="1" applyBorder="1" applyAlignment="1">
      <alignment horizontal="left" vertical="top"/>
    </xf>
    <xf numFmtId="0" fontId="7" fillId="0" borderId="17" xfId="0" applyFont="1" applyFill="1" applyBorder="1" applyAlignment="1">
      <alignment horizontal="center"/>
    </xf>
    <xf numFmtId="0" fontId="7" fillId="0" borderId="53" xfId="0" applyFont="1" applyFill="1" applyBorder="1" applyAlignment="1">
      <alignment horizontal="center"/>
    </xf>
    <xf numFmtId="0" fontId="10" fillId="0" borderId="17" xfId="0" applyFont="1" applyFill="1" applyBorder="1" applyAlignment="1">
      <alignment horizontal="center" vertical="center"/>
    </xf>
    <xf numFmtId="0" fontId="10" fillId="0" borderId="53" xfId="0" applyFont="1" applyFill="1" applyBorder="1" applyAlignment="1">
      <alignment horizontal="left" vertical="top"/>
    </xf>
    <xf numFmtId="0" fontId="10" fillId="0" borderId="53" xfId="0" applyFont="1" applyFill="1" applyBorder="1" applyAlignment="1"/>
    <xf numFmtId="0" fontId="5" fillId="0" borderId="53" xfId="0" applyFont="1" applyFill="1" applyBorder="1" applyAlignment="1"/>
    <xf numFmtId="0" fontId="7" fillId="0" borderId="54" xfId="0" applyFont="1" applyFill="1" applyBorder="1" applyAlignment="1"/>
    <xf numFmtId="0" fontId="7" fillId="0" borderId="17" xfId="0" applyFont="1" applyFill="1" applyBorder="1" applyAlignment="1"/>
    <xf numFmtId="0" fontId="7" fillId="0" borderId="53" xfId="0" applyFont="1" applyFill="1" applyBorder="1" applyAlignment="1"/>
    <xf numFmtId="0" fontId="10" fillId="0" borderId="0" xfId="0" applyFont="1" applyFill="1" applyBorder="1" applyAlignment="1"/>
    <xf numFmtId="0" fontId="5" fillId="0" borderId="0" xfId="0" applyFont="1" applyFill="1" applyBorder="1" applyAlignment="1"/>
    <xf numFmtId="0" fontId="10" fillId="0" borderId="0" xfId="0" applyFont="1" applyFill="1" applyBorder="1" applyAlignment="1">
      <alignment shrinkToFit="1"/>
    </xf>
    <xf numFmtId="0" fontId="5" fillId="0" borderId="0" xfId="0" applyFont="1" applyFill="1" applyBorder="1" applyAlignment="1">
      <alignment shrinkToFit="1"/>
    </xf>
    <xf numFmtId="0" fontId="0" fillId="0" borderId="0" xfId="0" applyFont="1" applyFill="1" applyBorder="1" applyAlignment="1">
      <alignment shrinkToFit="1"/>
    </xf>
    <xf numFmtId="0" fontId="10" fillId="0" borderId="0" xfId="217" applyFont="1"/>
    <xf numFmtId="0" fontId="10" fillId="0" borderId="0" xfId="217" applyFont="1" applyAlignment="1">
      <alignment horizontal="center"/>
    </xf>
    <xf numFmtId="238" fontId="10" fillId="0" borderId="51" xfId="217" applyNumberFormat="1" applyFont="1" applyBorder="1" applyAlignment="1">
      <alignment shrinkToFit="1"/>
    </xf>
    <xf numFmtId="40" fontId="10" fillId="0" borderId="53" xfId="217" applyNumberFormat="1" applyFont="1" applyBorder="1" applyAlignment="1">
      <alignment shrinkToFit="1"/>
    </xf>
    <xf numFmtId="237" fontId="10" fillId="0" borderId="51" xfId="217" applyNumberFormat="1" applyFont="1" applyBorder="1" applyAlignment="1">
      <alignment shrinkToFit="1"/>
    </xf>
    <xf numFmtId="0" fontId="10" fillId="0" borderId="53" xfId="217" applyFont="1" applyBorder="1" applyAlignment="1">
      <alignment horizontal="center" shrinkToFit="1"/>
    </xf>
    <xf numFmtId="238" fontId="10" fillId="0" borderId="50" xfId="217" applyNumberFormat="1" applyFont="1" applyBorder="1" applyAlignment="1">
      <alignment shrinkToFit="1"/>
    </xf>
    <xf numFmtId="40" fontId="10" fillId="0" borderId="0" xfId="217" applyNumberFormat="1" applyFont="1" applyBorder="1" applyAlignment="1">
      <alignment shrinkToFit="1"/>
    </xf>
    <xf numFmtId="237" fontId="10" fillId="0" borderId="50" xfId="217" applyNumberFormat="1" applyFont="1" applyBorder="1" applyAlignment="1">
      <alignment shrinkToFit="1"/>
    </xf>
    <xf numFmtId="0" fontId="10" fillId="0" borderId="0" xfId="217" applyFont="1" applyBorder="1" applyAlignment="1">
      <alignment horizontal="center" shrinkToFit="1"/>
    </xf>
    <xf numFmtId="238" fontId="10" fillId="35" borderId="51" xfId="217" applyNumberFormat="1" applyFont="1" applyFill="1" applyBorder="1" applyAlignment="1">
      <alignment shrinkToFit="1"/>
    </xf>
    <xf numFmtId="40" fontId="10" fillId="35" borderId="53" xfId="217" applyNumberFormat="1" applyFont="1" applyFill="1" applyBorder="1" applyAlignment="1">
      <alignment shrinkToFit="1"/>
    </xf>
    <xf numFmtId="237" fontId="10" fillId="35" borderId="51" xfId="217" applyNumberFormat="1" applyFont="1" applyFill="1" applyBorder="1" applyAlignment="1">
      <alignment shrinkToFit="1"/>
    </xf>
    <xf numFmtId="238" fontId="10" fillId="35" borderId="6" xfId="217" applyNumberFormat="1" applyFont="1" applyFill="1" applyBorder="1" applyAlignment="1">
      <alignment shrinkToFit="1"/>
    </xf>
    <xf numFmtId="40" fontId="10" fillId="35" borderId="45" xfId="217" applyNumberFormat="1" applyFont="1" applyFill="1" applyBorder="1" applyAlignment="1">
      <alignment shrinkToFit="1"/>
    </xf>
    <xf numFmtId="237" fontId="10" fillId="35" borderId="6" xfId="217" applyNumberFormat="1" applyFont="1" applyFill="1" applyBorder="1" applyAlignment="1">
      <alignment shrinkToFit="1"/>
    </xf>
    <xf numFmtId="0" fontId="10" fillId="0" borderId="45" xfId="217" applyFont="1" applyBorder="1" applyAlignment="1">
      <alignment horizontal="center" shrinkToFit="1"/>
    </xf>
    <xf numFmtId="0" fontId="10" fillId="0" borderId="0" xfId="217" applyFont="1" applyBorder="1"/>
    <xf numFmtId="0" fontId="10" fillId="0" borderId="46" xfId="217" applyFont="1" applyBorder="1" applyAlignment="1">
      <alignment horizontal="right"/>
    </xf>
    <xf numFmtId="0" fontId="10" fillId="0" borderId="45" xfId="217" applyFont="1" applyBorder="1" applyAlignment="1">
      <alignment horizontal="right"/>
    </xf>
    <xf numFmtId="0" fontId="43" fillId="0" borderId="45" xfId="217" applyFont="1" applyBorder="1"/>
    <xf numFmtId="0" fontId="43" fillId="0" borderId="45" xfId="217" applyFont="1" applyBorder="1" applyAlignment="1">
      <alignment horizontal="center"/>
    </xf>
    <xf numFmtId="0" fontId="43" fillId="0" borderId="44" xfId="217" applyFont="1" applyBorder="1" applyAlignment="1">
      <alignment horizontal="center"/>
    </xf>
    <xf numFmtId="0" fontId="10" fillId="0" borderId="0" xfId="217" applyFont="1" applyAlignment="1">
      <alignment vertical="center"/>
    </xf>
    <xf numFmtId="49" fontId="10" fillId="0" borderId="54" xfId="336" applyNumberFormat="1" applyFont="1" applyFill="1" applyBorder="1" applyAlignment="1">
      <alignment vertical="center"/>
    </xf>
    <xf numFmtId="49" fontId="10" fillId="0" borderId="53" xfId="336" applyNumberFormat="1" applyFont="1" applyFill="1" applyBorder="1" applyAlignment="1">
      <alignment vertical="center"/>
    </xf>
    <xf numFmtId="49" fontId="10" fillId="0" borderId="30" xfId="336" applyNumberFormat="1" applyFont="1" applyFill="1" applyBorder="1" applyAlignment="1">
      <alignment vertical="center"/>
    </xf>
    <xf numFmtId="49" fontId="10" fillId="0" borderId="0" xfId="336" applyNumberFormat="1" applyFont="1" applyFill="1" applyBorder="1" applyAlignment="1">
      <alignment horizontal="right" vertical="center"/>
    </xf>
    <xf numFmtId="49" fontId="10" fillId="0" borderId="45" xfId="336" applyNumberFormat="1" applyFont="1" applyFill="1" applyBorder="1" applyAlignment="1">
      <alignment vertical="center"/>
    </xf>
    <xf numFmtId="49" fontId="10" fillId="0" borderId="45" xfId="336" applyNumberFormat="1" applyFont="1" applyFill="1" applyBorder="1" applyAlignment="1">
      <alignment horizontal="center" vertical="center"/>
    </xf>
    <xf numFmtId="49" fontId="10" fillId="0" borderId="17" xfId="336" applyNumberFormat="1" applyFont="1" applyFill="1" applyBorder="1" applyAlignment="1">
      <alignment horizontal="left" vertical="center"/>
    </xf>
    <xf numFmtId="238" fontId="10" fillId="0" borderId="51" xfId="336" applyNumberFormat="1" applyFont="1" applyFill="1" applyBorder="1" applyAlignment="1">
      <alignment vertical="center"/>
    </xf>
    <xf numFmtId="40" fontId="10" fillId="0" borderId="51" xfId="336" applyNumberFormat="1" applyFont="1" applyFill="1" applyBorder="1" applyAlignment="1">
      <alignment vertical="center"/>
    </xf>
    <xf numFmtId="237" fontId="10" fillId="0" borderId="51" xfId="336" applyNumberFormat="1" applyFont="1" applyFill="1" applyBorder="1" applyAlignment="1">
      <alignment vertical="center"/>
    </xf>
    <xf numFmtId="49" fontId="10" fillId="0" borderId="51" xfId="336" applyNumberFormat="1" applyFont="1" applyFill="1" applyBorder="1" applyAlignment="1">
      <alignment horizontal="center" vertical="center"/>
    </xf>
    <xf numFmtId="49" fontId="10" fillId="0" borderId="30" xfId="336" applyNumberFormat="1" applyFont="1" applyFill="1" applyBorder="1" applyAlignment="1">
      <alignment horizontal="left" vertical="center"/>
    </xf>
    <xf numFmtId="238" fontId="10" fillId="0" borderId="50" xfId="336" applyNumberFormat="1" applyFont="1" applyFill="1" applyBorder="1" applyAlignment="1">
      <alignment horizontal="right" vertical="center"/>
    </xf>
    <xf numFmtId="40" fontId="10" fillId="0" borderId="50" xfId="336" applyNumberFormat="1" applyFont="1" applyFill="1" applyBorder="1" applyAlignment="1">
      <alignment horizontal="right" vertical="center"/>
    </xf>
    <xf numFmtId="237" fontId="10" fillId="0" borderId="50" xfId="336" applyNumberFormat="1" applyFont="1" applyFill="1" applyBorder="1" applyAlignment="1">
      <alignment horizontal="right" vertical="center"/>
    </xf>
    <xf numFmtId="49" fontId="10" fillId="0" borderId="50" xfId="336" applyNumberFormat="1" applyFont="1" applyFill="1" applyBorder="1" applyAlignment="1">
      <alignment horizontal="center" vertical="center"/>
    </xf>
    <xf numFmtId="40" fontId="10" fillId="0" borderId="50" xfId="336" applyNumberFormat="1" applyFont="1" applyFill="1" applyBorder="1" applyAlignment="1" applyProtection="1">
      <alignment horizontal="right" vertical="center"/>
      <protection locked="0"/>
    </xf>
    <xf numFmtId="238" fontId="10" fillId="0" borderId="6" xfId="336" applyNumberFormat="1" applyFont="1" applyFill="1" applyBorder="1" applyAlignment="1">
      <alignment vertical="center"/>
    </xf>
    <xf numFmtId="40" fontId="10" fillId="0" borderId="6" xfId="336" applyNumberFormat="1" applyFont="1" applyFill="1" applyBorder="1" applyAlignment="1">
      <alignment vertical="center"/>
    </xf>
    <xf numFmtId="237" fontId="10" fillId="0" borderId="6" xfId="336" applyNumberFormat="1" applyFont="1" applyFill="1" applyBorder="1" applyAlignment="1">
      <alignment vertical="center"/>
    </xf>
    <xf numFmtId="49" fontId="10" fillId="0" borderId="6" xfId="336" applyNumberFormat="1" applyFont="1" applyFill="1" applyBorder="1" applyAlignment="1">
      <alignment horizontal="center" vertical="center"/>
    </xf>
    <xf numFmtId="49" fontId="10" fillId="0" borderId="48" xfId="336" applyNumberFormat="1" applyFont="1" applyFill="1" applyBorder="1" applyAlignment="1">
      <alignment horizontal="center" vertical="center"/>
    </xf>
    <xf numFmtId="49" fontId="10" fillId="0" borderId="4" xfId="336" applyNumberFormat="1" applyFont="1" applyFill="1" applyBorder="1" applyAlignment="1">
      <alignment horizontal="center" vertical="center"/>
    </xf>
    <xf numFmtId="49" fontId="10" fillId="0" borderId="47" xfId="336" applyNumberFormat="1" applyFont="1" applyFill="1" applyBorder="1" applyAlignment="1">
      <alignment horizontal="center" vertical="center"/>
    </xf>
    <xf numFmtId="49" fontId="10" fillId="0" borderId="5" xfId="336" applyNumberFormat="1" applyFont="1" applyFill="1" applyBorder="1" applyAlignment="1">
      <alignment horizontal="center" vertical="center"/>
    </xf>
    <xf numFmtId="49" fontId="10" fillId="0" borderId="48" xfId="315" applyNumberFormat="1" applyFont="1" applyFill="1" applyBorder="1" applyAlignment="1">
      <alignment horizontal="center" vertical="center"/>
    </xf>
    <xf numFmtId="49" fontId="10" fillId="0" borderId="52" xfId="336" applyNumberFormat="1" applyFont="1" applyFill="1" applyBorder="1" applyAlignment="1">
      <alignment horizontal="right" vertical="center"/>
    </xf>
    <xf numFmtId="49" fontId="10" fillId="0" borderId="0" xfId="315" applyNumberFormat="1" applyFont="1" applyFill="1" applyBorder="1" applyAlignment="1">
      <alignment horizontal="left" vertical="center"/>
    </xf>
    <xf numFmtId="49" fontId="10" fillId="0" borderId="0" xfId="315" applyNumberFormat="1" applyFont="1" applyFill="1" applyBorder="1" applyAlignment="1">
      <alignment horizontal="right" vertical="center"/>
    </xf>
    <xf numFmtId="49" fontId="10" fillId="0" borderId="0" xfId="315" applyNumberFormat="1" applyFont="1" applyFill="1" applyBorder="1" applyAlignment="1">
      <alignment vertical="center"/>
    </xf>
    <xf numFmtId="49" fontId="10" fillId="0" borderId="30" xfId="336" applyNumberFormat="1" applyFont="1" applyFill="1" applyBorder="1" applyAlignment="1">
      <alignment vertical="center" shrinkToFit="1"/>
    </xf>
    <xf numFmtId="49" fontId="10" fillId="0" borderId="46" xfId="336" applyNumberFormat="1" applyFont="1" applyFill="1" applyBorder="1" applyAlignment="1">
      <alignment horizontal="right" vertical="center"/>
    </xf>
    <xf numFmtId="49" fontId="10" fillId="0" borderId="44" xfId="336" applyNumberFormat="1" applyFont="1" applyFill="1" applyBorder="1" applyAlignment="1">
      <alignment vertical="center" shrinkToFit="1"/>
    </xf>
    <xf numFmtId="0" fontId="10" fillId="0" borderId="0" xfId="335" applyFont="1">
      <alignment vertical="center"/>
    </xf>
    <xf numFmtId="49" fontId="10" fillId="0" borderId="54" xfId="335" applyNumberFormat="1" applyFont="1" applyBorder="1" applyAlignment="1">
      <alignment horizontal="left" vertical="center"/>
    </xf>
    <xf numFmtId="49" fontId="10" fillId="0" borderId="53" xfId="335" applyNumberFormat="1" applyFont="1" applyBorder="1" applyAlignment="1">
      <alignment horizontal="left" vertical="center"/>
    </xf>
    <xf numFmtId="49" fontId="10" fillId="0" borderId="17" xfId="335" applyNumberFormat="1" applyFont="1" applyBorder="1" applyAlignment="1">
      <alignment horizontal="left" vertical="center"/>
    </xf>
    <xf numFmtId="49" fontId="10" fillId="0" borderId="51" xfId="335" applyNumberFormat="1" applyFont="1" applyBorder="1" applyAlignment="1">
      <alignment horizontal="left" vertical="center"/>
    </xf>
    <xf numFmtId="49" fontId="10" fillId="0" borderId="51" xfId="335" applyNumberFormat="1" applyFont="1" applyBorder="1" applyAlignment="1">
      <alignment horizontal="left"/>
    </xf>
    <xf numFmtId="49" fontId="10" fillId="0" borderId="17" xfId="335" applyNumberFormat="1" applyFont="1" applyBorder="1" applyAlignment="1">
      <alignment horizontal="left"/>
    </xf>
    <xf numFmtId="49" fontId="10" fillId="0" borderId="51" xfId="335" applyNumberFormat="1" applyFont="1" applyBorder="1" applyAlignment="1">
      <alignment vertical="center"/>
    </xf>
    <xf numFmtId="49" fontId="10" fillId="0" borderId="52" xfId="335" applyNumberFormat="1" applyFont="1" applyBorder="1" applyAlignment="1">
      <alignment horizontal="left" vertical="center"/>
    </xf>
    <xf numFmtId="49" fontId="10" fillId="0" borderId="0" xfId="335" applyNumberFormat="1" applyFont="1" applyBorder="1" applyAlignment="1">
      <alignment horizontal="left" vertical="center"/>
    </xf>
    <xf numFmtId="49" fontId="10" fillId="0" borderId="30" xfId="335" applyNumberFormat="1" applyFont="1" applyBorder="1" applyAlignment="1">
      <alignment horizontal="left" vertical="center"/>
    </xf>
    <xf numFmtId="238" fontId="10" fillId="0" borderId="50" xfId="335" applyNumberFormat="1" applyFont="1" applyBorder="1" applyAlignment="1">
      <alignment horizontal="right" vertical="center"/>
    </xf>
    <xf numFmtId="40" fontId="10" fillId="0" borderId="30" xfId="335" applyNumberFormat="1" applyFont="1" applyBorder="1" applyAlignment="1">
      <alignment horizontal="right"/>
    </xf>
    <xf numFmtId="237" fontId="10" fillId="0" borderId="30" xfId="335" applyNumberFormat="1" applyFont="1" applyBorder="1" applyAlignment="1">
      <alignment horizontal="right"/>
    </xf>
    <xf numFmtId="49" fontId="10" fillId="0" borderId="50" xfId="335" applyNumberFormat="1" applyFont="1" applyBorder="1" applyAlignment="1">
      <alignment horizontal="center" vertical="center"/>
    </xf>
    <xf numFmtId="49" fontId="10" fillId="0" borderId="50" xfId="335" applyNumberFormat="1" applyFont="1" applyBorder="1" applyAlignment="1">
      <alignment horizontal="right" vertical="center"/>
    </xf>
    <xf numFmtId="239" fontId="10" fillId="0" borderId="30" xfId="335" applyNumberFormat="1" applyFont="1" applyBorder="1" applyAlignment="1">
      <alignment horizontal="left" vertical="center"/>
    </xf>
    <xf numFmtId="240" fontId="10" fillId="0" borderId="30" xfId="335" applyNumberFormat="1" applyFont="1" applyBorder="1" applyAlignment="1">
      <alignment horizontal="left" vertical="center"/>
    </xf>
    <xf numFmtId="49" fontId="10" fillId="0" borderId="50" xfId="335" applyNumberFormat="1" applyFont="1" applyBorder="1" applyAlignment="1">
      <alignment vertical="center"/>
    </xf>
    <xf numFmtId="49" fontId="10" fillId="0" borderId="46" xfId="335" applyNumberFormat="1" applyFont="1" applyBorder="1" applyAlignment="1">
      <alignment horizontal="left" vertical="center"/>
    </xf>
    <xf numFmtId="49" fontId="10" fillId="0" borderId="45" xfId="335" applyNumberFormat="1" applyFont="1" applyBorder="1" applyAlignment="1">
      <alignment horizontal="left" vertical="center"/>
    </xf>
    <xf numFmtId="49" fontId="10" fillId="0" borderId="44" xfId="335" applyNumberFormat="1" applyFont="1" applyBorder="1" applyAlignment="1">
      <alignment horizontal="left" vertical="center"/>
    </xf>
    <xf numFmtId="49" fontId="10" fillId="0" borderId="6" xfId="335" applyNumberFormat="1" applyFont="1" applyBorder="1" applyAlignment="1">
      <alignment horizontal="left" vertical="center"/>
    </xf>
    <xf numFmtId="49" fontId="10" fillId="0" borderId="6" xfId="335" applyNumberFormat="1" applyFont="1" applyBorder="1" applyAlignment="1">
      <alignment horizontal="left"/>
    </xf>
    <xf numFmtId="49" fontId="10" fillId="0" borderId="44" xfId="335" applyNumberFormat="1" applyFont="1" applyBorder="1" applyAlignment="1">
      <alignment horizontal="left"/>
    </xf>
    <xf numFmtId="49" fontId="10" fillId="0" borderId="6" xfId="335" applyNumberFormat="1" applyFont="1" applyBorder="1" applyAlignment="1">
      <alignment vertical="center"/>
    </xf>
    <xf numFmtId="49" fontId="10" fillId="0" borderId="5" xfId="335" applyNumberFormat="1" applyFont="1" applyFill="1" applyBorder="1" applyAlignment="1">
      <alignment horizontal="center" vertical="center"/>
    </xf>
    <xf numFmtId="49" fontId="10" fillId="0" borderId="54" xfId="335" applyNumberFormat="1" applyFont="1" applyBorder="1" applyAlignment="1">
      <alignment horizontal="left" vertical="top"/>
    </xf>
    <xf numFmtId="49" fontId="10" fillId="0" borderId="53" xfId="335" applyNumberFormat="1" applyFont="1" applyBorder="1" applyAlignment="1">
      <alignment horizontal="left" vertical="top"/>
    </xf>
    <xf numFmtId="49" fontId="10" fillId="0" borderId="53" xfId="335" applyNumberFormat="1" applyFont="1" applyBorder="1" applyAlignment="1">
      <alignment vertical="top"/>
    </xf>
    <xf numFmtId="49" fontId="10" fillId="0" borderId="17" xfId="335" applyNumberFormat="1" applyFont="1" applyBorder="1" applyAlignment="1">
      <alignment vertical="top"/>
    </xf>
    <xf numFmtId="49" fontId="10" fillId="0" borderId="46" xfId="335" applyNumberFormat="1" applyFont="1" applyBorder="1" applyAlignment="1">
      <alignment horizontal="right" vertical="top"/>
    </xf>
    <xf numFmtId="49" fontId="10" fillId="0" borderId="45" xfId="335" applyNumberFormat="1" applyFont="1" applyBorder="1" applyAlignment="1">
      <alignment vertical="top"/>
    </xf>
    <xf numFmtId="49" fontId="10" fillId="0" borderId="45" xfId="335" applyNumberFormat="1" applyFont="1" applyBorder="1" applyAlignment="1">
      <alignment horizontal="center" vertical="top"/>
    </xf>
    <xf numFmtId="49" fontId="10" fillId="0" borderId="45" xfId="335" applyNumberFormat="1" applyFont="1" applyBorder="1" applyAlignment="1">
      <alignment horizontal="right" vertical="top"/>
    </xf>
    <xf numFmtId="49" fontId="10" fillId="0" borderId="44" xfId="335" applyNumberFormat="1" applyFont="1" applyBorder="1" applyAlignment="1">
      <alignment vertical="top"/>
    </xf>
    <xf numFmtId="0" fontId="10" fillId="0" borderId="0" xfId="335" applyFont="1" applyFill="1">
      <alignment vertical="center"/>
    </xf>
    <xf numFmtId="0" fontId="10" fillId="0" borderId="0" xfId="335" applyFont="1" applyAlignment="1">
      <alignment vertical="top"/>
    </xf>
    <xf numFmtId="0" fontId="8" fillId="0" borderId="27" xfId="0" applyFont="1" applyBorder="1" applyAlignment="1">
      <alignment horizontal="center" vertical="center"/>
    </xf>
    <xf numFmtId="0" fontId="10" fillId="0" borderId="45" xfId="217" applyFont="1" applyBorder="1" applyAlignment="1">
      <alignment horizontal="left"/>
    </xf>
    <xf numFmtId="0" fontId="10" fillId="0" borderId="5" xfId="217" applyFont="1" applyBorder="1" applyAlignment="1">
      <alignment horizontal="center" vertical="center"/>
    </xf>
    <xf numFmtId="49" fontId="10" fillId="0" borderId="0" xfId="336" applyNumberFormat="1" applyFont="1" applyFill="1" applyBorder="1" applyAlignment="1">
      <alignment vertical="center"/>
    </xf>
    <xf numFmtId="49" fontId="10" fillId="0" borderId="0" xfId="336" applyNumberFormat="1" applyFont="1" applyFill="1" applyBorder="1" applyAlignment="1">
      <alignment horizontal="center" vertical="center"/>
    </xf>
    <xf numFmtId="49" fontId="10" fillId="0" borderId="52" xfId="336" applyNumberFormat="1" applyFont="1" applyFill="1" applyBorder="1" applyAlignment="1">
      <alignment vertical="center"/>
    </xf>
    <xf numFmtId="195" fontId="10" fillId="0" borderId="51" xfId="137" applyNumberFormat="1" applyFont="1" applyFill="1" applyBorder="1"/>
    <xf numFmtId="38" fontId="44" fillId="0" borderId="17" xfId="137" applyFont="1" applyFill="1" applyBorder="1" applyAlignment="1">
      <alignment horizontal="distributed"/>
    </xf>
    <xf numFmtId="38" fontId="44" fillId="0" borderId="30" xfId="137" applyFont="1" applyFill="1" applyBorder="1"/>
    <xf numFmtId="38" fontId="44" fillId="0" borderId="30" xfId="137" applyFont="1" applyFill="1" applyBorder="1" applyAlignment="1">
      <alignment horizontal="center"/>
    </xf>
    <xf numFmtId="38" fontId="72" fillId="0" borderId="30" xfId="137" applyFont="1" applyFill="1" applyBorder="1" applyAlignment="1">
      <alignment horizontal="left"/>
    </xf>
    <xf numFmtId="38" fontId="72" fillId="0" borderId="0" xfId="178" applyNumberFormat="1" applyFont="1" applyFill="1" applyBorder="1" applyAlignment="1">
      <alignment horizontal="center"/>
    </xf>
    <xf numFmtId="10" fontId="72" fillId="0" borderId="0" xfId="126" quotePrefix="1" applyNumberFormat="1" applyFont="1" applyFill="1" applyBorder="1" applyAlignment="1">
      <alignment horizontal="left"/>
    </xf>
    <xf numFmtId="206" fontId="72" fillId="0" borderId="30" xfId="137" applyNumberFormat="1" applyFont="1" applyFill="1" applyBorder="1" applyAlignment="1">
      <alignment horizontal="right"/>
    </xf>
    <xf numFmtId="38" fontId="72" fillId="0" borderId="0" xfId="137" applyFont="1" applyFill="1" applyBorder="1" applyAlignment="1">
      <alignment horizontal="center"/>
    </xf>
    <xf numFmtId="38" fontId="72" fillId="0" borderId="0" xfId="137" applyFont="1" applyFill="1" applyBorder="1" applyAlignment="1">
      <alignment horizontal="left"/>
    </xf>
    <xf numFmtId="38" fontId="72" fillId="0" borderId="30" xfId="137" applyFont="1" applyFill="1" applyBorder="1" applyAlignment="1">
      <alignment horizontal="right"/>
    </xf>
    <xf numFmtId="0" fontId="72" fillId="0" borderId="0" xfId="178" applyFont="1" applyFill="1" applyBorder="1" applyAlignment="1">
      <alignment horizontal="center"/>
    </xf>
    <xf numFmtId="0" fontId="72" fillId="0" borderId="0" xfId="178" applyFont="1" applyFill="1" applyBorder="1" applyAlignment="1">
      <alignment horizontal="left"/>
    </xf>
    <xf numFmtId="0" fontId="72" fillId="0" borderId="57" xfId="178" quotePrefix="1" applyFont="1" applyFill="1" applyBorder="1"/>
    <xf numFmtId="38" fontId="72" fillId="0" borderId="44" xfId="137" applyFont="1" applyFill="1" applyBorder="1" applyAlignment="1">
      <alignment horizontal="left"/>
    </xf>
    <xf numFmtId="38" fontId="44" fillId="0" borderId="30" xfId="137" applyFont="1" applyFill="1" applyBorder="1" applyAlignment="1">
      <alignment horizontal="left"/>
    </xf>
    <xf numFmtId="38" fontId="72" fillId="0" borderId="0" xfId="137" applyFont="1" applyFill="1" applyBorder="1" applyAlignment="1">
      <alignment horizontal="right"/>
    </xf>
    <xf numFmtId="0" fontId="103" fillId="0" borderId="0" xfId="0" applyFont="1">
      <alignment vertical="center"/>
    </xf>
    <xf numFmtId="0" fontId="45" fillId="0" borderId="27" xfId="170" applyFont="1" applyFill="1" applyBorder="1" applyAlignment="1">
      <alignment shrinkToFit="1"/>
    </xf>
    <xf numFmtId="0" fontId="5" fillId="0" borderId="0" xfId="0" applyFont="1">
      <alignment vertical="center"/>
    </xf>
    <xf numFmtId="0" fontId="103" fillId="0" borderId="0" xfId="0" applyNumberFormat="1" applyFont="1">
      <alignment vertical="center"/>
    </xf>
    <xf numFmtId="196" fontId="103" fillId="0" borderId="0" xfId="0" applyNumberFormat="1" applyFont="1">
      <alignment vertical="center"/>
    </xf>
    <xf numFmtId="0" fontId="103" fillId="0" borderId="0" xfId="0" applyFont="1" applyFill="1">
      <alignment vertical="center"/>
    </xf>
    <xf numFmtId="0" fontId="103" fillId="0" borderId="0" xfId="0" applyFont="1" applyAlignment="1">
      <alignment vertical="center" shrinkToFit="1"/>
    </xf>
    <xf numFmtId="0" fontId="51" fillId="0" borderId="0" xfId="171" applyFont="1" applyFill="1" applyAlignment="1">
      <alignment vertical="top" wrapText="1"/>
    </xf>
    <xf numFmtId="0" fontId="51" fillId="0" borderId="0" xfId="171" applyFont="1" applyFill="1" applyBorder="1" applyAlignment="1"/>
    <xf numFmtId="0" fontId="7" fillId="0" borderId="0" xfId="171" applyFont="1" applyFill="1" applyBorder="1" applyAlignment="1">
      <alignment shrinkToFit="1"/>
    </xf>
    <xf numFmtId="0" fontId="7" fillId="0" borderId="0" xfId="171" applyFont="1" applyFill="1" applyBorder="1" applyAlignment="1"/>
    <xf numFmtId="0" fontId="7" fillId="0" borderId="0" xfId="171" applyFont="1" applyFill="1" applyBorder="1" applyAlignment="1">
      <alignment vertical="top" wrapText="1"/>
    </xf>
    <xf numFmtId="0" fontId="5" fillId="0" borderId="0" xfId="171" applyFont="1" applyFill="1" applyBorder="1" applyAlignment="1">
      <alignment vertical="top" wrapText="1"/>
    </xf>
    <xf numFmtId="0" fontId="5" fillId="0" borderId="52" xfId="171" applyFont="1" applyFill="1" applyBorder="1" applyAlignment="1">
      <alignment vertical="top" wrapText="1"/>
    </xf>
    <xf numFmtId="0" fontId="7" fillId="0" borderId="44" xfId="171" applyFont="1" applyFill="1" applyBorder="1" applyAlignment="1">
      <alignment horizontal="center"/>
    </xf>
    <xf numFmtId="0" fontId="5" fillId="0" borderId="45" xfId="171" applyFont="1" applyFill="1" applyBorder="1" applyAlignment="1">
      <alignment horizontal="center"/>
    </xf>
    <xf numFmtId="0" fontId="5" fillId="0" borderId="46" xfId="171" applyFont="1" applyFill="1" applyBorder="1" applyAlignment="1">
      <alignment horizontal="center"/>
    </xf>
    <xf numFmtId="0" fontId="7" fillId="0" borderId="45" xfId="171" applyFont="1" applyFill="1" applyBorder="1" applyAlignment="1">
      <alignment horizontal="left" vertical="center" wrapText="1"/>
    </xf>
    <xf numFmtId="0" fontId="7" fillId="0" borderId="45" xfId="171" applyFont="1" applyFill="1" applyBorder="1" applyAlignment="1">
      <alignment horizontal="left" vertical="center"/>
    </xf>
    <xf numFmtId="0" fontId="7" fillId="0" borderId="46" xfId="171" applyFont="1" applyFill="1" applyBorder="1" applyAlignment="1">
      <alignment horizontal="left" vertical="center"/>
    </xf>
    <xf numFmtId="0" fontId="7" fillId="0" borderId="0" xfId="171" applyFont="1" applyFill="1" applyBorder="1" applyAlignment="1">
      <alignment horizontal="center"/>
    </xf>
    <xf numFmtId="0" fontId="7" fillId="0" borderId="45" xfId="171" applyFont="1" applyFill="1" applyBorder="1" applyAlignment="1">
      <alignment shrinkToFit="1"/>
    </xf>
    <xf numFmtId="0" fontId="7" fillId="0" borderId="46" xfId="171" applyFont="1" applyFill="1" applyBorder="1" applyAlignment="1">
      <alignment shrinkToFit="1"/>
    </xf>
    <xf numFmtId="0" fontId="7" fillId="0" borderId="6" xfId="171" applyFont="1" applyFill="1" applyBorder="1" applyAlignment="1">
      <alignment shrinkToFit="1"/>
    </xf>
    <xf numFmtId="0" fontId="7" fillId="0" borderId="44" xfId="171" applyFont="1" applyFill="1" applyBorder="1" applyAlignment="1">
      <alignment shrinkToFit="1"/>
    </xf>
    <xf numFmtId="0" fontId="10" fillId="0" borderId="0" xfId="171" applyFont="1" applyFill="1" applyBorder="1" applyAlignment="1">
      <alignment vertical="top" wrapText="1"/>
    </xf>
    <xf numFmtId="0" fontId="5" fillId="0" borderId="0" xfId="171" applyFont="1" applyFill="1" applyAlignment="1">
      <alignment shrinkToFit="1"/>
    </xf>
    <xf numFmtId="0" fontId="7" fillId="0" borderId="44" xfId="171" applyFont="1" applyFill="1" applyBorder="1" applyAlignment="1">
      <alignment horizontal="center" wrapText="1"/>
    </xf>
    <xf numFmtId="0" fontId="7" fillId="0" borderId="45" xfId="171" applyFont="1" applyFill="1" applyBorder="1" applyAlignment="1">
      <alignment horizontal="center" wrapText="1"/>
    </xf>
    <xf numFmtId="0" fontId="7" fillId="0" borderId="46" xfId="171" applyFont="1" applyFill="1" applyBorder="1" applyAlignment="1">
      <alignment horizontal="center" wrapText="1"/>
    </xf>
    <xf numFmtId="0" fontId="5" fillId="0" borderId="30" xfId="171" applyFont="1" applyFill="1" applyBorder="1" applyAlignment="1">
      <alignment horizontal="center" wrapText="1"/>
    </xf>
    <xf numFmtId="0" fontId="5" fillId="0" borderId="0" xfId="171" applyFont="1" applyFill="1" applyBorder="1" applyAlignment="1">
      <alignment horizontal="center" wrapText="1"/>
    </xf>
    <xf numFmtId="0" fontId="5" fillId="0" borderId="52" xfId="171" applyFont="1" applyFill="1" applyBorder="1" applyAlignment="1">
      <alignment horizontal="center" wrapText="1"/>
    </xf>
    <xf numFmtId="0" fontId="7" fillId="0" borderId="0" xfId="171" applyFont="1" applyFill="1" applyBorder="1" applyAlignment="1">
      <alignment horizontal="center" shrinkToFit="1"/>
    </xf>
    <xf numFmtId="0" fontId="7" fillId="0" borderId="45" xfId="171" applyFont="1" applyFill="1" applyBorder="1" applyAlignment="1">
      <alignment horizontal="center"/>
    </xf>
    <xf numFmtId="0" fontId="7" fillId="0" borderId="46" xfId="171" applyFont="1" applyFill="1" applyBorder="1" applyAlignment="1">
      <alignment horizontal="center"/>
    </xf>
    <xf numFmtId="0" fontId="66" fillId="0" borderId="0" xfId="171" applyFont="1" applyFill="1" applyBorder="1" applyAlignment="1">
      <alignment shrinkToFit="1"/>
    </xf>
    <xf numFmtId="0" fontId="7" fillId="0" borderId="52" xfId="171" applyFont="1" applyFill="1" applyBorder="1" applyAlignment="1">
      <alignment vertical="top" wrapText="1"/>
    </xf>
    <xf numFmtId="0" fontId="9" fillId="0" borderId="0" xfId="171" applyFont="1" applyFill="1" applyBorder="1" applyAlignment="1">
      <alignment shrinkToFit="1"/>
    </xf>
    <xf numFmtId="0" fontId="8" fillId="0" borderId="0" xfId="171" applyFont="1" applyFill="1" applyAlignment="1">
      <alignment shrinkToFit="1"/>
    </xf>
    <xf numFmtId="0" fontId="9" fillId="0" borderId="0" xfId="171" applyFont="1" applyFill="1" applyBorder="1" applyAlignment="1">
      <alignment horizontal="left"/>
    </xf>
    <xf numFmtId="0" fontId="7" fillId="0" borderId="0" xfId="171" applyFont="1" applyFill="1" applyBorder="1" applyAlignment="1">
      <alignment horizontal="left" shrinkToFit="1"/>
    </xf>
    <xf numFmtId="0" fontId="7" fillId="0" borderId="45" xfId="171" applyFont="1" applyFill="1" applyBorder="1" applyAlignment="1"/>
    <xf numFmtId="0" fontId="7" fillId="0" borderId="47" xfId="171" applyFont="1" applyFill="1" applyBorder="1" applyAlignment="1">
      <alignment horizontal="center"/>
    </xf>
    <xf numFmtId="0" fontId="7" fillId="0" borderId="4" xfId="171" applyFont="1" applyFill="1" applyBorder="1" applyAlignment="1">
      <alignment horizontal="center"/>
    </xf>
    <xf numFmtId="0" fontId="7" fillId="0" borderId="48" xfId="171" applyFont="1" applyFill="1" applyBorder="1" applyAlignment="1">
      <alignment horizontal="center"/>
    </xf>
    <xf numFmtId="0" fontId="7" fillId="0" borderId="4" xfId="171" applyFont="1" applyFill="1" applyBorder="1" applyAlignment="1">
      <alignment horizontal="center" shrinkToFit="1"/>
    </xf>
    <xf numFmtId="0" fontId="92" fillId="0" borderId="0" xfId="171" applyFont="1" applyFill="1" applyAlignment="1">
      <alignment shrinkToFit="1"/>
    </xf>
    <xf numFmtId="0" fontId="7" fillId="0" borderId="44" xfId="0" applyFont="1" applyFill="1" applyBorder="1" applyAlignment="1">
      <alignment horizontal="center" wrapText="1"/>
    </xf>
    <xf numFmtId="0" fontId="7" fillId="0" borderId="45" xfId="0" applyFont="1" applyFill="1" applyBorder="1" applyAlignment="1">
      <alignment horizontal="center"/>
    </xf>
    <xf numFmtId="0" fontId="7" fillId="0" borderId="46" xfId="0" applyFont="1" applyFill="1" applyBorder="1" applyAlignment="1">
      <alignment horizontal="center"/>
    </xf>
    <xf numFmtId="0" fontId="7" fillId="0" borderId="0" xfId="0" applyFont="1" applyFill="1" applyBorder="1" applyAlignment="1">
      <alignment horizontal="center"/>
    </xf>
    <xf numFmtId="0" fontId="7" fillId="0" borderId="0" xfId="0" applyFont="1" applyFill="1" applyBorder="1" applyAlignment="1">
      <alignment horizontal="center" shrinkToFit="1"/>
    </xf>
    <xf numFmtId="0" fontId="7" fillId="0" borderId="0" xfId="0" applyFont="1" applyFill="1" applyBorder="1" applyAlignment="1">
      <alignment shrinkToFit="1"/>
    </xf>
    <xf numFmtId="0" fontId="10" fillId="0" borderId="29" xfId="277" applyFont="1" applyBorder="1" applyAlignment="1">
      <alignment horizontal="center" vertical="center"/>
    </xf>
    <xf numFmtId="0" fontId="10" fillId="0" borderId="93" xfId="277" applyFont="1" applyBorder="1" applyAlignment="1">
      <alignment horizontal="center" vertical="center"/>
    </xf>
    <xf numFmtId="0" fontId="10" fillId="0" borderId="94" xfId="277" applyFont="1" applyBorder="1" applyAlignment="1">
      <alignment horizontal="center" vertical="center"/>
    </xf>
    <xf numFmtId="0" fontId="10" fillId="0" borderId="1" xfId="277" applyFont="1" applyBorder="1" applyAlignment="1">
      <alignment horizontal="center" vertical="center"/>
    </xf>
    <xf numFmtId="0" fontId="10" fillId="0" borderId="92" xfId="277" applyFont="1" applyBorder="1" applyAlignment="1">
      <alignment horizontal="center" vertical="center"/>
    </xf>
    <xf numFmtId="0" fontId="10" fillId="0" borderId="55" xfId="277" applyFont="1" applyBorder="1" applyAlignment="1">
      <alignment horizontal="center" vertical="center"/>
    </xf>
    <xf numFmtId="0" fontId="10" fillId="0" borderId="97" xfId="277" applyFont="1" applyBorder="1" applyAlignment="1">
      <alignment horizontal="center" vertical="center"/>
    </xf>
    <xf numFmtId="0" fontId="10" fillId="0" borderId="98" xfId="277" applyFont="1" applyBorder="1" applyAlignment="1">
      <alignment horizontal="center" vertical="center"/>
    </xf>
    <xf numFmtId="0" fontId="43" fillId="0" borderId="29" xfId="277" applyFont="1" applyBorder="1" applyAlignment="1">
      <alignment horizontal="left" vertical="top" wrapText="1"/>
    </xf>
    <xf numFmtId="0" fontId="43" fillId="0" borderId="93" xfId="277" applyFont="1" applyBorder="1" applyAlignment="1">
      <alignment horizontal="left" vertical="top" wrapText="1"/>
    </xf>
    <xf numFmtId="0" fontId="43" fillId="0" borderId="94" xfId="277" applyFont="1" applyBorder="1" applyAlignment="1">
      <alignment horizontal="left" vertical="top" wrapText="1"/>
    </xf>
    <xf numFmtId="0" fontId="43" fillId="0" borderId="30" xfId="277" applyFont="1" applyBorder="1" applyAlignment="1">
      <alignment horizontal="left" vertical="top" wrapText="1"/>
    </xf>
    <xf numFmtId="0" fontId="43" fillId="0" borderId="0" xfId="277" applyFont="1" applyBorder="1" applyAlignment="1">
      <alignment horizontal="left" vertical="top" wrapText="1"/>
    </xf>
    <xf numFmtId="0" fontId="43" fillId="0" borderId="72" xfId="277" applyFont="1" applyBorder="1" applyAlignment="1">
      <alignment horizontal="left" vertical="top" wrapText="1"/>
    </xf>
    <xf numFmtId="0" fontId="43" fillId="0" borderId="17" xfId="277" applyFont="1" applyBorder="1" applyAlignment="1">
      <alignment horizontal="left" vertical="top" wrapText="1"/>
    </xf>
    <xf numFmtId="0" fontId="43" fillId="0" borderId="53" xfId="277" applyFont="1" applyBorder="1" applyAlignment="1">
      <alignment horizontal="left" vertical="top" wrapText="1"/>
    </xf>
    <xf numFmtId="0" fontId="43" fillId="0" borderId="85" xfId="277" applyFont="1" applyBorder="1" applyAlignment="1">
      <alignment horizontal="left" vertical="top" wrapText="1"/>
    </xf>
    <xf numFmtId="0" fontId="43" fillId="0" borderId="37" xfId="277" applyFont="1" applyBorder="1" applyAlignment="1">
      <alignment vertical="top" wrapText="1"/>
    </xf>
    <xf numFmtId="0" fontId="43" fillId="0" borderId="93" xfId="277" applyFont="1" applyBorder="1" applyAlignment="1">
      <alignment vertical="top" wrapText="1"/>
    </xf>
    <xf numFmtId="0" fontId="43" fillId="0" borderId="97" xfId="277" applyFont="1" applyBorder="1" applyAlignment="1">
      <alignment vertical="top" wrapText="1"/>
    </xf>
    <xf numFmtId="0" fontId="43" fillId="0" borderId="38" xfId="277" applyFont="1" applyBorder="1" applyAlignment="1">
      <alignment vertical="top" wrapText="1"/>
    </xf>
    <xf numFmtId="0" fontId="43" fillId="0" borderId="0" xfId="277" applyFont="1" applyBorder="1" applyAlignment="1">
      <alignment vertical="top" wrapText="1"/>
    </xf>
    <xf numFmtId="0" fontId="43" fillId="0" borderId="52" xfId="277" applyFont="1" applyBorder="1" applyAlignment="1">
      <alignment vertical="top" wrapText="1"/>
    </xf>
    <xf numFmtId="0" fontId="43" fillId="0" borderId="56" xfId="277" applyFont="1" applyBorder="1" applyAlignment="1">
      <alignment vertical="top" wrapText="1"/>
    </xf>
    <xf numFmtId="0" fontId="43" fillId="0" borderId="53" xfId="277" applyFont="1" applyBorder="1" applyAlignment="1">
      <alignment vertical="top" wrapText="1"/>
    </xf>
    <xf numFmtId="0" fontId="43" fillId="0" borderId="54" xfId="277" applyFont="1" applyBorder="1" applyAlignment="1">
      <alignment vertical="top" wrapText="1"/>
    </xf>
    <xf numFmtId="0" fontId="30" fillId="0" borderId="44" xfId="277" applyFont="1" applyBorder="1" applyAlignment="1">
      <alignment horizontal="center" vertical="center"/>
    </xf>
    <xf numFmtId="0" fontId="30" fillId="0" borderId="45" xfId="277" applyFont="1" applyBorder="1" applyAlignment="1">
      <alignment horizontal="center" vertical="center"/>
    </xf>
    <xf numFmtId="0" fontId="30" fillId="0" borderId="90" xfId="277" applyFont="1" applyBorder="1" applyAlignment="1">
      <alignment horizontal="center" vertical="center"/>
    </xf>
    <xf numFmtId="0" fontId="30" fillId="0" borderId="1" xfId="277" applyFont="1" applyBorder="1" applyAlignment="1">
      <alignment horizontal="center" vertical="center"/>
    </xf>
    <xf numFmtId="0" fontId="30" fillId="0" borderId="92" xfId="277" applyFont="1" applyBorder="1" applyAlignment="1">
      <alignment horizontal="center" vertical="center"/>
    </xf>
    <xf numFmtId="0" fontId="30" fillId="0" borderId="55" xfId="277" applyFont="1" applyBorder="1" applyAlignment="1">
      <alignment horizontal="center" vertical="center"/>
    </xf>
    <xf numFmtId="0" fontId="10" fillId="0" borderId="87" xfId="277" applyNumberFormat="1" applyFont="1" applyBorder="1" applyAlignment="1">
      <alignment horizontal="center" vertical="center"/>
    </xf>
    <xf numFmtId="0" fontId="10" fillId="0" borderId="74" xfId="277" applyNumberFormat="1" applyFont="1" applyBorder="1" applyAlignment="1">
      <alignment horizontal="center" vertical="center"/>
    </xf>
    <xf numFmtId="0" fontId="10" fillId="0" borderId="75" xfId="277" applyFont="1" applyBorder="1" applyAlignment="1">
      <alignment horizontal="center" vertical="center"/>
    </xf>
    <xf numFmtId="0" fontId="10" fillId="0" borderId="37" xfId="277" applyFont="1" applyBorder="1" applyAlignment="1">
      <alignment horizontal="center" vertical="center"/>
    </xf>
    <xf numFmtId="0" fontId="10" fillId="0" borderId="38" xfId="277" applyFont="1" applyBorder="1" applyAlignment="1">
      <alignment horizontal="center" vertical="center"/>
    </xf>
    <xf numFmtId="0" fontId="10" fillId="0" borderId="0" xfId="277" applyFont="1" applyBorder="1" applyAlignment="1">
      <alignment horizontal="center" vertical="center"/>
    </xf>
    <xf numFmtId="0" fontId="10" fillId="0" borderId="52" xfId="277" applyFont="1" applyBorder="1" applyAlignment="1">
      <alignment horizontal="center" vertical="center"/>
    </xf>
    <xf numFmtId="0" fontId="10" fillId="0" borderId="39" xfId="277" applyFont="1" applyBorder="1" applyAlignment="1">
      <alignment horizontal="center" vertical="center"/>
    </xf>
    <xf numFmtId="236" fontId="69" fillId="0" borderId="0" xfId="217" applyNumberFormat="1" applyFont="1" applyBorder="1" applyAlignment="1">
      <alignment horizontal="center" vertical="center"/>
    </xf>
    <xf numFmtId="0" fontId="32" fillId="0" borderId="37" xfId="277" applyFont="1" applyBorder="1" applyAlignment="1">
      <alignment horizontal="center" vertical="center"/>
    </xf>
    <xf numFmtId="0" fontId="32" fillId="0" borderId="93" xfId="277" applyFont="1" applyBorder="1" applyAlignment="1">
      <alignment horizontal="center" vertical="center"/>
    </xf>
    <xf numFmtId="0" fontId="32" fillId="0" borderId="94" xfId="277" applyFont="1" applyBorder="1" applyAlignment="1">
      <alignment horizontal="center" vertical="center"/>
    </xf>
    <xf numFmtId="0" fontId="32" fillId="0" borderId="38" xfId="277" applyFont="1" applyBorder="1" applyAlignment="1">
      <alignment horizontal="center" vertical="center"/>
    </xf>
    <xf numFmtId="0" fontId="32" fillId="0" borderId="0" xfId="277" applyFont="1" applyBorder="1" applyAlignment="1">
      <alignment horizontal="center" vertical="center"/>
    </xf>
    <xf numFmtId="0" fontId="32" fillId="0" borderId="72" xfId="277" applyFont="1" applyBorder="1" applyAlignment="1">
      <alignment horizontal="center" vertical="center"/>
    </xf>
    <xf numFmtId="0" fontId="32" fillId="0" borderId="39" xfId="277" applyFont="1" applyBorder="1" applyAlignment="1">
      <alignment horizontal="center" vertical="center"/>
    </xf>
    <xf numFmtId="0" fontId="32" fillId="0" borderId="92" xfId="277" applyFont="1" applyBorder="1" applyAlignment="1">
      <alignment horizontal="center" vertical="center"/>
    </xf>
    <xf numFmtId="0" fontId="32" fillId="0" borderId="55" xfId="277" applyFont="1" applyBorder="1" applyAlignment="1">
      <alignment horizontal="center" vertical="center"/>
    </xf>
    <xf numFmtId="0" fontId="44" fillId="0" borderId="75" xfId="277" applyFont="1" applyBorder="1" applyAlignment="1">
      <alignment horizontal="center" vertical="center" wrapText="1"/>
    </xf>
    <xf numFmtId="0" fontId="44" fillId="0" borderId="75" xfId="277" applyFont="1" applyBorder="1" applyAlignment="1">
      <alignment horizontal="center" vertical="center"/>
    </xf>
    <xf numFmtId="0" fontId="30" fillId="0" borderId="37" xfId="277" applyFont="1" applyBorder="1" applyAlignment="1">
      <alignment horizontal="center" vertical="center"/>
    </xf>
    <xf numFmtId="0" fontId="30" fillId="0" borderId="93" xfId="277" applyFont="1" applyBorder="1" applyAlignment="1">
      <alignment horizontal="center" vertical="center"/>
    </xf>
    <xf numFmtId="0" fontId="30" fillId="0" borderId="94" xfId="277" applyFont="1" applyBorder="1" applyAlignment="1">
      <alignment horizontal="center" vertical="center"/>
    </xf>
    <xf numFmtId="0" fontId="30" fillId="0" borderId="38" xfId="277" applyFont="1" applyBorder="1" applyAlignment="1">
      <alignment horizontal="center" vertical="center"/>
    </xf>
    <xf numFmtId="0" fontId="30" fillId="0" borderId="0" xfId="277" applyFont="1" applyBorder="1" applyAlignment="1">
      <alignment horizontal="center" vertical="center"/>
    </xf>
    <xf numFmtId="0" fontId="30" fillId="0" borderId="72" xfId="277" applyFont="1" applyBorder="1" applyAlignment="1">
      <alignment horizontal="center" vertical="center"/>
    </xf>
    <xf numFmtId="0" fontId="30" fillId="0" borderId="39" xfId="277" applyFont="1" applyBorder="1" applyAlignment="1">
      <alignment horizontal="center" vertical="center"/>
    </xf>
    <xf numFmtId="0" fontId="10" fillId="0" borderId="95" xfId="277" applyFont="1" applyBorder="1" applyAlignment="1">
      <alignment horizontal="center" vertical="center"/>
    </xf>
    <xf numFmtId="0" fontId="10" fillId="0" borderId="96" xfId="277" applyFont="1" applyBorder="1" applyAlignment="1">
      <alignment horizontal="center" vertical="center"/>
    </xf>
    <xf numFmtId="0" fontId="10" fillId="0" borderId="73" xfId="277" applyFont="1" applyBorder="1" applyAlignment="1">
      <alignment horizontal="center" vertical="center"/>
    </xf>
    <xf numFmtId="0" fontId="10" fillId="0" borderId="75" xfId="277" applyFont="1" applyBorder="1" applyAlignment="1">
      <alignment horizontal="center" vertical="center" wrapText="1"/>
    </xf>
    <xf numFmtId="0" fontId="10" fillId="0" borderId="58" xfId="277" applyFont="1" applyBorder="1" applyAlignment="1">
      <alignment horizontal="center" vertical="center"/>
    </xf>
    <xf numFmtId="0" fontId="98" fillId="0" borderId="91" xfId="277" applyFont="1" applyBorder="1" applyAlignment="1">
      <alignment horizontal="center" vertical="center"/>
    </xf>
    <xf numFmtId="0" fontId="98" fillId="0" borderId="75" xfId="277" applyFont="1" applyBorder="1" applyAlignment="1">
      <alignment horizontal="center" vertical="center"/>
    </xf>
    <xf numFmtId="0" fontId="30" fillId="0" borderId="91" xfId="277" applyFont="1" applyBorder="1" applyAlignment="1">
      <alignment horizontal="center" vertical="center"/>
    </xf>
    <xf numFmtId="0" fontId="30" fillId="0" borderId="20" xfId="277" applyFont="1" applyBorder="1" applyAlignment="1">
      <alignment horizontal="center" vertical="center"/>
    </xf>
    <xf numFmtId="0" fontId="30" fillId="0" borderId="75" xfId="277" applyFont="1" applyBorder="1" applyAlignment="1">
      <alignment horizontal="center" vertical="center"/>
    </xf>
    <xf numFmtId="0" fontId="30" fillId="0" borderId="73" xfId="277" applyFont="1" applyBorder="1" applyAlignment="1">
      <alignment horizontal="center" vertical="center"/>
    </xf>
    <xf numFmtId="0" fontId="10" fillId="0" borderId="27" xfId="277" applyFont="1" applyBorder="1" applyAlignment="1">
      <alignment horizontal="center" vertical="center"/>
    </xf>
    <xf numFmtId="3" fontId="30" fillId="0" borderId="0" xfId="277" applyNumberFormat="1" applyFont="1" applyBorder="1" applyAlignment="1">
      <alignment horizontal="center" vertical="center"/>
    </xf>
    <xf numFmtId="0" fontId="71" fillId="0" borderId="67" xfId="178" applyFont="1" applyBorder="1" applyAlignment="1">
      <alignment horizontal="center" vertical="center" justifyLastLine="1"/>
    </xf>
    <xf numFmtId="38" fontId="43" fillId="0" borderId="47" xfId="137" applyFont="1" applyFill="1" applyBorder="1" applyAlignment="1">
      <alignment horizontal="center" vertical="center"/>
    </xf>
    <xf numFmtId="38" fontId="43" fillId="0" borderId="4" xfId="137" applyFont="1" applyFill="1" applyBorder="1" applyAlignment="1">
      <alignment horizontal="center" vertical="center"/>
    </xf>
    <xf numFmtId="0" fontId="72" fillId="0" borderId="0" xfId="178" applyFont="1" applyFill="1" applyBorder="1" applyAlignment="1">
      <alignment horizontal="center" shrinkToFit="1"/>
    </xf>
    <xf numFmtId="0" fontId="72" fillId="0" borderId="57" xfId="178" applyFont="1" applyFill="1" applyBorder="1" applyAlignment="1">
      <alignment horizontal="center" shrinkToFit="1"/>
    </xf>
    <xf numFmtId="0" fontId="8" fillId="0" borderId="60" xfId="0" applyFont="1" applyBorder="1" applyAlignment="1">
      <alignment horizontal="center" vertical="center"/>
    </xf>
    <xf numFmtId="0" fontId="8" fillId="0" borderId="28" xfId="0" applyFont="1" applyBorder="1" applyAlignment="1">
      <alignment horizontal="center" vertical="center"/>
    </xf>
    <xf numFmtId="0" fontId="8" fillId="0" borderId="59" xfId="0" applyFont="1" applyBorder="1" applyAlignment="1">
      <alignment horizontal="center" vertical="center"/>
    </xf>
    <xf numFmtId="0" fontId="8" fillId="0" borderId="31" xfId="0" applyFont="1" applyBorder="1" applyAlignment="1">
      <alignment horizontal="center" vertical="center"/>
    </xf>
    <xf numFmtId="0" fontId="8" fillId="0" borderId="58" xfId="0" applyFont="1" applyBorder="1" applyAlignment="1">
      <alignment horizontal="center" vertical="center"/>
    </xf>
    <xf numFmtId="0" fontId="8" fillId="0" borderId="27" xfId="0" applyFont="1" applyBorder="1" applyAlignment="1">
      <alignment horizontal="center" vertical="center"/>
    </xf>
    <xf numFmtId="0" fontId="8" fillId="0" borderId="36" xfId="0" applyFont="1" applyBorder="1" applyAlignment="1">
      <alignment horizontal="center" vertical="center"/>
    </xf>
    <xf numFmtId="0" fontId="8" fillId="0" borderId="32" xfId="0" applyFont="1" applyBorder="1" applyAlignment="1">
      <alignment horizontal="center" vertical="center"/>
    </xf>
    <xf numFmtId="0" fontId="8" fillId="0" borderId="78" xfId="0" applyFont="1" applyBorder="1" applyAlignment="1">
      <alignment horizontal="center" vertical="center"/>
    </xf>
    <xf numFmtId="0" fontId="10" fillId="0" borderId="17" xfId="217" applyFont="1" applyBorder="1" applyAlignment="1">
      <alignment vertical="top" shrinkToFit="1"/>
    </xf>
    <xf numFmtId="0" fontId="10" fillId="0" borderId="53" xfId="217" applyFont="1" applyBorder="1" applyAlignment="1">
      <alignment vertical="top" shrinkToFit="1"/>
    </xf>
    <xf numFmtId="0" fontId="10" fillId="0" borderId="54" xfId="217" applyFont="1" applyBorder="1" applyAlignment="1">
      <alignment vertical="top" shrinkToFit="1"/>
    </xf>
    <xf numFmtId="0" fontId="10" fillId="0" borderId="53" xfId="217" applyFont="1" applyBorder="1" applyAlignment="1">
      <alignment horizontal="left" shrinkToFit="1"/>
    </xf>
    <xf numFmtId="0" fontId="10" fillId="0" borderId="54" xfId="217" applyFont="1" applyBorder="1" applyAlignment="1">
      <alignment horizontal="left" shrinkToFit="1"/>
    </xf>
    <xf numFmtId="0" fontId="10" fillId="0" borderId="44" xfId="217" applyFont="1" applyBorder="1" applyAlignment="1">
      <alignment vertical="top" shrinkToFit="1"/>
    </xf>
    <xf numFmtId="0" fontId="10" fillId="0" borderId="45" xfId="217" applyFont="1" applyBorder="1" applyAlignment="1">
      <alignment vertical="top" shrinkToFit="1"/>
    </xf>
    <xf numFmtId="0" fontId="10" fillId="0" borderId="46" xfId="217" applyFont="1" applyBorder="1" applyAlignment="1">
      <alignment vertical="top" shrinkToFit="1"/>
    </xf>
    <xf numFmtId="0" fontId="10" fillId="0" borderId="45" xfId="217" applyFont="1" applyBorder="1" applyAlignment="1">
      <alignment horizontal="left" shrinkToFit="1"/>
    </xf>
    <xf numFmtId="0" fontId="10" fillId="0" borderId="46" xfId="217" applyFont="1" applyBorder="1" applyAlignment="1">
      <alignment horizontal="left" shrinkToFit="1"/>
    </xf>
    <xf numFmtId="0" fontId="10" fillId="0" borderId="30" xfId="217" applyFont="1" applyBorder="1" applyAlignment="1">
      <alignment vertical="top" shrinkToFit="1"/>
    </xf>
    <xf numFmtId="0" fontId="10" fillId="0" borderId="0" xfId="217" applyFont="1" applyBorder="1" applyAlignment="1">
      <alignment vertical="top" shrinkToFit="1"/>
    </xf>
    <xf numFmtId="0" fontId="10" fillId="0" borderId="52" xfId="217" applyFont="1" applyBorder="1" applyAlignment="1">
      <alignment vertical="top" shrinkToFit="1"/>
    </xf>
    <xf numFmtId="0" fontId="10" fillId="0" borderId="30" xfId="217" applyFont="1" applyBorder="1" applyAlignment="1">
      <alignment shrinkToFit="1"/>
    </xf>
    <xf numFmtId="0" fontId="10" fillId="0" borderId="0" xfId="217" applyFont="1" applyBorder="1" applyAlignment="1">
      <alignment shrinkToFit="1"/>
    </xf>
    <xf numFmtId="0" fontId="10" fillId="0" borderId="52" xfId="217" applyFont="1" applyBorder="1" applyAlignment="1">
      <alignment shrinkToFit="1"/>
    </xf>
    <xf numFmtId="0" fontId="10" fillId="0" borderId="53" xfId="217" applyFont="1" applyBorder="1" applyAlignment="1">
      <alignment horizontal="left"/>
    </xf>
    <xf numFmtId="0" fontId="10" fillId="0" borderId="45" xfId="217" applyFont="1" applyBorder="1" applyAlignment="1">
      <alignment horizontal="left"/>
    </xf>
    <xf numFmtId="0" fontId="10" fillId="0" borderId="30" xfId="217" applyFont="1" applyBorder="1" applyAlignment="1">
      <alignment horizontal="left"/>
    </xf>
    <xf numFmtId="0" fontId="10" fillId="0" borderId="0" xfId="217" applyFont="1" applyBorder="1" applyAlignment="1">
      <alignment horizontal="left"/>
    </xf>
    <xf numFmtId="0" fontId="10" fillId="0" borderId="0" xfId="217" applyFont="1" applyBorder="1" applyAlignment="1">
      <alignment horizontal="right"/>
    </xf>
    <xf numFmtId="0" fontId="10" fillId="0" borderId="52" xfId="217" applyFont="1" applyBorder="1" applyAlignment="1">
      <alignment horizontal="right"/>
    </xf>
    <xf numFmtId="0" fontId="10" fillId="0" borderId="5" xfId="217" applyFont="1" applyBorder="1" applyAlignment="1">
      <alignment horizontal="left" vertical="center"/>
    </xf>
    <xf numFmtId="0" fontId="10" fillId="0" borderId="5" xfId="217" applyFont="1" applyBorder="1" applyAlignment="1">
      <alignment horizontal="center" vertical="center"/>
    </xf>
    <xf numFmtId="49" fontId="10" fillId="0" borderId="44" xfId="336" applyNumberFormat="1" applyFont="1" applyFill="1" applyBorder="1" applyAlignment="1">
      <alignment horizontal="left" vertical="top" wrapText="1"/>
    </xf>
    <xf numFmtId="49" fontId="10" fillId="0" borderId="46" xfId="336" applyNumberFormat="1" applyFont="1" applyFill="1" applyBorder="1" applyAlignment="1">
      <alignment vertical="top" wrapText="1"/>
    </xf>
    <xf numFmtId="49" fontId="10" fillId="0" borderId="30" xfId="336" applyNumberFormat="1" applyFont="1" applyFill="1" applyBorder="1" applyAlignment="1">
      <alignment horizontal="left" vertical="top" wrapText="1"/>
    </xf>
    <xf numFmtId="49" fontId="10" fillId="0" borderId="52" xfId="336" applyNumberFormat="1" applyFont="1" applyFill="1" applyBorder="1" applyAlignment="1">
      <alignment vertical="top" wrapText="1"/>
    </xf>
    <xf numFmtId="49" fontId="10" fillId="0" borderId="17" xfId="336" applyNumberFormat="1" applyFont="1" applyFill="1" applyBorder="1" applyAlignment="1">
      <alignment horizontal="left" vertical="top" wrapText="1"/>
    </xf>
    <xf numFmtId="49" fontId="10" fillId="0" borderId="54" xfId="336" applyNumberFormat="1" applyFont="1" applyFill="1" applyBorder="1" applyAlignment="1">
      <alignment vertical="top" wrapText="1"/>
    </xf>
    <xf numFmtId="49" fontId="10" fillId="0" borderId="30" xfId="335" applyNumberFormat="1" applyFont="1" applyBorder="1" applyAlignment="1">
      <alignment vertical="top" wrapText="1"/>
    </xf>
    <xf numFmtId="0" fontId="5" fillId="0" borderId="52" xfId="217" applyFont="1" applyBorder="1" applyAlignment="1">
      <alignment vertical="top" wrapText="1"/>
    </xf>
    <xf numFmtId="0" fontId="5" fillId="0" borderId="17" xfId="217" applyFont="1" applyBorder="1" applyAlignment="1">
      <alignment vertical="top" wrapText="1"/>
    </xf>
    <xf numFmtId="0" fontId="5" fillId="0" borderId="54" xfId="217" applyFont="1" applyBorder="1" applyAlignment="1">
      <alignment vertical="top" wrapText="1"/>
    </xf>
    <xf numFmtId="49" fontId="10" fillId="0" borderId="44" xfId="335" applyNumberFormat="1" applyFont="1" applyBorder="1" applyAlignment="1">
      <alignment vertical="top" wrapText="1"/>
    </xf>
    <xf numFmtId="0" fontId="5" fillId="0" borderId="46" xfId="217" applyFont="1" applyBorder="1" applyAlignment="1">
      <alignment vertical="top" wrapText="1"/>
    </xf>
    <xf numFmtId="0" fontId="5" fillId="0" borderId="30" xfId="217" applyFont="1" applyBorder="1" applyAlignment="1">
      <alignment vertical="top" wrapText="1"/>
    </xf>
    <xf numFmtId="0" fontId="10" fillId="0" borderId="47" xfId="335" applyNumberFormat="1" applyFont="1" applyFill="1" applyBorder="1" applyAlignment="1">
      <alignment horizontal="center" vertical="center"/>
    </xf>
    <xf numFmtId="0" fontId="10" fillId="0" borderId="48" xfId="335" applyNumberFormat="1" applyFont="1" applyFill="1" applyBorder="1" applyAlignment="1">
      <alignment horizontal="center" vertical="center"/>
    </xf>
    <xf numFmtId="49" fontId="10" fillId="0" borderId="47" xfId="335" applyNumberFormat="1" applyFont="1" applyFill="1" applyBorder="1" applyAlignment="1">
      <alignment horizontal="center" vertical="center" shrinkToFit="1"/>
    </xf>
    <xf numFmtId="49" fontId="10" fillId="0" borderId="4" xfId="335" applyNumberFormat="1" applyFont="1" applyFill="1" applyBorder="1" applyAlignment="1">
      <alignment horizontal="center" vertical="center" shrinkToFit="1"/>
    </xf>
    <xf numFmtId="49" fontId="10" fillId="0" borderId="48" xfId="335" applyNumberFormat="1" applyFont="1" applyFill="1" applyBorder="1" applyAlignment="1">
      <alignment horizontal="center" vertical="center" shrinkToFit="1"/>
    </xf>
    <xf numFmtId="241" fontId="10" fillId="0" borderId="53" xfId="335" applyNumberFormat="1" applyFont="1" applyBorder="1" applyAlignment="1">
      <alignment horizontal="right" vertical="top"/>
    </xf>
    <xf numFmtId="38" fontId="8" fillId="0" borderId="60" xfId="135" applyFont="1" applyBorder="1" applyAlignment="1">
      <alignment horizontal="center" vertical="center"/>
    </xf>
    <xf numFmtId="38" fontId="8" fillId="0" borderId="28" xfId="135" applyFont="1" applyBorder="1" applyAlignment="1">
      <alignment horizontal="center" vertical="center"/>
    </xf>
    <xf numFmtId="38" fontId="8" fillId="0" borderId="46" xfId="135" applyFont="1" applyBorder="1" applyAlignment="1">
      <alignment horizontal="center" vertical="center"/>
    </xf>
  </cellXfs>
  <cellStyles count="337">
    <cellStyle name="；；；；" xfId="239"/>
    <cellStyle name="??" xfId="1"/>
    <cellStyle name="?? [0.00]_PERSONAL" xfId="2"/>
    <cellStyle name="???? [0.00]_PERSONAL" xfId="3"/>
    <cellStyle name="????_PERSONAL" xfId="4"/>
    <cellStyle name="??_PERSONAL" xfId="5"/>
    <cellStyle name="=C:\WINDOWS\SYSTEM32\COMMAND.COM" xfId="6"/>
    <cellStyle name="æØè [0.00]" xfId="179"/>
    <cellStyle name="ÊÝ [0.00]" xfId="180"/>
    <cellStyle name="0.000" xfId="7"/>
    <cellStyle name="１" xfId="314"/>
    <cellStyle name="121" xfId="181"/>
    <cellStyle name="20% - アクセント 1 2" xfId="8"/>
    <cellStyle name="20% - アクセント 2 2" xfId="9"/>
    <cellStyle name="20% - アクセント 3 2" xfId="10"/>
    <cellStyle name="20% - アクセント 4 2" xfId="11"/>
    <cellStyle name="20% - アクセント 5 2" xfId="12"/>
    <cellStyle name="20% - アクセント 6 2" xfId="13"/>
    <cellStyle name="40% - アクセント 1 2" xfId="14"/>
    <cellStyle name="40% - アクセント 2 2" xfId="15"/>
    <cellStyle name="40% - アクセント 3 2" xfId="16"/>
    <cellStyle name="40% - アクセント 4 2" xfId="17"/>
    <cellStyle name="40% - アクセント 5 2" xfId="18"/>
    <cellStyle name="40% - アクセント 6 2" xfId="19"/>
    <cellStyle name="60% - アクセント 1 2" xfId="20"/>
    <cellStyle name="60% - アクセント 2 2" xfId="21"/>
    <cellStyle name="60% - アクセント 3 2" xfId="22"/>
    <cellStyle name="60% - アクセント 4 2" xfId="23"/>
    <cellStyle name="60% - アクセント 5 2" xfId="24"/>
    <cellStyle name="60% - アクセント 6 2" xfId="25"/>
    <cellStyle name="A4縦" xfId="182"/>
    <cellStyle name="Arial 10" xfId="26"/>
    <cellStyle name="Arial 10 2" xfId="240"/>
    <cellStyle name="Arial 12" xfId="27"/>
    <cellStyle name="Arial 8" xfId="28"/>
    <cellStyle name="Calc Currency (0)" xfId="29"/>
    <cellStyle name="Calc Currency (0) 2" xfId="183"/>
    <cellStyle name="Calc Currency (0)_140424_羽津ポンプ場設計書（鋼製加工品のみとする）" xfId="184"/>
    <cellStyle name="Calc Currency (2)" xfId="30"/>
    <cellStyle name="Calc Percent (0)" xfId="31"/>
    <cellStyle name="Calc Percent (1)" xfId="32"/>
    <cellStyle name="Calc Percent (2)" xfId="33"/>
    <cellStyle name="Calc Units (0)" xfId="34"/>
    <cellStyle name="Calc Units (1)" xfId="35"/>
    <cellStyle name="Calc Units (2)" xfId="36"/>
    <cellStyle name="Comma [0]_#6 Temps &amp; Contractors" xfId="37"/>
    <cellStyle name="Comma [00]" xfId="38"/>
    <cellStyle name="Comma_#6 Temps &amp; Contractors" xfId="39"/>
    <cellStyle name="COMP定番表書式" xfId="40"/>
    <cellStyle name="Currency [0]_#6 Temps &amp; Contractors" xfId="41"/>
    <cellStyle name="Currency [00]" xfId="42"/>
    <cellStyle name="Currency_#6 Temps &amp; Contractors" xfId="43"/>
    <cellStyle name="dak" xfId="44"/>
    <cellStyle name="Date Short" xfId="45"/>
    <cellStyle name="Enter Currency (0)" xfId="46"/>
    <cellStyle name="Enter Currency (2)" xfId="47"/>
    <cellStyle name="Enter Units (0)" xfId="48"/>
    <cellStyle name="Enter Units (1)" xfId="49"/>
    <cellStyle name="Enter Units (2)" xfId="50"/>
    <cellStyle name="entry" xfId="51"/>
    <cellStyle name="Euro" xfId="241"/>
    <cellStyle name="Followed Hyperlink" xfId="52"/>
    <cellStyle name="Grey" xfId="53"/>
    <cellStyle name="Header1" xfId="54"/>
    <cellStyle name="Header2" xfId="55"/>
    <cellStyle name="Hyperlink" xfId="56"/>
    <cellStyle name="Input [yellow]" xfId="57"/>
    <cellStyle name="Link Currency (0)" xfId="58"/>
    <cellStyle name="Link Currency (2)" xfId="59"/>
    <cellStyle name="Link Units (0)" xfId="60"/>
    <cellStyle name="Link Units (1)" xfId="61"/>
    <cellStyle name="Link Units (2)" xfId="62"/>
    <cellStyle name="ＭＳゴシック　10" xfId="63"/>
    <cellStyle name="ＭＳゴシック 12" xfId="64"/>
    <cellStyle name="ｍ単位" xfId="284"/>
    <cellStyle name="ｍ単位[－]赤表示" xfId="285"/>
    <cellStyle name="new" xfId="65"/>
    <cellStyle name="NIC-0" xfId="66"/>
    <cellStyle name="Normal - Style1" xfId="67"/>
    <cellStyle name="Normal_# 41-Market &amp;Trends" xfId="68"/>
    <cellStyle name="ParaBirimi [0]_RESULTS" xfId="69"/>
    <cellStyle name="ParaBirimi_RESULTS" xfId="70"/>
    <cellStyle name="Percent [0]" xfId="71"/>
    <cellStyle name="Percent [00]" xfId="72"/>
    <cellStyle name="Percent [2]" xfId="73"/>
    <cellStyle name="Percent_#6 Temps &amp; Contractors" xfId="74"/>
    <cellStyle name="PrePop Currency (0)" xfId="75"/>
    <cellStyle name="PrePop Currency (2)" xfId="76"/>
    <cellStyle name="PrePop Units (0)" xfId="77"/>
    <cellStyle name="PrePop Units (1)" xfId="78"/>
    <cellStyle name="PrePop Units (2)" xfId="79"/>
    <cellStyle name="price" xfId="80"/>
    <cellStyle name="PSChar" xfId="185"/>
    <cellStyle name="PSHeading" xfId="186"/>
    <cellStyle name="revised" xfId="81"/>
    <cellStyle name="sc5" xfId="187"/>
    <cellStyle name="sc7" xfId="188"/>
    <cellStyle name="section" xfId="82"/>
    <cellStyle name="Standard_COST INPUT SHEET" xfId="189"/>
    <cellStyle name="STYL0" xfId="83"/>
    <cellStyle name="STYL0 - ｽﾀｲﾙ1" xfId="84"/>
    <cellStyle name="STYL1" xfId="85"/>
    <cellStyle name="STYL1 - ｽﾀｲﾙ2" xfId="86"/>
    <cellStyle name="STYL2" xfId="87"/>
    <cellStyle name="STYL2 - ｽﾀｲﾙ3" xfId="88"/>
    <cellStyle name="STYL3" xfId="89"/>
    <cellStyle name="STYL3 - ｽﾀｲﾙ4" xfId="90"/>
    <cellStyle name="STYL4" xfId="91"/>
    <cellStyle name="STYL4 - ｽﾀｲﾙ5" xfId="92"/>
    <cellStyle name="STYL5" xfId="93"/>
    <cellStyle name="STYL5 - ｽﾀｲﾙ6" xfId="94"/>
    <cellStyle name="STYL6" xfId="95"/>
    <cellStyle name="STYL6 - ｽﾀｲﾙ7" xfId="96"/>
    <cellStyle name="STYL7" xfId="97"/>
    <cellStyle name="STYL7 - ｽﾀｲﾙ8" xfId="98"/>
    <cellStyle name="StyleName1" xfId="99"/>
    <cellStyle name="StyleName2" xfId="100"/>
    <cellStyle name="StyleName3" xfId="101"/>
    <cellStyle name="StyleName4" xfId="102"/>
    <cellStyle name="StyleName5" xfId="103"/>
    <cellStyle name="StyleName6" xfId="104"/>
    <cellStyle name="StyleName7" xfId="105"/>
    <cellStyle name="StyleName8" xfId="106"/>
    <cellStyle name="subhead" xfId="107"/>
    <cellStyle name="Text Indent A" xfId="108"/>
    <cellStyle name="Text Indent B" xfId="109"/>
    <cellStyle name="Text Indent C" xfId="110"/>
    <cellStyle name="title" xfId="111"/>
    <cellStyle name="TSUIKA" xfId="112"/>
    <cellStyle name="User_style" xfId="286"/>
    <cellStyle name="Virg・ [0]_RESULTS" xfId="113"/>
    <cellStyle name="Virg・_RESULTS" xfId="114"/>
    <cellStyle name="アクセント 1 2" xfId="115"/>
    <cellStyle name="アクセント 2 2" xfId="116"/>
    <cellStyle name="アクセント 3 2" xfId="117"/>
    <cellStyle name="アクセント 4 2" xfId="118"/>
    <cellStyle name="アクセント 5 2" xfId="119"/>
    <cellStyle name="アクセント 6 2" xfId="120"/>
    <cellStyle name="タイトル 2" xfId="121"/>
    <cellStyle name="チェック セル 2" xfId="122"/>
    <cellStyle name="ﾁｮｳ" xfId="242"/>
    <cellStyle name="どちらでもない 2" xfId="123"/>
    <cellStyle name="ﾄ褊褂燾・[0]_PERSONAL" xfId="124"/>
    <cellStyle name="ﾄ褊褂燾饑PERSONAL" xfId="125"/>
    <cellStyle name="パーセント 2" xfId="126"/>
    <cellStyle name="パーセント 3" xfId="281"/>
    <cellStyle name="ﾌｫﾝﾄ変更" xfId="190"/>
    <cellStyle name="ﾎ磊隆_PERSONAL" xfId="127"/>
    <cellStyle name="メモ 2" xfId="128"/>
    <cellStyle name="ﾔ竟瑙糺・[0]_PERSONAL" xfId="129"/>
    <cellStyle name="ﾔ竟瑙糺饑PERSONAL" xfId="130"/>
    <cellStyle name="リンク" xfId="191"/>
    <cellStyle name="リンク セル 2" xfId="131"/>
    <cellStyle name="悪い 2" xfId="132"/>
    <cellStyle name="位置" xfId="192"/>
    <cellStyle name="円" xfId="243"/>
    <cellStyle name="園田鏡" xfId="244"/>
    <cellStyle name="園田表紙１" xfId="245"/>
    <cellStyle name="園田表紙２" xfId="246"/>
    <cellStyle name="下詰め" xfId="287"/>
    <cellStyle name="下段_0" xfId="193"/>
    <cellStyle name="科目内訳" xfId="247"/>
    <cellStyle name="会社名" xfId="194"/>
    <cellStyle name="角度入力" xfId="288"/>
    <cellStyle name="角度表示" xfId="289"/>
    <cellStyle name="強調" xfId="195"/>
    <cellStyle name="均等割り付け" xfId="290"/>
    <cellStyle name="金額" xfId="196"/>
    <cellStyle name="計算 2" xfId="133"/>
    <cellStyle name="警告文 2" xfId="134"/>
    <cellStyle name="桁蟻唇Ｆ [0.00]_laroux" xfId="278"/>
    <cellStyle name="桁蟻唇Ｆ_laroux" xfId="279"/>
    <cellStyle name="桁区切り" xfId="135" builtinId="6"/>
    <cellStyle name="桁区切り [0.0]" xfId="197"/>
    <cellStyle name="桁区切り [0.000]" xfId="291"/>
    <cellStyle name="桁区切り 2" xfId="136"/>
    <cellStyle name="桁区切り 2 2" xfId="137"/>
    <cellStyle name="桁区切り 2 2 2" xfId="138"/>
    <cellStyle name="桁区切り 2 3" xfId="235"/>
    <cellStyle name="桁区切り 2 3 2" xfId="280"/>
    <cellStyle name="桁区切り 3" xfId="139"/>
    <cellStyle name="桁区切り 3 2" xfId="198"/>
    <cellStyle name="桁区切り 3 3" xfId="264"/>
    <cellStyle name="桁区切り 4" xfId="177"/>
    <cellStyle name="桁区切り 4 2" xfId="248"/>
    <cellStyle name="桁区切り 4 3" xfId="267"/>
    <cellStyle name="桁区切り 5" xfId="234"/>
    <cellStyle name="桁区切り 5 2" xfId="238"/>
    <cellStyle name="桁区切り 5 3" xfId="269"/>
    <cellStyle name="桁区切り 6" xfId="270"/>
    <cellStyle name="桁区切り 7" xfId="282"/>
    <cellStyle name="桁区切り 8" xfId="268"/>
    <cellStyle name="桁区切り 9" xfId="249"/>
    <cellStyle name="桁区切り（０なし）" xfId="140"/>
    <cellStyle name="桁区切り0" xfId="141"/>
    <cellStyle name="桁区切り1" xfId="142"/>
    <cellStyle name="桁区切り2" xfId="143"/>
    <cellStyle name="見出し 1 2" xfId="144"/>
    <cellStyle name="見出し 2 2" xfId="145"/>
    <cellStyle name="見出し 3 2" xfId="146"/>
    <cellStyle name="見出し 4 2" xfId="147"/>
    <cellStyle name="見出し標準" xfId="292"/>
    <cellStyle name="見積桁区切り" xfId="199"/>
    <cellStyle name="見積-桁区切り" xfId="200"/>
    <cellStyle name="見積-通貨記号" xfId="201"/>
    <cellStyle name="工期算定表" xfId="202"/>
    <cellStyle name="工程表_書式" xfId="148"/>
    <cellStyle name="左官" xfId="293"/>
    <cellStyle name="細明朝　9" xfId="149"/>
    <cellStyle name="細明朝12" xfId="150"/>
    <cellStyle name="集計 2" xfId="151"/>
    <cellStyle name="縦下" xfId="152"/>
    <cellStyle name="縦上" xfId="153"/>
    <cellStyle name="縦中央" xfId="154"/>
    <cellStyle name="出力 2" xfId="155"/>
    <cellStyle name="小数1位" xfId="294"/>
    <cellStyle name="小数１位" xfId="295"/>
    <cellStyle name="小数2位" xfId="296"/>
    <cellStyle name="小数２位" xfId="297"/>
    <cellStyle name="小数3位" xfId="298"/>
    <cellStyle name="小数３位" xfId="299"/>
    <cellStyle name="小数4位" xfId="300"/>
    <cellStyle name="小数４位" xfId="301"/>
    <cellStyle name="小数点０位 [0]" xfId="203"/>
    <cellStyle name="小数点１位 [0.0]" xfId="204"/>
    <cellStyle name="小数点２位 [0.00]" xfId="205"/>
    <cellStyle name="小数点３位 [0.000]" xfId="206"/>
    <cellStyle name="小表題" xfId="207"/>
    <cellStyle name="上の原" xfId="156"/>
    <cellStyle name="上段_0" xfId="208"/>
    <cellStyle name="数量" xfId="209"/>
    <cellStyle name="数量計算" xfId="157"/>
    <cellStyle name="整数" xfId="302"/>
    <cellStyle name="積算" xfId="210"/>
    <cellStyle name="設計用紙乙" xfId="250"/>
    <cellStyle name="設計用紙乙 2" xfId="271"/>
    <cellStyle name="設計用紙乙1" xfId="251"/>
    <cellStyle name="設計用紙乙1 2" xfId="272"/>
    <cellStyle name="設計用紙乙2" xfId="252"/>
    <cellStyle name="設計用紙乙2 2" xfId="273"/>
    <cellStyle name="設計用紙乙3" xfId="253"/>
    <cellStyle name="設計用紙乙3 2" xfId="274"/>
    <cellStyle name="説明文 2" xfId="158"/>
    <cellStyle name="線細い" xfId="275"/>
    <cellStyle name="総括表" xfId="303"/>
    <cellStyle name="損料_書式" xfId="159"/>
    <cellStyle name="代価表" xfId="254"/>
    <cellStyle name="大表題(12)" xfId="211"/>
    <cellStyle name="大表題(14)" xfId="212"/>
    <cellStyle name="大表題(16)" xfId="213"/>
    <cellStyle name="大表題(20)" xfId="214"/>
    <cellStyle name="脱浦 [0.00]_1°ITU≫2?T計算" xfId="255"/>
    <cellStyle name="脱浦_1°ITU≫2?T計算" xfId="256"/>
    <cellStyle name="帳票" xfId="215"/>
    <cellStyle name="通浦 [0.00]_laroux" xfId="160"/>
    <cellStyle name="通浦_laroux" xfId="161"/>
    <cellStyle name="通貨 2" xfId="216"/>
    <cellStyle name="土木断面" xfId="304"/>
    <cellStyle name="内訳書" xfId="305"/>
    <cellStyle name="日進量_書式" xfId="162"/>
    <cellStyle name="入力 2" xfId="163"/>
    <cellStyle name="入力セル" xfId="306"/>
    <cellStyle name="入力セル　" xfId="307"/>
    <cellStyle name="入力セル_座標逆算" xfId="308"/>
    <cellStyle name="年号" xfId="164"/>
    <cellStyle name="破線" xfId="165"/>
    <cellStyle name="比較表" xfId="333"/>
    <cellStyle name="非表示" xfId="166"/>
    <cellStyle name="非保護" xfId="309"/>
    <cellStyle name="標準" xfId="0" builtinId="0"/>
    <cellStyle name="標準 10" xfId="217"/>
    <cellStyle name="標準 11" xfId="218"/>
    <cellStyle name="標準 12" xfId="219"/>
    <cellStyle name="標準 13" xfId="257"/>
    <cellStyle name="標準 13 2" xfId="283"/>
    <cellStyle name="標準 14" xfId="258"/>
    <cellStyle name="標準 15" xfId="259"/>
    <cellStyle name="標準 16" xfId="263"/>
    <cellStyle name="標準 17" xfId="331"/>
    <cellStyle name="標準 2" xfId="167"/>
    <cellStyle name="標準 2 2" xfId="220"/>
    <cellStyle name="標準 2 2 2" xfId="221"/>
    <cellStyle name="標準 2 3" xfId="222"/>
    <cellStyle name="標準 2 3 2" xfId="260"/>
    <cellStyle name="標準 2 4" xfId="336"/>
    <cellStyle name="標準 2_【参考】金抜設計書（膜ろ過棟）" xfId="310"/>
    <cellStyle name="標準 3" xfId="168"/>
    <cellStyle name="標準 3 2" xfId="236"/>
    <cellStyle name="標準 3 2 2" xfId="237"/>
    <cellStyle name="標準 3 3" xfId="315"/>
    <cellStyle name="標準 3 4" xfId="332"/>
    <cellStyle name="標準 4" xfId="223"/>
    <cellStyle name="標準 4 2" xfId="224"/>
    <cellStyle name="標準 4 2 2" xfId="316"/>
    <cellStyle name="標準 4 3" xfId="276"/>
    <cellStyle name="標準 4 3 2" xfId="277"/>
    <cellStyle name="標準 4 3 2 2" xfId="317"/>
    <cellStyle name="標準 4 3 2 3" xfId="318"/>
    <cellStyle name="標準 4 3 3" xfId="319"/>
    <cellStyle name="標準 4 4" xfId="265"/>
    <cellStyle name="標準 5" xfId="225"/>
    <cellStyle name="標準 5 2" xfId="266"/>
    <cellStyle name="標準 5 2 2" xfId="320"/>
    <cellStyle name="標準 5 3" xfId="321"/>
    <cellStyle name="標準 6" xfId="226"/>
    <cellStyle name="標準 6 2" xfId="322"/>
    <cellStyle name="標準 6 2 2" xfId="323"/>
    <cellStyle name="標準 6 3" xfId="324"/>
    <cellStyle name="標準 6 3 2" xfId="325"/>
    <cellStyle name="標準 6 3 2 2" xfId="326"/>
    <cellStyle name="標準 6 3 3" xfId="327"/>
    <cellStyle name="標準 6 4" xfId="328"/>
    <cellStyle name="標準 7" xfId="227"/>
    <cellStyle name="標準 8" xfId="228"/>
    <cellStyle name="標準 8 2" xfId="334"/>
    <cellStyle name="標準 9" xfId="229"/>
    <cellStyle name="標準、罫線" xfId="169"/>
    <cellStyle name="標準_Excel用内訳書_CYDP23200-NEW_CYDP23200_20150220 2" xfId="335"/>
    <cellStyle name="標準_印刷_2" xfId="170"/>
    <cellStyle name="標準_川島MP1設計書" xfId="171"/>
    <cellStyle name="標準_総括 2" xfId="178"/>
    <cellStyle name="標準1" xfId="311"/>
    <cellStyle name="標準２" xfId="230"/>
    <cellStyle name="標準A" xfId="231"/>
    <cellStyle name="標準Ａ" xfId="172"/>
    <cellStyle name="標準戻し" xfId="232"/>
    <cellStyle name="表１" xfId="173"/>
    <cellStyle name="表紙" xfId="233"/>
    <cellStyle name="文字列" xfId="312"/>
    <cellStyle name="閉じかっこ" xfId="261"/>
    <cellStyle name="別紙明細" xfId="174"/>
    <cellStyle name="保護" xfId="313"/>
    <cellStyle name="磨葬e義" xfId="262"/>
    <cellStyle name="未定義" xfId="175"/>
    <cellStyle name="良い 2" xfId="176"/>
    <cellStyle name="卨げ" xfId="329"/>
    <cellStyle name="湪" xfId="33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26" Type="http://schemas.openxmlformats.org/officeDocument/2006/relationships/externalLink" Target="externalLinks/externalLink13.xml"/><Relationship Id="rId21" Type="http://schemas.openxmlformats.org/officeDocument/2006/relationships/externalLink" Target="externalLinks/externalLink8.xml"/><Relationship Id="rId42" Type="http://schemas.openxmlformats.org/officeDocument/2006/relationships/externalLink" Target="externalLinks/externalLink29.xml"/><Relationship Id="rId47" Type="http://schemas.openxmlformats.org/officeDocument/2006/relationships/externalLink" Target="externalLinks/externalLink34.xml"/><Relationship Id="rId63" Type="http://schemas.openxmlformats.org/officeDocument/2006/relationships/externalLink" Target="externalLinks/externalLink50.xml"/><Relationship Id="rId68" Type="http://schemas.openxmlformats.org/officeDocument/2006/relationships/externalLink" Target="externalLinks/externalLink55.xml"/><Relationship Id="rId84" Type="http://schemas.openxmlformats.org/officeDocument/2006/relationships/externalLink" Target="externalLinks/externalLink71.xml"/><Relationship Id="rId89" Type="http://schemas.openxmlformats.org/officeDocument/2006/relationships/externalLink" Target="externalLinks/externalLink76.xml"/><Relationship Id="rId112"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externalLink" Target="externalLinks/externalLink3.xml"/><Relationship Id="rId29" Type="http://schemas.openxmlformats.org/officeDocument/2006/relationships/externalLink" Target="externalLinks/externalLink16.xml"/><Relationship Id="rId107" Type="http://schemas.openxmlformats.org/officeDocument/2006/relationships/externalLink" Target="externalLinks/externalLink94.xml"/><Relationship Id="rId11" Type="http://schemas.openxmlformats.org/officeDocument/2006/relationships/worksheet" Target="worksheets/sheet11.xml"/><Relationship Id="rId24" Type="http://schemas.openxmlformats.org/officeDocument/2006/relationships/externalLink" Target="externalLinks/externalLink11.xml"/><Relationship Id="rId32" Type="http://schemas.openxmlformats.org/officeDocument/2006/relationships/externalLink" Target="externalLinks/externalLink19.xml"/><Relationship Id="rId37" Type="http://schemas.openxmlformats.org/officeDocument/2006/relationships/externalLink" Target="externalLinks/externalLink24.xml"/><Relationship Id="rId40" Type="http://schemas.openxmlformats.org/officeDocument/2006/relationships/externalLink" Target="externalLinks/externalLink27.xml"/><Relationship Id="rId45" Type="http://schemas.openxmlformats.org/officeDocument/2006/relationships/externalLink" Target="externalLinks/externalLink32.xml"/><Relationship Id="rId53" Type="http://schemas.openxmlformats.org/officeDocument/2006/relationships/externalLink" Target="externalLinks/externalLink40.xml"/><Relationship Id="rId58" Type="http://schemas.openxmlformats.org/officeDocument/2006/relationships/externalLink" Target="externalLinks/externalLink45.xml"/><Relationship Id="rId66" Type="http://schemas.openxmlformats.org/officeDocument/2006/relationships/externalLink" Target="externalLinks/externalLink53.xml"/><Relationship Id="rId74" Type="http://schemas.openxmlformats.org/officeDocument/2006/relationships/externalLink" Target="externalLinks/externalLink61.xml"/><Relationship Id="rId79" Type="http://schemas.openxmlformats.org/officeDocument/2006/relationships/externalLink" Target="externalLinks/externalLink66.xml"/><Relationship Id="rId87" Type="http://schemas.openxmlformats.org/officeDocument/2006/relationships/externalLink" Target="externalLinks/externalLink74.xml"/><Relationship Id="rId102" Type="http://schemas.openxmlformats.org/officeDocument/2006/relationships/externalLink" Target="externalLinks/externalLink89.xml"/><Relationship Id="rId110" Type="http://schemas.openxmlformats.org/officeDocument/2006/relationships/externalLink" Target="externalLinks/externalLink97.xml"/><Relationship Id="rId5" Type="http://schemas.openxmlformats.org/officeDocument/2006/relationships/worksheet" Target="worksheets/sheet5.xml"/><Relationship Id="rId61" Type="http://schemas.openxmlformats.org/officeDocument/2006/relationships/externalLink" Target="externalLinks/externalLink48.xml"/><Relationship Id="rId82" Type="http://schemas.openxmlformats.org/officeDocument/2006/relationships/externalLink" Target="externalLinks/externalLink69.xml"/><Relationship Id="rId90" Type="http://schemas.openxmlformats.org/officeDocument/2006/relationships/externalLink" Target="externalLinks/externalLink77.xml"/><Relationship Id="rId95" Type="http://schemas.openxmlformats.org/officeDocument/2006/relationships/externalLink" Target="externalLinks/externalLink82.xml"/><Relationship Id="rId19" Type="http://schemas.openxmlformats.org/officeDocument/2006/relationships/externalLink" Target="externalLinks/externalLink6.xml"/><Relationship Id="rId14" Type="http://schemas.openxmlformats.org/officeDocument/2006/relationships/externalLink" Target="externalLinks/externalLink1.xml"/><Relationship Id="rId22" Type="http://schemas.openxmlformats.org/officeDocument/2006/relationships/externalLink" Target="externalLinks/externalLink9.xml"/><Relationship Id="rId27" Type="http://schemas.openxmlformats.org/officeDocument/2006/relationships/externalLink" Target="externalLinks/externalLink14.xml"/><Relationship Id="rId30" Type="http://schemas.openxmlformats.org/officeDocument/2006/relationships/externalLink" Target="externalLinks/externalLink17.xml"/><Relationship Id="rId35" Type="http://schemas.openxmlformats.org/officeDocument/2006/relationships/externalLink" Target="externalLinks/externalLink22.xml"/><Relationship Id="rId43" Type="http://schemas.openxmlformats.org/officeDocument/2006/relationships/externalLink" Target="externalLinks/externalLink30.xml"/><Relationship Id="rId48" Type="http://schemas.openxmlformats.org/officeDocument/2006/relationships/externalLink" Target="externalLinks/externalLink35.xml"/><Relationship Id="rId56" Type="http://schemas.openxmlformats.org/officeDocument/2006/relationships/externalLink" Target="externalLinks/externalLink43.xml"/><Relationship Id="rId64" Type="http://schemas.openxmlformats.org/officeDocument/2006/relationships/externalLink" Target="externalLinks/externalLink51.xml"/><Relationship Id="rId69" Type="http://schemas.openxmlformats.org/officeDocument/2006/relationships/externalLink" Target="externalLinks/externalLink56.xml"/><Relationship Id="rId77" Type="http://schemas.openxmlformats.org/officeDocument/2006/relationships/externalLink" Target="externalLinks/externalLink64.xml"/><Relationship Id="rId100" Type="http://schemas.openxmlformats.org/officeDocument/2006/relationships/externalLink" Target="externalLinks/externalLink87.xml"/><Relationship Id="rId105" Type="http://schemas.openxmlformats.org/officeDocument/2006/relationships/externalLink" Target="externalLinks/externalLink92.xml"/><Relationship Id="rId113" Type="http://schemas.openxmlformats.org/officeDocument/2006/relationships/styles" Target="styles.xml"/><Relationship Id="rId8" Type="http://schemas.openxmlformats.org/officeDocument/2006/relationships/worksheet" Target="worksheets/sheet8.xml"/><Relationship Id="rId51" Type="http://schemas.openxmlformats.org/officeDocument/2006/relationships/externalLink" Target="externalLinks/externalLink38.xml"/><Relationship Id="rId72" Type="http://schemas.openxmlformats.org/officeDocument/2006/relationships/externalLink" Target="externalLinks/externalLink59.xml"/><Relationship Id="rId80" Type="http://schemas.openxmlformats.org/officeDocument/2006/relationships/externalLink" Target="externalLinks/externalLink67.xml"/><Relationship Id="rId85" Type="http://schemas.openxmlformats.org/officeDocument/2006/relationships/externalLink" Target="externalLinks/externalLink72.xml"/><Relationship Id="rId93" Type="http://schemas.openxmlformats.org/officeDocument/2006/relationships/externalLink" Target="externalLinks/externalLink80.xml"/><Relationship Id="rId98" Type="http://schemas.openxmlformats.org/officeDocument/2006/relationships/externalLink" Target="externalLinks/externalLink85.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externalLink" Target="externalLinks/externalLink4.xml"/><Relationship Id="rId25" Type="http://schemas.openxmlformats.org/officeDocument/2006/relationships/externalLink" Target="externalLinks/externalLink12.xml"/><Relationship Id="rId33" Type="http://schemas.openxmlformats.org/officeDocument/2006/relationships/externalLink" Target="externalLinks/externalLink20.xml"/><Relationship Id="rId38" Type="http://schemas.openxmlformats.org/officeDocument/2006/relationships/externalLink" Target="externalLinks/externalLink25.xml"/><Relationship Id="rId46" Type="http://schemas.openxmlformats.org/officeDocument/2006/relationships/externalLink" Target="externalLinks/externalLink33.xml"/><Relationship Id="rId59" Type="http://schemas.openxmlformats.org/officeDocument/2006/relationships/externalLink" Target="externalLinks/externalLink46.xml"/><Relationship Id="rId67" Type="http://schemas.openxmlformats.org/officeDocument/2006/relationships/externalLink" Target="externalLinks/externalLink54.xml"/><Relationship Id="rId103" Type="http://schemas.openxmlformats.org/officeDocument/2006/relationships/externalLink" Target="externalLinks/externalLink90.xml"/><Relationship Id="rId108" Type="http://schemas.openxmlformats.org/officeDocument/2006/relationships/externalLink" Target="externalLinks/externalLink95.xml"/><Relationship Id="rId20" Type="http://schemas.openxmlformats.org/officeDocument/2006/relationships/externalLink" Target="externalLinks/externalLink7.xml"/><Relationship Id="rId41" Type="http://schemas.openxmlformats.org/officeDocument/2006/relationships/externalLink" Target="externalLinks/externalLink28.xml"/><Relationship Id="rId54" Type="http://schemas.openxmlformats.org/officeDocument/2006/relationships/externalLink" Target="externalLinks/externalLink41.xml"/><Relationship Id="rId62" Type="http://schemas.openxmlformats.org/officeDocument/2006/relationships/externalLink" Target="externalLinks/externalLink49.xml"/><Relationship Id="rId70" Type="http://schemas.openxmlformats.org/officeDocument/2006/relationships/externalLink" Target="externalLinks/externalLink57.xml"/><Relationship Id="rId75" Type="http://schemas.openxmlformats.org/officeDocument/2006/relationships/externalLink" Target="externalLinks/externalLink62.xml"/><Relationship Id="rId83" Type="http://schemas.openxmlformats.org/officeDocument/2006/relationships/externalLink" Target="externalLinks/externalLink70.xml"/><Relationship Id="rId88" Type="http://schemas.openxmlformats.org/officeDocument/2006/relationships/externalLink" Target="externalLinks/externalLink75.xml"/><Relationship Id="rId91" Type="http://schemas.openxmlformats.org/officeDocument/2006/relationships/externalLink" Target="externalLinks/externalLink78.xml"/><Relationship Id="rId96" Type="http://schemas.openxmlformats.org/officeDocument/2006/relationships/externalLink" Target="externalLinks/externalLink83.xml"/><Relationship Id="rId111" Type="http://schemas.openxmlformats.org/officeDocument/2006/relationships/externalLink" Target="externalLinks/externalLink98.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externalLink" Target="externalLinks/externalLink2.xml"/><Relationship Id="rId23" Type="http://schemas.openxmlformats.org/officeDocument/2006/relationships/externalLink" Target="externalLinks/externalLink10.xml"/><Relationship Id="rId28" Type="http://schemas.openxmlformats.org/officeDocument/2006/relationships/externalLink" Target="externalLinks/externalLink15.xml"/><Relationship Id="rId36" Type="http://schemas.openxmlformats.org/officeDocument/2006/relationships/externalLink" Target="externalLinks/externalLink23.xml"/><Relationship Id="rId49" Type="http://schemas.openxmlformats.org/officeDocument/2006/relationships/externalLink" Target="externalLinks/externalLink36.xml"/><Relationship Id="rId57" Type="http://schemas.openxmlformats.org/officeDocument/2006/relationships/externalLink" Target="externalLinks/externalLink44.xml"/><Relationship Id="rId106" Type="http://schemas.openxmlformats.org/officeDocument/2006/relationships/externalLink" Target="externalLinks/externalLink93.xml"/><Relationship Id="rId114" Type="http://schemas.openxmlformats.org/officeDocument/2006/relationships/sharedStrings" Target="sharedStrings.xml"/><Relationship Id="rId10" Type="http://schemas.openxmlformats.org/officeDocument/2006/relationships/worksheet" Target="worksheets/sheet10.xml"/><Relationship Id="rId31" Type="http://schemas.openxmlformats.org/officeDocument/2006/relationships/externalLink" Target="externalLinks/externalLink18.xml"/><Relationship Id="rId44" Type="http://schemas.openxmlformats.org/officeDocument/2006/relationships/externalLink" Target="externalLinks/externalLink31.xml"/><Relationship Id="rId52" Type="http://schemas.openxmlformats.org/officeDocument/2006/relationships/externalLink" Target="externalLinks/externalLink39.xml"/><Relationship Id="rId60" Type="http://schemas.openxmlformats.org/officeDocument/2006/relationships/externalLink" Target="externalLinks/externalLink47.xml"/><Relationship Id="rId65" Type="http://schemas.openxmlformats.org/officeDocument/2006/relationships/externalLink" Target="externalLinks/externalLink52.xml"/><Relationship Id="rId73" Type="http://schemas.openxmlformats.org/officeDocument/2006/relationships/externalLink" Target="externalLinks/externalLink60.xml"/><Relationship Id="rId78" Type="http://schemas.openxmlformats.org/officeDocument/2006/relationships/externalLink" Target="externalLinks/externalLink65.xml"/><Relationship Id="rId81" Type="http://schemas.openxmlformats.org/officeDocument/2006/relationships/externalLink" Target="externalLinks/externalLink68.xml"/><Relationship Id="rId86" Type="http://schemas.openxmlformats.org/officeDocument/2006/relationships/externalLink" Target="externalLinks/externalLink73.xml"/><Relationship Id="rId94" Type="http://schemas.openxmlformats.org/officeDocument/2006/relationships/externalLink" Target="externalLinks/externalLink81.xml"/><Relationship Id="rId99" Type="http://schemas.openxmlformats.org/officeDocument/2006/relationships/externalLink" Target="externalLinks/externalLink86.xml"/><Relationship Id="rId101" Type="http://schemas.openxmlformats.org/officeDocument/2006/relationships/externalLink" Target="externalLinks/externalLink88.xml"/><Relationship Id="rId4" Type="http://schemas.openxmlformats.org/officeDocument/2006/relationships/worksheet" Target="worksheets/sheet4.xml"/><Relationship Id="rId9" Type="http://schemas.openxmlformats.org/officeDocument/2006/relationships/worksheet" Target="worksheets/sheet9.xml"/><Relationship Id="rId13" Type="http://schemas.openxmlformats.org/officeDocument/2006/relationships/worksheet" Target="worksheets/sheet13.xml"/><Relationship Id="rId18" Type="http://schemas.openxmlformats.org/officeDocument/2006/relationships/externalLink" Target="externalLinks/externalLink5.xml"/><Relationship Id="rId39" Type="http://schemas.openxmlformats.org/officeDocument/2006/relationships/externalLink" Target="externalLinks/externalLink26.xml"/><Relationship Id="rId109" Type="http://schemas.openxmlformats.org/officeDocument/2006/relationships/externalLink" Target="externalLinks/externalLink96.xml"/><Relationship Id="rId34" Type="http://schemas.openxmlformats.org/officeDocument/2006/relationships/externalLink" Target="externalLinks/externalLink21.xml"/><Relationship Id="rId50" Type="http://schemas.openxmlformats.org/officeDocument/2006/relationships/externalLink" Target="externalLinks/externalLink37.xml"/><Relationship Id="rId55" Type="http://schemas.openxmlformats.org/officeDocument/2006/relationships/externalLink" Target="externalLinks/externalLink42.xml"/><Relationship Id="rId76" Type="http://schemas.openxmlformats.org/officeDocument/2006/relationships/externalLink" Target="externalLinks/externalLink63.xml"/><Relationship Id="rId97" Type="http://schemas.openxmlformats.org/officeDocument/2006/relationships/externalLink" Target="externalLinks/externalLink84.xml"/><Relationship Id="rId104" Type="http://schemas.openxmlformats.org/officeDocument/2006/relationships/externalLink" Target="externalLinks/externalLink91.xml"/><Relationship Id="rId7" Type="http://schemas.openxmlformats.org/officeDocument/2006/relationships/worksheet" Target="worksheets/sheet7.xml"/><Relationship Id="rId71" Type="http://schemas.openxmlformats.org/officeDocument/2006/relationships/externalLink" Target="externalLinks/externalLink58.xml"/><Relationship Id="rId92" Type="http://schemas.openxmlformats.org/officeDocument/2006/relationships/externalLink" Target="externalLinks/externalLink79.xml"/></Relationships>
</file>

<file path=xl/ctrlProps/ctrlProp1.xml><?xml version="1.0" encoding="utf-8"?>
<formControlPr xmlns="http://schemas.microsoft.com/office/spreadsheetml/2009/9/main" objectType="CheckBox" checked="Checked"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checked="Checked"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checked="Checked" lockText="1" noThreeD="1"/>
</file>

<file path=xl/ctrlProps/ctrlProp138.xml><?xml version="1.0" encoding="utf-8"?>
<formControlPr xmlns="http://schemas.microsoft.com/office/spreadsheetml/2009/9/main" objectType="CheckBox" checked="Checked"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checked="Checked"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checked="Checked" lockText="1" noThreeD="1"/>
</file>

<file path=xl/ctrlProps/ctrlProp151.xml><?xml version="1.0" encoding="utf-8"?>
<formControlPr xmlns="http://schemas.microsoft.com/office/spreadsheetml/2009/9/main" objectType="CheckBox" checked="Checked"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checked="Checked"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checked="Checked"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checked="Checked" lockText="1" noThreeD="1"/>
</file>

<file path=xl/ctrlProps/ctrlProp186.xml><?xml version="1.0" encoding="utf-8"?>
<formControlPr xmlns="http://schemas.microsoft.com/office/spreadsheetml/2009/9/main" objectType="CheckBox" checked="Checked" lockText="1" noThreeD="1"/>
</file>

<file path=xl/ctrlProps/ctrlProp187.xml><?xml version="1.0" encoding="utf-8"?>
<formControlPr xmlns="http://schemas.microsoft.com/office/spreadsheetml/2009/9/main" objectType="CheckBox" checked="Checked" lockText="1" noThreeD="1"/>
</file>

<file path=xl/ctrlProps/ctrlProp188.xml><?xml version="1.0" encoding="utf-8"?>
<formControlPr xmlns="http://schemas.microsoft.com/office/spreadsheetml/2009/9/main" objectType="CheckBox" checked="Checked" lockText="1" noThreeD="1"/>
</file>

<file path=xl/ctrlProps/ctrlProp189.xml><?xml version="1.0" encoding="utf-8"?>
<formControlPr xmlns="http://schemas.microsoft.com/office/spreadsheetml/2009/9/main" objectType="CheckBox" checked="Checked"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checked="Checked" lockText="1" noThreeD="1"/>
</file>

<file path=xl/ctrlProps/ctrlProp191.xml><?xml version="1.0" encoding="utf-8"?>
<formControlPr xmlns="http://schemas.microsoft.com/office/spreadsheetml/2009/9/main" objectType="CheckBox" checked="Checked"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checked="Checked"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checked="Checked"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checked="Checked"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checked="Checked" lockText="1" noThreeD="1"/>
</file>

<file path=xl/ctrlProps/ctrlProp205.xml><?xml version="1.0" encoding="utf-8"?>
<formControlPr xmlns="http://schemas.microsoft.com/office/spreadsheetml/2009/9/main" objectType="CheckBox" checked="Checked" lockText="1" noThreeD="1"/>
</file>

<file path=xl/ctrlProps/ctrlProp206.xml><?xml version="1.0" encoding="utf-8"?>
<formControlPr xmlns="http://schemas.microsoft.com/office/spreadsheetml/2009/9/main" objectType="CheckBox" checked="Checked"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checked="Checked"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checked="Checked" lockText="1" noThreeD="1"/>
</file>

<file path=xl/ctrlProps/ctrlProp212.xml><?xml version="1.0" encoding="utf-8"?>
<formControlPr xmlns="http://schemas.microsoft.com/office/spreadsheetml/2009/9/main" objectType="CheckBox" checked="Checked" lockText="1" noThreeD="1"/>
</file>

<file path=xl/ctrlProps/ctrlProp213.xml><?xml version="1.0" encoding="utf-8"?>
<formControlPr xmlns="http://schemas.microsoft.com/office/spreadsheetml/2009/9/main" objectType="CheckBox" checked="Checked"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checked="Checked"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lockText="1" noThreeD="1"/>
</file>

<file path=xl/ctrlProps/ctrlProp219.xml><?xml version="1.0" encoding="utf-8"?>
<formControlPr xmlns="http://schemas.microsoft.com/office/spreadsheetml/2009/9/main" objectType="CheckBox" checked="Checked"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checked="Checked" lockText="1" noThreeD="1"/>
</file>

<file path=xl/ctrlProps/ctrlProp221.xml><?xml version="1.0" encoding="utf-8"?>
<formControlPr xmlns="http://schemas.microsoft.com/office/spreadsheetml/2009/9/main" objectType="CheckBox" checked="Checked" lockText="1" noThreeD="1"/>
</file>

<file path=xl/ctrlProps/ctrlProp222.xml><?xml version="1.0" encoding="utf-8"?>
<formControlPr xmlns="http://schemas.microsoft.com/office/spreadsheetml/2009/9/main" objectType="CheckBox" checked="Checked"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checked="Checked" lockText="1" noThreeD="1"/>
</file>

<file path=xl/ctrlProps/ctrlProp225.xml><?xml version="1.0" encoding="utf-8"?>
<formControlPr xmlns="http://schemas.microsoft.com/office/spreadsheetml/2009/9/main" objectType="CheckBox" checked="Checked" lockText="1" noThreeD="1"/>
</file>

<file path=xl/ctrlProps/ctrlProp226.xml><?xml version="1.0" encoding="utf-8"?>
<formControlPr xmlns="http://schemas.microsoft.com/office/spreadsheetml/2009/9/main" objectType="CheckBox" checked="Checked"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checked="Checked" lockText="1" noThreeD="1"/>
</file>

<file path=xl/ctrlProps/ctrlProp229.xml><?xml version="1.0" encoding="utf-8"?>
<formControlPr xmlns="http://schemas.microsoft.com/office/spreadsheetml/2009/9/main" objectType="CheckBox" checked="Checked" lockText="1" noThreeD="1"/>
</file>

<file path=xl/ctrlProps/ctrlProp23.xml><?xml version="1.0" encoding="utf-8"?>
<formControlPr xmlns="http://schemas.microsoft.com/office/spreadsheetml/2009/9/main" objectType="CheckBox" checked="Checked"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checked="Checked"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checked="Checked" lockText="1" noThreeD="1"/>
</file>

<file path=xl/ctrlProps/ctrlProp235.xml><?xml version="1.0" encoding="utf-8"?>
<formControlPr xmlns="http://schemas.microsoft.com/office/spreadsheetml/2009/9/main" objectType="CheckBox" checked="Checked" lockText="1" noThreeD="1"/>
</file>

<file path=xl/ctrlProps/ctrlProp236.xml><?xml version="1.0" encoding="utf-8"?>
<formControlPr xmlns="http://schemas.microsoft.com/office/spreadsheetml/2009/9/main" objectType="CheckBox" checked="Checked" lockText="1" noThreeD="1"/>
</file>

<file path=xl/ctrlProps/ctrlProp237.xml><?xml version="1.0" encoding="utf-8"?>
<formControlPr xmlns="http://schemas.microsoft.com/office/spreadsheetml/2009/9/main" objectType="CheckBox" checked="Checked" lockText="1" noThreeD="1"/>
</file>

<file path=xl/ctrlProps/ctrlProp238.xml><?xml version="1.0" encoding="utf-8"?>
<formControlPr xmlns="http://schemas.microsoft.com/office/spreadsheetml/2009/9/main" objectType="CheckBox" checked="Checked"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checked="Checked"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checked="Checked" lockText="1" noThreeD="1"/>
</file>

<file path=xl/ctrlProps/ctrlProp26.xml><?xml version="1.0" encoding="utf-8"?>
<formControlPr xmlns="http://schemas.microsoft.com/office/spreadsheetml/2009/9/main" objectType="CheckBox" checked="Checked"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checked="Checked"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checked="Checked"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checked="Checked"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checked="Checked"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6</xdr:col>
          <xdr:colOff>161925</xdr:colOff>
          <xdr:row>5</xdr:row>
          <xdr:rowOff>133350</xdr:rowOff>
        </xdr:from>
        <xdr:to>
          <xdr:col>44</xdr:col>
          <xdr:colOff>9525</xdr:colOff>
          <xdr:row>7</xdr:row>
          <xdr:rowOff>19050</xdr:rowOff>
        </xdr:to>
        <xdr:sp macro="" textlink="">
          <xdr:nvSpPr>
            <xdr:cNvPr id="45057" name="Check Box 1" hidden="1">
              <a:extLst>
                <a:ext uri="{63B3BB69-23CF-44E3-9099-C40C66FF867C}">
                  <a14:compatExt spid="_x0000_s4505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7</xdr:row>
          <xdr:rowOff>133350</xdr:rowOff>
        </xdr:from>
        <xdr:to>
          <xdr:col>44</xdr:col>
          <xdr:colOff>9525</xdr:colOff>
          <xdr:row>9</xdr:row>
          <xdr:rowOff>9525</xdr:rowOff>
        </xdr:to>
        <xdr:sp macro="" textlink="">
          <xdr:nvSpPr>
            <xdr:cNvPr id="45058" name="Check Box 2" hidden="1">
              <a:extLst>
                <a:ext uri="{63B3BB69-23CF-44E3-9099-C40C66FF867C}">
                  <a14:compatExt spid="_x0000_s4505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8</xdr:row>
          <xdr:rowOff>142875</xdr:rowOff>
        </xdr:from>
        <xdr:to>
          <xdr:col>30</xdr:col>
          <xdr:colOff>38100</xdr:colOff>
          <xdr:row>10</xdr:row>
          <xdr:rowOff>19050</xdr:rowOff>
        </xdr:to>
        <xdr:sp macro="" textlink="">
          <xdr:nvSpPr>
            <xdr:cNvPr id="45059" name="Check Box 3" hidden="1">
              <a:extLst>
                <a:ext uri="{63B3BB69-23CF-44E3-9099-C40C66FF867C}">
                  <a14:compatExt spid="_x0000_s4505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71450</xdr:colOff>
          <xdr:row>13</xdr:row>
          <xdr:rowOff>152400</xdr:rowOff>
        </xdr:from>
        <xdr:to>
          <xdr:col>34</xdr:col>
          <xdr:colOff>28575</xdr:colOff>
          <xdr:row>15</xdr:row>
          <xdr:rowOff>38100</xdr:rowOff>
        </xdr:to>
        <xdr:sp macro="" textlink="">
          <xdr:nvSpPr>
            <xdr:cNvPr id="45060" name="Check Box 4" hidden="1">
              <a:extLst>
                <a:ext uri="{63B3BB69-23CF-44E3-9099-C40C66FF867C}">
                  <a14:compatExt spid="_x0000_s4506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5</xdr:row>
          <xdr:rowOff>142875</xdr:rowOff>
        </xdr:from>
        <xdr:to>
          <xdr:col>30</xdr:col>
          <xdr:colOff>38100</xdr:colOff>
          <xdr:row>17</xdr:row>
          <xdr:rowOff>19050</xdr:rowOff>
        </xdr:to>
        <xdr:sp macro="" textlink="">
          <xdr:nvSpPr>
            <xdr:cNvPr id="45061" name="Check Box 5" hidden="1">
              <a:extLst>
                <a:ext uri="{63B3BB69-23CF-44E3-9099-C40C66FF867C}">
                  <a14:compatExt spid="_x0000_s4506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6</xdr:row>
          <xdr:rowOff>161925</xdr:rowOff>
        </xdr:from>
        <xdr:to>
          <xdr:col>31</xdr:col>
          <xdr:colOff>28575</xdr:colOff>
          <xdr:row>18</xdr:row>
          <xdr:rowOff>47625</xdr:rowOff>
        </xdr:to>
        <xdr:sp macro="" textlink="">
          <xdr:nvSpPr>
            <xdr:cNvPr id="45062" name="Check Box 6" hidden="1">
              <a:extLst>
                <a:ext uri="{63B3BB69-23CF-44E3-9099-C40C66FF867C}">
                  <a14:compatExt spid="_x0000_s4506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80975</xdr:colOff>
          <xdr:row>16</xdr:row>
          <xdr:rowOff>161925</xdr:rowOff>
        </xdr:from>
        <xdr:to>
          <xdr:col>38</xdr:col>
          <xdr:colOff>28575</xdr:colOff>
          <xdr:row>18</xdr:row>
          <xdr:rowOff>47625</xdr:rowOff>
        </xdr:to>
        <xdr:sp macro="" textlink="">
          <xdr:nvSpPr>
            <xdr:cNvPr id="45063" name="Check Box 7" hidden="1">
              <a:extLst>
                <a:ext uri="{63B3BB69-23CF-44E3-9099-C40C66FF867C}">
                  <a14:compatExt spid="_x0000_s4506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71450</xdr:colOff>
          <xdr:row>16</xdr:row>
          <xdr:rowOff>161925</xdr:rowOff>
        </xdr:from>
        <xdr:to>
          <xdr:col>50</xdr:col>
          <xdr:colOff>19050</xdr:colOff>
          <xdr:row>18</xdr:row>
          <xdr:rowOff>47625</xdr:rowOff>
        </xdr:to>
        <xdr:sp macro="" textlink="">
          <xdr:nvSpPr>
            <xdr:cNvPr id="45064" name="Check Box 8" hidden="1">
              <a:extLst>
                <a:ext uri="{63B3BB69-23CF-44E3-9099-C40C66FF867C}">
                  <a14:compatExt spid="_x0000_s4506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0</xdr:col>
          <xdr:colOff>171450</xdr:colOff>
          <xdr:row>16</xdr:row>
          <xdr:rowOff>161925</xdr:rowOff>
        </xdr:from>
        <xdr:to>
          <xdr:col>58</xdr:col>
          <xdr:colOff>28575</xdr:colOff>
          <xdr:row>18</xdr:row>
          <xdr:rowOff>47625</xdr:rowOff>
        </xdr:to>
        <xdr:sp macro="" textlink="">
          <xdr:nvSpPr>
            <xdr:cNvPr id="45065" name="Check Box 9" hidden="1">
              <a:extLst>
                <a:ext uri="{63B3BB69-23CF-44E3-9099-C40C66FF867C}">
                  <a14:compatExt spid="_x0000_s4506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80975</xdr:colOff>
          <xdr:row>17</xdr:row>
          <xdr:rowOff>152400</xdr:rowOff>
        </xdr:from>
        <xdr:to>
          <xdr:col>28</xdr:col>
          <xdr:colOff>66675</xdr:colOff>
          <xdr:row>19</xdr:row>
          <xdr:rowOff>28575</xdr:rowOff>
        </xdr:to>
        <xdr:sp macro="" textlink="">
          <xdr:nvSpPr>
            <xdr:cNvPr id="45066" name="Check Box 10" hidden="1">
              <a:extLst>
                <a:ext uri="{63B3BB69-23CF-44E3-9099-C40C66FF867C}">
                  <a14:compatExt spid="_x0000_s4506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18</xdr:row>
          <xdr:rowOff>142875</xdr:rowOff>
        </xdr:from>
        <xdr:to>
          <xdr:col>30</xdr:col>
          <xdr:colOff>47625</xdr:colOff>
          <xdr:row>20</xdr:row>
          <xdr:rowOff>19050</xdr:rowOff>
        </xdr:to>
        <xdr:sp macro="" textlink="">
          <xdr:nvSpPr>
            <xdr:cNvPr id="45067" name="Check Box 11" hidden="1">
              <a:extLst>
                <a:ext uri="{63B3BB69-23CF-44E3-9099-C40C66FF867C}">
                  <a14:compatExt spid="_x0000_s4506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71450</xdr:colOff>
          <xdr:row>18</xdr:row>
          <xdr:rowOff>161925</xdr:rowOff>
        </xdr:from>
        <xdr:to>
          <xdr:col>46</xdr:col>
          <xdr:colOff>28575</xdr:colOff>
          <xdr:row>20</xdr:row>
          <xdr:rowOff>38100</xdr:rowOff>
        </xdr:to>
        <xdr:sp macro="" textlink="">
          <xdr:nvSpPr>
            <xdr:cNvPr id="45068" name="Check Box 12" hidden="1">
              <a:extLst>
                <a:ext uri="{63B3BB69-23CF-44E3-9099-C40C66FF867C}">
                  <a14:compatExt spid="_x0000_s4506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19</xdr:row>
          <xdr:rowOff>142875</xdr:rowOff>
        </xdr:from>
        <xdr:to>
          <xdr:col>30</xdr:col>
          <xdr:colOff>47625</xdr:colOff>
          <xdr:row>21</xdr:row>
          <xdr:rowOff>28575</xdr:rowOff>
        </xdr:to>
        <xdr:sp macro="" textlink="">
          <xdr:nvSpPr>
            <xdr:cNvPr id="45069" name="Check Box 13" hidden="1">
              <a:extLst>
                <a:ext uri="{63B3BB69-23CF-44E3-9099-C40C66FF867C}">
                  <a14:compatExt spid="_x0000_s4506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21</xdr:row>
          <xdr:rowOff>161925</xdr:rowOff>
        </xdr:from>
        <xdr:to>
          <xdr:col>30</xdr:col>
          <xdr:colOff>47625</xdr:colOff>
          <xdr:row>23</xdr:row>
          <xdr:rowOff>38100</xdr:rowOff>
        </xdr:to>
        <xdr:sp macro="" textlink="">
          <xdr:nvSpPr>
            <xdr:cNvPr id="45070" name="Check Box 14" hidden="1">
              <a:extLst>
                <a:ext uri="{63B3BB69-23CF-44E3-9099-C40C66FF867C}">
                  <a14:compatExt spid="_x0000_s4507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0</xdr:colOff>
          <xdr:row>24</xdr:row>
          <xdr:rowOff>142875</xdr:rowOff>
        </xdr:from>
        <xdr:to>
          <xdr:col>38</xdr:col>
          <xdr:colOff>28575</xdr:colOff>
          <xdr:row>26</xdr:row>
          <xdr:rowOff>19050</xdr:rowOff>
        </xdr:to>
        <xdr:sp macro="" textlink="">
          <xdr:nvSpPr>
            <xdr:cNvPr id="45071" name="Check Box 15" hidden="1">
              <a:extLst>
                <a:ext uri="{63B3BB69-23CF-44E3-9099-C40C66FF867C}">
                  <a14:compatExt spid="_x0000_s4507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9525</xdr:colOff>
          <xdr:row>23</xdr:row>
          <xdr:rowOff>152400</xdr:rowOff>
        </xdr:from>
        <xdr:to>
          <xdr:col>38</xdr:col>
          <xdr:colOff>38100</xdr:colOff>
          <xdr:row>25</xdr:row>
          <xdr:rowOff>28575</xdr:rowOff>
        </xdr:to>
        <xdr:sp macro="" textlink="">
          <xdr:nvSpPr>
            <xdr:cNvPr id="45072" name="Check Box 16" hidden="1">
              <a:extLst>
                <a:ext uri="{63B3BB69-23CF-44E3-9099-C40C66FF867C}">
                  <a14:compatExt spid="_x0000_s4507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23</xdr:row>
          <xdr:rowOff>152400</xdr:rowOff>
        </xdr:from>
        <xdr:to>
          <xdr:col>43</xdr:col>
          <xdr:colOff>19050</xdr:colOff>
          <xdr:row>25</xdr:row>
          <xdr:rowOff>28575</xdr:rowOff>
        </xdr:to>
        <xdr:sp macro="" textlink="">
          <xdr:nvSpPr>
            <xdr:cNvPr id="45073" name="Check Box 17" hidden="1">
              <a:extLst>
                <a:ext uri="{63B3BB69-23CF-44E3-9099-C40C66FF867C}">
                  <a14:compatExt spid="_x0000_s4507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42875</xdr:colOff>
          <xdr:row>23</xdr:row>
          <xdr:rowOff>152400</xdr:rowOff>
        </xdr:from>
        <xdr:to>
          <xdr:col>52</xdr:col>
          <xdr:colOff>0</xdr:colOff>
          <xdr:row>25</xdr:row>
          <xdr:rowOff>28575</xdr:rowOff>
        </xdr:to>
        <xdr:sp macro="" textlink="">
          <xdr:nvSpPr>
            <xdr:cNvPr id="45074" name="Check Box 18" hidden="1">
              <a:extLst>
                <a:ext uri="{63B3BB69-23CF-44E3-9099-C40C66FF867C}">
                  <a14:compatExt spid="_x0000_s4507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9525</xdr:colOff>
          <xdr:row>25</xdr:row>
          <xdr:rowOff>161925</xdr:rowOff>
        </xdr:from>
        <xdr:to>
          <xdr:col>36</xdr:col>
          <xdr:colOff>47625</xdr:colOff>
          <xdr:row>27</xdr:row>
          <xdr:rowOff>38100</xdr:rowOff>
        </xdr:to>
        <xdr:sp macro="" textlink="">
          <xdr:nvSpPr>
            <xdr:cNvPr id="45075" name="Check Box 19" hidden="1">
              <a:extLst>
                <a:ext uri="{63B3BB69-23CF-44E3-9099-C40C66FF867C}">
                  <a14:compatExt spid="_x0000_s4507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0</xdr:colOff>
          <xdr:row>25</xdr:row>
          <xdr:rowOff>161925</xdr:rowOff>
        </xdr:from>
        <xdr:to>
          <xdr:col>41</xdr:col>
          <xdr:colOff>38100</xdr:colOff>
          <xdr:row>27</xdr:row>
          <xdr:rowOff>38100</xdr:rowOff>
        </xdr:to>
        <xdr:sp macro="" textlink="">
          <xdr:nvSpPr>
            <xdr:cNvPr id="45076" name="Check Box 20" hidden="1">
              <a:extLst>
                <a:ext uri="{63B3BB69-23CF-44E3-9099-C40C66FF867C}">
                  <a14:compatExt spid="_x0000_s4507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71450</xdr:colOff>
          <xdr:row>25</xdr:row>
          <xdr:rowOff>152400</xdr:rowOff>
        </xdr:from>
        <xdr:to>
          <xdr:col>46</xdr:col>
          <xdr:colOff>28575</xdr:colOff>
          <xdr:row>27</xdr:row>
          <xdr:rowOff>28575</xdr:rowOff>
        </xdr:to>
        <xdr:sp macro="" textlink="">
          <xdr:nvSpPr>
            <xdr:cNvPr id="45077" name="Check Box 21" hidden="1">
              <a:extLst>
                <a:ext uri="{63B3BB69-23CF-44E3-9099-C40C66FF867C}">
                  <a14:compatExt spid="_x0000_s4507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6</xdr:col>
          <xdr:colOff>0</xdr:colOff>
          <xdr:row>25</xdr:row>
          <xdr:rowOff>152400</xdr:rowOff>
        </xdr:from>
        <xdr:to>
          <xdr:col>61</xdr:col>
          <xdr:colOff>400050</xdr:colOff>
          <xdr:row>27</xdr:row>
          <xdr:rowOff>28575</xdr:rowOff>
        </xdr:to>
        <xdr:sp macro="" textlink="">
          <xdr:nvSpPr>
            <xdr:cNvPr id="45078" name="Check Box 22" hidden="1">
              <a:extLst>
                <a:ext uri="{63B3BB69-23CF-44E3-9099-C40C66FF867C}">
                  <a14:compatExt spid="_x0000_s4507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0</xdr:colOff>
          <xdr:row>31</xdr:row>
          <xdr:rowOff>152400</xdr:rowOff>
        </xdr:from>
        <xdr:to>
          <xdr:col>14</xdr:col>
          <xdr:colOff>38100</xdr:colOff>
          <xdr:row>33</xdr:row>
          <xdr:rowOff>28575</xdr:rowOff>
        </xdr:to>
        <xdr:sp macro="" textlink="">
          <xdr:nvSpPr>
            <xdr:cNvPr id="45079" name="Check Box 23" hidden="1">
              <a:extLst>
                <a:ext uri="{63B3BB69-23CF-44E3-9099-C40C66FF867C}">
                  <a14:compatExt spid="_x0000_s4507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31</xdr:row>
          <xdr:rowOff>152400</xdr:rowOff>
        </xdr:from>
        <xdr:to>
          <xdr:col>30</xdr:col>
          <xdr:colOff>57150</xdr:colOff>
          <xdr:row>33</xdr:row>
          <xdr:rowOff>28575</xdr:rowOff>
        </xdr:to>
        <xdr:sp macro="" textlink="">
          <xdr:nvSpPr>
            <xdr:cNvPr id="45080" name="Check Box 24" hidden="1">
              <a:extLst>
                <a:ext uri="{63B3BB69-23CF-44E3-9099-C40C66FF867C}">
                  <a14:compatExt spid="_x0000_s4508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28575</xdr:colOff>
          <xdr:row>32</xdr:row>
          <xdr:rowOff>152400</xdr:rowOff>
        </xdr:from>
        <xdr:to>
          <xdr:col>31</xdr:col>
          <xdr:colOff>66675</xdr:colOff>
          <xdr:row>34</xdr:row>
          <xdr:rowOff>28575</xdr:rowOff>
        </xdr:to>
        <xdr:sp macro="" textlink="">
          <xdr:nvSpPr>
            <xdr:cNvPr id="45081" name="Check Box 25" hidden="1">
              <a:extLst>
                <a:ext uri="{63B3BB69-23CF-44E3-9099-C40C66FF867C}">
                  <a14:compatExt spid="_x0000_s4508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0</xdr:colOff>
          <xdr:row>32</xdr:row>
          <xdr:rowOff>152400</xdr:rowOff>
        </xdr:from>
        <xdr:to>
          <xdr:col>35</xdr:col>
          <xdr:colOff>38100</xdr:colOff>
          <xdr:row>34</xdr:row>
          <xdr:rowOff>28575</xdr:rowOff>
        </xdr:to>
        <xdr:sp macro="" textlink="">
          <xdr:nvSpPr>
            <xdr:cNvPr id="45082" name="Check Box 26" hidden="1">
              <a:extLst>
                <a:ext uri="{63B3BB69-23CF-44E3-9099-C40C66FF867C}">
                  <a14:compatExt spid="_x0000_s4508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0</xdr:colOff>
          <xdr:row>32</xdr:row>
          <xdr:rowOff>142875</xdr:rowOff>
        </xdr:from>
        <xdr:to>
          <xdr:col>39</xdr:col>
          <xdr:colOff>28575</xdr:colOff>
          <xdr:row>34</xdr:row>
          <xdr:rowOff>19050</xdr:rowOff>
        </xdr:to>
        <xdr:sp macro="" textlink="">
          <xdr:nvSpPr>
            <xdr:cNvPr id="45083" name="Check Box 27" hidden="1">
              <a:extLst>
                <a:ext uri="{63B3BB69-23CF-44E3-9099-C40C66FF867C}">
                  <a14:compatExt spid="_x0000_s4508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32</xdr:row>
          <xdr:rowOff>142875</xdr:rowOff>
        </xdr:from>
        <xdr:to>
          <xdr:col>43</xdr:col>
          <xdr:colOff>19050</xdr:colOff>
          <xdr:row>34</xdr:row>
          <xdr:rowOff>19050</xdr:rowOff>
        </xdr:to>
        <xdr:sp macro="" textlink="">
          <xdr:nvSpPr>
            <xdr:cNvPr id="45084" name="Check Box 28" hidden="1">
              <a:extLst>
                <a:ext uri="{63B3BB69-23CF-44E3-9099-C40C66FF867C}">
                  <a14:compatExt spid="_x0000_s4508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32</xdr:row>
          <xdr:rowOff>152400</xdr:rowOff>
        </xdr:from>
        <xdr:to>
          <xdr:col>47</xdr:col>
          <xdr:colOff>19050</xdr:colOff>
          <xdr:row>34</xdr:row>
          <xdr:rowOff>28575</xdr:rowOff>
        </xdr:to>
        <xdr:sp macro="" textlink="">
          <xdr:nvSpPr>
            <xdr:cNvPr id="45085" name="Check Box 29" hidden="1">
              <a:extLst>
                <a:ext uri="{63B3BB69-23CF-44E3-9099-C40C66FF867C}">
                  <a14:compatExt spid="_x0000_s4508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71450</xdr:colOff>
          <xdr:row>32</xdr:row>
          <xdr:rowOff>152400</xdr:rowOff>
        </xdr:from>
        <xdr:to>
          <xdr:col>52</xdr:col>
          <xdr:colOff>28575</xdr:colOff>
          <xdr:row>34</xdr:row>
          <xdr:rowOff>28575</xdr:rowOff>
        </xdr:to>
        <xdr:sp macro="" textlink="">
          <xdr:nvSpPr>
            <xdr:cNvPr id="45086" name="Check Box 30" hidden="1">
              <a:extLst>
                <a:ext uri="{63B3BB69-23CF-44E3-9099-C40C66FF867C}">
                  <a14:compatExt spid="_x0000_s4508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33</xdr:row>
          <xdr:rowOff>133350</xdr:rowOff>
        </xdr:from>
        <xdr:to>
          <xdr:col>30</xdr:col>
          <xdr:colOff>57150</xdr:colOff>
          <xdr:row>35</xdr:row>
          <xdr:rowOff>19050</xdr:rowOff>
        </xdr:to>
        <xdr:sp macro="" textlink="">
          <xdr:nvSpPr>
            <xdr:cNvPr id="45087" name="Check Box 31" hidden="1">
              <a:extLst>
                <a:ext uri="{63B3BB69-23CF-44E3-9099-C40C66FF867C}">
                  <a14:compatExt spid="_x0000_s4508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9525</xdr:colOff>
          <xdr:row>34</xdr:row>
          <xdr:rowOff>142875</xdr:rowOff>
        </xdr:from>
        <xdr:to>
          <xdr:col>31</xdr:col>
          <xdr:colOff>47625</xdr:colOff>
          <xdr:row>36</xdr:row>
          <xdr:rowOff>19050</xdr:rowOff>
        </xdr:to>
        <xdr:sp macro="" textlink="">
          <xdr:nvSpPr>
            <xdr:cNvPr id="45088" name="Check Box 32" hidden="1">
              <a:extLst>
                <a:ext uri="{63B3BB69-23CF-44E3-9099-C40C66FF867C}">
                  <a14:compatExt spid="_x0000_s4508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71450</xdr:colOff>
          <xdr:row>34</xdr:row>
          <xdr:rowOff>133350</xdr:rowOff>
        </xdr:from>
        <xdr:to>
          <xdr:col>45</xdr:col>
          <xdr:colOff>28575</xdr:colOff>
          <xdr:row>36</xdr:row>
          <xdr:rowOff>9525</xdr:rowOff>
        </xdr:to>
        <xdr:sp macro="" textlink="">
          <xdr:nvSpPr>
            <xdr:cNvPr id="45089" name="Check Box 33" hidden="1">
              <a:extLst>
                <a:ext uri="{63B3BB69-23CF-44E3-9099-C40C66FF867C}">
                  <a14:compatExt spid="_x0000_s4508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6</xdr:col>
          <xdr:colOff>0</xdr:colOff>
          <xdr:row>34</xdr:row>
          <xdr:rowOff>152400</xdr:rowOff>
        </xdr:from>
        <xdr:to>
          <xdr:col>61</xdr:col>
          <xdr:colOff>400050</xdr:colOff>
          <xdr:row>36</xdr:row>
          <xdr:rowOff>28575</xdr:rowOff>
        </xdr:to>
        <xdr:sp macro="" textlink="">
          <xdr:nvSpPr>
            <xdr:cNvPr id="45090" name="Check Box 34" hidden="1">
              <a:extLst>
                <a:ext uri="{63B3BB69-23CF-44E3-9099-C40C66FF867C}">
                  <a14:compatExt spid="_x0000_s4509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35</xdr:row>
          <xdr:rowOff>142875</xdr:rowOff>
        </xdr:from>
        <xdr:to>
          <xdr:col>14</xdr:col>
          <xdr:colOff>38100</xdr:colOff>
          <xdr:row>37</xdr:row>
          <xdr:rowOff>19050</xdr:rowOff>
        </xdr:to>
        <xdr:sp macro="" textlink="">
          <xdr:nvSpPr>
            <xdr:cNvPr id="45091" name="Check Box 35" hidden="1">
              <a:extLst>
                <a:ext uri="{63B3BB69-23CF-44E3-9099-C40C66FF867C}">
                  <a14:compatExt spid="_x0000_s4509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35</xdr:row>
          <xdr:rowOff>142875</xdr:rowOff>
        </xdr:from>
        <xdr:to>
          <xdr:col>30</xdr:col>
          <xdr:colOff>47625</xdr:colOff>
          <xdr:row>37</xdr:row>
          <xdr:rowOff>19050</xdr:rowOff>
        </xdr:to>
        <xdr:sp macro="" textlink="">
          <xdr:nvSpPr>
            <xdr:cNvPr id="45092" name="Check Box 36" hidden="1">
              <a:extLst>
                <a:ext uri="{63B3BB69-23CF-44E3-9099-C40C66FF867C}">
                  <a14:compatExt spid="_x0000_s4509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9525</xdr:colOff>
          <xdr:row>36</xdr:row>
          <xdr:rowOff>142875</xdr:rowOff>
        </xdr:from>
        <xdr:to>
          <xdr:col>31</xdr:col>
          <xdr:colOff>47625</xdr:colOff>
          <xdr:row>38</xdr:row>
          <xdr:rowOff>28575</xdr:rowOff>
        </xdr:to>
        <xdr:sp macro="" textlink="">
          <xdr:nvSpPr>
            <xdr:cNvPr id="45093" name="Check Box 37" hidden="1">
              <a:extLst>
                <a:ext uri="{63B3BB69-23CF-44E3-9099-C40C66FF867C}">
                  <a14:compatExt spid="_x0000_s4509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36</xdr:row>
          <xdr:rowOff>152400</xdr:rowOff>
        </xdr:from>
        <xdr:to>
          <xdr:col>36</xdr:col>
          <xdr:colOff>28575</xdr:colOff>
          <xdr:row>38</xdr:row>
          <xdr:rowOff>38100</xdr:rowOff>
        </xdr:to>
        <xdr:sp macro="" textlink="">
          <xdr:nvSpPr>
            <xdr:cNvPr id="45094" name="Check Box 38" hidden="1">
              <a:extLst>
                <a:ext uri="{63B3BB69-23CF-44E3-9099-C40C66FF867C}">
                  <a14:compatExt spid="_x0000_s4509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71450</xdr:colOff>
          <xdr:row>36</xdr:row>
          <xdr:rowOff>152400</xdr:rowOff>
        </xdr:from>
        <xdr:to>
          <xdr:col>41</xdr:col>
          <xdr:colOff>28575</xdr:colOff>
          <xdr:row>38</xdr:row>
          <xdr:rowOff>38100</xdr:rowOff>
        </xdr:to>
        <xdr:sp macro="" textlink="">
          <xdr:nvSpPr>
            <xdr:cNvPr id="45095" name="Check Box 39" hidden="1">
              <a:extLst>
                <a:ext uri="{63B3BB69-23CF-44E3-9099-C40C66FF867C}">
                  <a14:compatExt spid="_x0000_s4509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61925</xdr:colOff>
          <xdr:row>36</xdr:row>
          <xdr:rowOff>152400</xdr:rowOff>
        </xdr:from>
        <xdr:to>
          <xdr:col>46</xdr:col>
          <xdr:colOff>19050</xdr:colOff>
          <xdr:row>38</xdr:row>
          <xdr:rowOff>38100</xdr:rowOff>
        </xdr:to>
        <xdr:sp macro="" textlink="">
          <xdr:nvSpPr>
            <xdr:cNvPr id="45096" name="Check Box 40" hidden="1">
              <a:extLst>
                <a:ext uri="{63B3BB69-23CF-44E3-9099-C40C66FF867C}">
                  <a14:compatExt spid="_x0000_s4509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71450</xdr:colOff>
          <xdr:row>36</xdr:row>
          <xdr:rowOff>152400</xdr:rowOff>
        </xdr:from>
        <xdr:to>
          <xdr:col>57</xdr:col>
          <xdr:colOff>28575</xdr:colOff>
          <xdr:row>38</xdr:row>
          <xdr:rowOff>38100</xdr:rowOff>
        </xdr:to>
        <xdr:sp macro="" textlink="">
          <xdr:nvSpPr>
            <xdr:cNvPr id="45097" name="Check Box 41" hidden="1">
              <a:extLst>
                <a:ext uri="{63B3BB69-23CF-44E3-9099-C40C66FF867C}">
                  <a14:compatExt spid="_x0000_s4509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9525</xdr:colOff>
          <xdr:row>37</xdr:row>
          <xdr:rowOff>142875</xdr:rowOff>
        </xdr:from>
        <xdr:to>
          <xdr:col>31</xdr:col>
          <xdr:colOff>47625</xdr:colOff>
          <xdr:row>39</xdr:row>
          <xdr:rowOff>19050</xdr:rowOff>
        </xdr:to>
        <xdr:sp macro="" textlink="">
          <xdr:nvSpPr>
            <xdr:cNvPr id="45098" name="Check Box 42" hidden="1">
              <a:extLst>
                <a:ext uri="{63B3BB69-23CF-44E3-9099-C40C66FF867C}">
                  <a14:compatExt spid="_x0000_s4509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71450</xdr:colOff>
          <xdr:row>37</xdr:row>
          <xdr:rowOff>152400</xdr:rowOff>
        </xdr:from>
        <xdr:to>
          <xdr:col>40</xdr:col>
          <xdr:colOff>28575</xdr:colOff>
          <xdr:row>39</xdr:row>
          <xdr:rowOff>28575</xdr:rowOff>
        </xdr:to>
        <xdr:sp macro="" textlink="">
          <xdr:nvSpPr>
            <xdr:cNvPr id="45099" name="Check Box 43" hidden="1">
              <a:extLst>
                <a:ext uri="{63B3BB69-23CF-44E3-9099-C40C66FF867C}">
                  <a14:compatExt spid="_x0000_s4509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6</xdr:col>
          <xdr:colOff>0</xdr:colOff>
          <xdr:row>37</xdr:row>
          <xdr:rowOff>152400</xdr:rowOff>
        </xdr:from>
        <xdr:to>
          <xdr:col>61</xdr:col>
          <xdr:colOff>400050</xdr:colOff>
          <xdr:row>39</xdr:row>
          <xdr:rowOff>28575</xdr:rowOff>
        </xdr:to>
        <xdr:sp macro="" textlink="">
          <xdr:nvSpPr>
            <xdr:cNvPr id="45100" name="Check Box 44" hidden="1">
              <a:extLst>
                <a:ext uri="{63B3BB69-23CF-44E3-9099-C40C66FF867C}">
                  <a14:compatExt spid="_x0000_s4510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9525</xdr:colOff>
          <xdr:row>39</xdr:row>
          <xdr:rowOff>152400</xdr:rowOff>
        </xdr:from>
        <xdr:to>
          <xdr:col>31</xdr:col>
          <xdr:colOff>47625</xdr:colOff>
          <xdr:row>41</xdr:row>
          <xdr:rowOff>38100</xdr:rowOff>
        </xdr:to>
        <xdr:sp macro="" textlink="">
          <xdr:nvSpPr>
            <xdr:cNvPr id="45101" name="Check Box 45" hidden="1">
              <a:extLst>
                <a:ext uri="{63B3BB69-23CF-44E3-9099-C40C66FF867C}">
                  <a14:compatExt spid="_x0000_s4510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0</xdr:colOff>
          <xdr:row>39</xdr:row>
          <xdr:rowOff>142875</xdr:rowOff>
        </xdr:from>
        <xdr:to>
          <xdr:col>37</xdr:col>
          <xdr:colOff>28575</xdr:colOff>
          <xdr:row>41</xdr:row>
          <xdr:rowOff>28575</xdr:rowOff>
        </xdr:to>
        <xdr:sp macro="" textlink="">
          <xdr:nvSpPr>
            <xdr:cNvPr id="45102" name="Check Box 46" hidden="1">
              <a:extLst>
                <a:ext uri="{63B3BB69-23CF-44E3-9099-C40C66FF867C}">
                  <a14:compatExt spid="_x0000_s4510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6</xdr:col>
          <xdr:colOff>9525</xdr:colOff>
          <xdr:row>39</xdr:row>
          <xdr:rowOff>133350</xdr:rowOff>
        </xdr:from>
        <xdr:to>
          <xdr:col>61</xdr:col>
          <xdr:colOff>409575</xdr:colOff>
          <xdr:row>41</xdr:row>
          <xdr:rowOff>19050</xdr:rowOff>
        </xdr:to>
        <xdr:sp macro="" textlink="">
          <xdr:nvSpPr>
            <xdr:cNvPr id="45103" name="Check Box 47" hidden="1">
              <a:extLst>
                <a:ext uri="{63B3BB69-23CF-44E3-9099-C40C66FF867C}">
                  <a14:compatExt spid="_x0000_s4510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38</xdr:row>
          <xdr:rowOff>161925</xdr:rowOff>
        </xdr:from>
        <xdr:to>
          <xdr:col>30</xdr:col>
          <xdr:colOff>57150</xdr:colOff>
          <xdr:row>40</xdr:row>
          <xdr:rowOff>38100</xdr:rowOff>
        </xdr:to>
        <xdr:sp macro="" textlink="">
          <xdr:nvSpPr>
            <xdr:cNvPr id="45104" name="Check Box 48" hidden="1">
              <a:extLst>
                <a:ext uri="{63B3BB69-23CF-44E3-9099-C40C66FF867C}">
                  <a14:compatExt spid="_x0000_s4510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0</xdr:colOff>
          <xdr:row>40</xdr:row>
          <xdr:rowOff>152400</xdr:rowOff>
        </xdr:from>
        <xdr:to>
          <xdr:col>14</xdr:col>
          <xdr:colOff>38100</xdr:colOff>
          <xdr:row>42</xdr:row>
          <xdr:rowOff>28575</xdr:rowOff>
        </xdr:to>
        <xdr:sp macro="" textlink="">
          <xdr:nvSpPr>
            <xdr:cNvPr id="45105" name="Check Box 49" hidden="1">
              <a:extLst>
                <a:ext uri="{63B3BB69-23CF-44E3-9099-C40C66FF867C}">
                  <a14:compatExt spid="_x0000_s4510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40</xdr:row>
          <xdr:rowOff>142875</xdr:rowOff>
        </xdr:from>
        <xdr:to>
          <xdr:col>30</xdr:col>
          <xdr:colOff>47625</xdr:colOff>
          <xdr:row>42</xdr:row>
          <xdr:rowOff>19050</xdr:rowOff>
        </xdr:to>
        <xdr:sp macro="" textlink="">
          <xdr:nvSpPr>
            <xdr:cNvPr id="45106" name="Check Box 50" hidden="1">
              <a:extLst>
                <a:ext uri="{63B3BB69-23CF-44E3-9099-C40C66FF867C}">
                  <a14:compatExt spid="_x0000_s4510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44</xdr:row>
          <xdr:rowOff>19050</xdr:rowOff>
        </xdr:from>
        <xdr:to>
          <xdr:col>30</xdr:col>
          <xdr:colOff>47625</xdr:colOff>
          <xdr:row>45</xdr:row>
          <xdr:rowOff>38100</xdr:rowOff>
        </xdr:to>
        <xdr:sp macro="" textlink="">
          <xdr:nvSpPr>
            <xdr:cNvPr id="45107" name="Check Box 51" hidden="1">
              <a:extLst>
                <a:ext uri="{63B3BB69-23CF-44E3-9099-C40C66FF867C}">
                  <a14:compatExt spid="_x0000_s4510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45</xdr:row>
          <xdr:rowOff>9525</xdr:rowOff>
        </xdr:from>
        <xdr:to>
          <xdr:col>31</xdr:col>
          <xdr:colOff>38100</xdr:colOff>
          <xdr:row>46</xdr:row>
          <xdr:rowOff>47625</xdr:rowOff>
        </xdr:to>
        <xdr:sp macro="" textlink="">
          <xdr:nvSpPr>
            <xdr:cNvPr id="45108" name="Check Box 52" hidden="1">
              <a:extLst>
                <a:ext uri="{63B3BB69-23CF-44E3-9099-C40C66FF867C}">
                  <a14:compatExt spid="_x0000_s4510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45</xdr:row>
          <xdr:rowOff>152400</xdr:rowOff>
        </xdr:from>
        <xdr:to>
          <xdr:col>30</xdr:col>
          <xdr:colOff>57150</xdr:colOff>
          <xdr:row>47</xdr:row>
          <xdr:rowOff>38100</xdr:rowOff>
        </xdr:to>
        <xdr:sp macro="" textlink="">
          <xdr:nvSpPr>
            <xdr:cNvPr id="45109" name="Check Box 53" hidden="1">
              <a:extLst>
                <a:ext uri="{63B3BB69-23CF-44E3-9099-C40C66FF867C}">
                  <a14:compatExt spid="_x0000_s4510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xdr:colOff>
          <xdr:row>46</xdr:row>
          <xdr:rowOff>161925</xdr:rowOff>
        </xdr:from>
        <xdr:to>
          <xdr:col>31</xdr:col>
          <xdr:colOff>57150</xdr:colOff>
          <xdr:row>48</xdr:row>
          <xdr:rowOff>38100</xdr:rowOff>
        </xdr:to>
        <xdr:sp macro="" textlink="">
          <xdr:nvSpPr>
            <xdr:cNvPr id="45110" name="Check Box 54" hidden="1">
              <a:extLst>
                <a:ext uri="{63B3BB69-23CF-44E3-9099-C40C66FF867C}">
                  <a14:compatExt spid="_x0000_s4511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71450</xdr:colOff>
          <xdr:row>46</xdr:row>
          <xdr:rowOff>142875</xdr:rowOff>
        </xdr:from>
        <xdr:to>
          <xdr:col>37</xdr:col>
          <xdr:colOff>19050</xdr:colOff>
          <xdr:row>48</xdr:row>
          <xdr:rowOff>38100</xdr:rowOff>
        </xdr:to>
        <xdr:sp macro="" textlink="">
          <xdr:nvSpPr>
            <xdr:cNvPr id="45111" name="Check Box 55" hidden="1">
              <a:extLst>
                <a:ext uri="{63B3BB69-23CF-44E3-9099-C40C66FF867C}">
                  <a14:compatExt spid="_x0000_s4511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71450</xdr:colOff>
          <xdr:row>44</xdr:row>
          <xdr:rowOff>180975</xdr:rowOff>
        </xdr:from>
        <xdr:to>
          <xdr:col>37</xdr:col>
          <xdr:colOff>19050</xdr:colOff>
          <xdr:row>46</xdr:row>
          <xdr:rowOff>47625</xdr:rowOff>
        </xdr:to>
        <xdr:sp macro="" textlink="">
          <xdr:nvSpPr>
            <xdr:cNvPr id="45112" name="Check Box 56" hidden="1">
              <a:extLst>
                <a:ext uri="{63B3BB69-23CF-44E3-9099-C40C66FF867C}">
                  <a14:compatExt spid="_x0000_s4511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71450</xdr:colOff>
          <xdr:row>46</xdr:row>
          <xdr:rowOff>161925</xdr:rowOff>
        </xdr:from>
        <xdr:to>
          <xdr:col>57</xdr:col>
          <xdr:colOff>28575</xdr:colOff>
          <xdr:row>48</xdr:row>
          <xdr:rowOff>38100</xdr:rowOff>
        </xdr:to>
        <xdr:sp macro="" textlink="">
          <xdr:nvSpPr>
            <xdr:cNvPr id="45113" name="Check Box 57" hidden="1">
              <a:extLst>
                <a:ext uri="{63B3BB69-23CF-44E3-9099-C40C66FF867C}">
                  <a14:compatExt spid="_x0000_s4511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9525</xdr:colOff>
          <xdr:row>46</xdr:row>
          <xdr:rowOff>161925</xdr:rowOff>
        </xdr:from>
        <xdr:to>
          <xdr:col>61</xdr:col>
          <xdr:colOff>228600</xdr:colOff>
          <xdr:row>48</xdr:row>
          <xdr:rowOff>38100</xdr:rowOff>
        </xdr:to>
        <xdr:sp macro="" textlink="">
          <xdr:nvSpPr>
            <xdr:cNvPr id="45114" name="Check Box 58" hidden="1">
              <a:extLst>
                <a:ext uri="{63B3BB69-23CF-44E3-9099-C40C66FF867C}">
                  <a14:compatExt spid="_x0000_s4511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xdr:colOff>
          <xdr:row>47</xdr:row>
          <xdr:rowOff>152400</xdr:rowOff>
        </xdr:from>
        <xdr:to>
          <xdr:col>31</xdr:col>
          <xdr:colOff>57150</xdr:colOff>
          <xdr:row>49</xdr:row>
          <xdr:rowOff>28575</xdr:rowOff>
        </xdr:to>
        <xdr:sp macro="" textlink="">
          <xdr:nvSpPr>
            <xdr:cNvPr id="45115" name="Check Box 59" hidden="1">
              <a:extLst>
                <a:ext uri="{63B3BB69-23CF-44E3-9099-C40C66FF867C}">
                  <a14:compatExt spid="_x0000_s4511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xdr:colOff>
          <xdr:row>48</xdr:row>
          <xdr:rowOff>142875</xdr:rowOff>
        </xdr:from>
        <xdr:to>
          <xdr:col>31</xdr:col>
          <xdr:colOff>57150</xdr:colOff>
          <xdr:row>50</xdr:row>
          <xdr:rowOff>28575</xdr:rowOff>
        </xdr:to>
        <xdr:sp macro="" textlink="">
          <xdr:nvSpPr>
            <xdr:cNvPr id="45116" name="Check Box 60" hidden="1">
              <a:extLst>
                <a:ext uri="{63B3BB69-23CF-44E3-9099-C40C66FF867C}">
                  <a14:compatExt spid="_x0000_s4511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51</xdr:row>
          <xdr:rowOff>161925</xdr:rowOff>
        </xdr:from>
        <xdr:to>
          <xdr:col>14</xdr:col>
          <xdr:colOff>19050</xdr:colOff>
          <xdr:row>53</xdr:row>
          <xdr:rowOff>47625</xdr:rowOff>
        </xdr:to>
        <xdr:sp macro="" textlink="">
          <xdr:nvSpPr>
            <xdr:cNvPr id="45117" name="Check Box 61" hidden="1">
              <a:extLst>
                <a:ext uri="{63B3BB69-23CF-44E3-9099-C40C66FF867C}">
                  <a14:compatExt spid="_x0000_s4511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9050</xdr:colOff>
          <xdr:row>53</xdr:row>
          <xdr:rowOff>152400</xdr:rowOff>
        </xdr:from>
        <xdr:to>
          <xdr:col>39</xdr:col>
          <xdr:colOff>47625</xdr:colOff>
          <xdr:row>55</xdr:row>
          <xdr:rowOff>28575</xdr:rowOff>
        </xdr:to>
        <xdr:sp macro="" textlink="">
          <xdr:nvSpPr>
            <xdr:cNvPr id="45118" name="Check Box 62" hidden="1">
              <a:extLst>
                <a:ext uri="{63B3BB69-23CF-44E3-9099-C40C66FF867C}">
                  <a14:compatExt spid="_x0000_s4511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0</xdr:colOff>
          <xdr:row>53</xdr:row>
          <xdr:rowOff>161925</xdr:rowOff>
        </xdr:from>
        <xdr:to>
          <xdr:col>43</xdr:col>
          <xdr:colOff>28575</xdr:colOff>
          <xdr:row>55</xdr:row>
          <xdr:rowOff>38100</xdr:rowOff>
        </xdr:to>
        <xdr:sp macro="" textlink="">
          <xdr:nvSpPr>
            <xdr:cNvPr id="45119" name="Check Box 63" hidden="1">
              <a:extLst>
                <a:ext uri="{63B3BB69-23CF-44E3-9099-C40C66FF867C}">
                  <a14:compatExt spid="_x0000_s4511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0</xdr:colOff>
          <xdr:row>53</xdr:row>
          <xdr:rowOff>161925</xdr:rowOff>
        </xdr:from>
        <xdr:to>
          <xdr:col>47</xdr:col>
          <xdr:colOff>38100</xdr:colOff>
          <xdr:row>55</xdr:row>
          <xdr:rowOff>38100</xdr:rowOff>
        </xdr:to>
        <xdr:sp macro="" textlink="">
          <xdr:nvSpPr>
            <xdr:cNvPr id="45120" name="Check Box 64" hidden="1">
              <a:extLst>
                <a:ext uri="{63B3BB69-23CF-44E3-9099-C40C66FF867C}">
                  <a14:compatExt spid="_x0000_s4512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0</xdr:colOff>
          <xdr:row>53</xdr:row>
          <xdr:rowOff>161925</xdr:rowOff>
        </xdr:from>
        <xdr:to>
          <xdr:col>51</xdr:col>
          <xdr:colOff>38100</xdr:colOff>
          <xdr:row>55</xdr:row>
          <xdr:rowOff>38100</xdr:rowOff>
        </xdr:to>
        <xdr:sp macro="" textlink="">
          <xdr:nvSpPr>
            <xdr:cNvPr id="45121" name="Check Box 65" hidden="1">
              <a:extLst>
                <a:ext uri="{63B3BB69-23CF-44E3-9099-C40C66FF867C}">
                  <a14:compatExt spid="_x0000_s4512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52400</xdr:colOff>
          <xdr:row>53</xdr:row>
          <xdr:rowOff>171450</xdr:rowOff>
        </xdr:from>
        <xdr:to>
          <xdr:col>55</xdr:col>
          <xdr:colOff>0</xdr:colOff>
          <xdr:row>55</xdr:row>
          <xdr:rowOff>47625</xdr:rowOff>
        </xdr:to>
        <xdr:sp macro="" textlink="">
          <xdr:nvSpPr>
            <xdr:cNvPr id="45122" name="Check Box 66" hidden="1">
              <a:extLst>
                <a:ext uri="{63B3BB69-23CF-44E3-9099-C40C66FF867C}">
                  <a14:compatExt spid="_x0000_s4512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161925</xdr:colOff>
          <xdr:row>53</xdr:row>
          <xdr:rowOff>161925</xdr:rowOff>
        </xdr:from>
        <xdr:to>
          <xdr:col>59</xdr:col>
          <xdr:colOff>19050</xdr:colOff>
          <xdr:row>55</xdr:row>
          <xdr:rowOff>38100</xdr:rowOff>
        </xdr:to>
        <xdr:sp macro="" textlink="">
          <xdr:nvSpPr>
            <xdr:cNvPr id="45123" name="Check Box 67" hidden="1">
              <a:extLst>
                <a:ext uri="{63B3BB69-23CF-44E3-9099-C40C66FF867C}">
                  <a14:compatExt spid="_x0000_s4512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56</xdr:row>
          <xdr:rowOff>152400</xdr:rowOff>
        </xdr:from>
        <xdr:to>
          <xdr:col>30</xdr:col>
          <xdr:colOff>57150</xdr:colOff>
          <xdr:row>58</xdr:row>
          <xdr:rowOff>28575</xdr:rowOff>
        </xdr:to>
        <xdr:sp macro="" textlink="">
          <xdr:nvSpPr>
            <xdr:cNvPr id="45124" name="Check Box 68" hidden="1">
              <a:extLst>
                <a:ext uri="{63B3BB69-23CF-44E3-9099-C40C66FF867C}">
                  <a14:compatExt spid="_x0000_s4512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28575</xdr:colOff>
          <xdr:row>57</xdr:row>
          <xdr:rowOff>152400</xdr:rowOff>
        </xdr:from>
        <xdr:to>
          <xdr:col>31</xdr:col>
          <xdr:colOff>66675</xdr:colOff>
          <xdr:row>59</xdr:row>
          <xdr:rowOff>38100</xdr:rowOff>
        </xdr:to>
        <xdr:sp macro="" textlink="">
          <xdr:nvSpPr>
            <xdr:cNvPr id="45125" name="Check Box 69" hidden="1">
              <a:extLst>
                <a:ext uri="{63B3BB69-23CF-44E3-9099-C40C66FF867C}">
                  <a14:compatExt spid="_x0000_s4512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0</xdr:colOff>
          <xdr:row>57</xdr:row>
          <xdr:rowOff>152400</xdr:rowOff>
        </xdr:from>
        <xdr:to>
          <xdr:col>37</xdr:col>
          <xdr:colOff>28575</xdr:colOff>
          <xdr:row>59</xdr:row>
          <xdr:rowOff>38100</xdr:rowOff>
        </xdr:to>
        <xdr:sp macro="" textlink="">
          <xdr:nvSpPr>
            <xdr:cNvPr id="45126" name="Check Box 70" hidden="1">
              <a:extLst>
                <a:ext uri="{63B3BB69-23CF-44E3-9099-C40C66FF867C}">
                  <a14:compatExt spid="_x0000_s4512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58</xdr:row>
          <xdr:rowOff>133350</xdr:rowOff>
        </xdr:from>
        <xdr:to>
          <xdr:col>30</xdr:col>
          <xdr:colOff>57150</xdr:colOff>
          <xdr:row>60</xdr:row>
          <xdr:rowOff>9525</xdr:rowOff>
        </xdr:to>
        <xdr:sp macro="" textlink="">
          <xdr:nvSpPr>
            <xdr:cNvPr id="45127" name="Check Box 71" hidden="1">
              <a:extLst>
                <a:ext uri="{63B3BB69-23CF-44E3-9099-C40C66FF867C}">
                  <a14:compatExt spid="_x0000_s4512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xdr:colOff>
          <xdr:row>59</xdr:row>
          <xdr:rowOff>152400</xdr:rowOff>
        </xdr:from>
        <xdr:to>
          <xdr:col>31</xdr:col>
          <xdr:colOff>57150</xdr:colOff>
          <xdr:row>61</xdr:row>
          <xdr:rowOff>28575</xdr:rowOff>
        </xdr:to>
        <xdr:sp macro="" textlink="">
          <xdr:nvSpPr>
            <xdr:cNvPr id="45128" name="Check Box 72" hidden="1">
              <a:extLst>
                <a:ext uri="{63B3BB69-23CF-44E3-9099-C40C66FF867C}">
                  <a14:compatExt spid="_x0000_s4512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71450</xdr:colOff>
          <xdr:row>59</xdr:row>
          <xdr:rowOff>161925</xdr:rowOff>
        </xdr:from>
        <xdr:to>
          <xdr:col>61</xdr:col>
          <xdr:colOff>390525</xdr:colOff>
          <xdr:row>61</xdr:row>
          <xdr:rowOff>38100</xdr:rowOff>
        </xdr:to>
        <xdr:sp macro="" textlink="">
          <xdr:nvSpPr>
            <xdr:cNvPr id="45129" name="Check Box 73" hidden="1">
              <a:extLst>
                <a:ext uri="{63B3BB69-23CF-44E3-9099-C40C66FF867C}">
                  <a14:compatExt spid="_x0000_s4512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0</xdr:colOff>
          <xdr:row>59</xdr:row>
          <xdr:rowOff>152400</xdr:rowOff>
        </xdr:from>
        <xdr:to>
          <xdr:col>37</xdr:col>
          <xdr:colOff>28575</xdr:colOff>
          <xdr:row>61</xdr:row>
          <xdr:rowOff>28575</xdr:rowOff>
        </xdr:to>
        <xdr:sp macro="" textlink="">
          <xdr:nvSpPr>
            <xdr:cNvPr id="45130" name="Check Box 74" hidden="1">
              <a:extLst>
                <a:ext uri="{63B3BB69-23CF-44E3-9099-C40C66FF867C}">
                  <a14:compatExt spid="_x0000_s4513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56</xdr:row>
          <xdr:rowOff>152400</xdr:rowOff>
        </xdr:from>
        <xdr:to>
          <xdr:col>14</xdr:col>
          <xdr:colOff>19050</xdr:colOff>
          <xdr:row>58</xdr:row>
          <xdr:rowOff>28575</xdr:rowOff>
        </xdr:to>
        <xdr:sp macro="" textlink="">
          <xdr:nvSpPr>
            <xdr:cNvPr id="45131" name="Check Box 75" hidden="1">
              <a:extLst>
                <a:ext uri="{63B3BB69-23CF-44E3-9099-C40C66FF867C}">
                  <a14:compatExt spid="_x0000_s4513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60</xdr:row>
          <xdr:rowOff>142875</xdr:rowOff>
        </xdr:from>
        <xdr:to>
          <xdr:col>14</xdr:col>
          <xdr:colOff>38100</xdr:colOff>
          <xdr:row>62</xdr:row>
          <xdr:rowOff>19050</xdr:rowOff>
        </xdr:to>
        <xdr:sp macro="" textlink="">
          <xdr:nvSpPr>
            <xdr:cNvPr id="45132" name="Check Box 76" hidden="1">
              <a:extLst>
                <a:ext uri="{63B3BB69-23CF-44E3-9099-C40C66FF867C}">
                  <a14:compatExt spid="_x0000_s4513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62</xdr:row>
          <xdr:rowOff>142875</xdr:rowOff>
        </xdr:from>
        <xdr:to>
          <xdr:col>14</xdr:col>
          <xdr:colOff>28575</xdr:colOff>
          <xdr:row>64</xdr:row>
          <xdr:rowOff>28575</xdr:rowOff>
        </xdr:to>
        <xdr:sp macro="" textlink="">
          <xdr:nvSpPr>
            <xdr:cNvPr id="45133" name="Check Box 77" hidden="1">
              <a:extLst>
                <a:ext uri="{63B3BB69-23CF-44E3-9099-C40C66FF867C}">
                  <a14:compatExt spid="_x0000_s4513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64</xdr:row>
          <xdr:rowOff>152400</xdr:rowOff>
        </xdr:from>
        <xdr:to>
          <xdr:col>14</xdr:col>
          <xdr:colOff>38100</xdr:colOff>
          <xdr:row>66</xdr:row>
          <xdr:rowOff>28575</xdr:rowOff>
        </xdr:to>
        <xdr:sp macro="" textlink="">
          <xdr:nvSpPr>
            <xdr:cNvPr id="45134" name="Check Box 78" hidden="1">
              <a:extLst>
                <a:ext uri="{63B3BB69-23CF-44E3-9099-C40C66FF867C}">
                  <a14:compatExt spid="_x0000_s4513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64</xdr:row>
          <xdr:rowOff>142875</xdr:rowOff>
        </xdr:from>
        <xdr:to>
          <xdr:col>30</xdr:col>
          <xdr:colOff>38100</xdr:colOff>
          <xdr:row>66</xdr:row>
          <xdr:rowOff>19050</xdr:rowOff>
        </xdr:to>
        <xdr:sp macro="" textlink="">
          <xdr:nvSpPr>
            <xdr:cNvPr id="45135" name="Check Box 79" hidden="1">
              <a:extLst>
                <a:ext uri="{63B3BB69-23CF-44E3-9099-C40C66FF867C}">
                  <a14:compatExt spid="_x0000_s4513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65</xdr:row>
          <xdr:rowOff>152400</xdr:rowOff>
        </xdr:from>
        <xdr:to>
          <xdr:col>31</xdr:col>
          <xdr:colOff>28575</xdr:colOff>
          <xdr:row>67</xdr:row>
          <xdr:rowOff>38100</xdr:rowOff>
        </xdr:to>
        <xdr:sp macro="" textlink="">
          <xdr:nvSpPr>
            <xdr:cNvPr id="45136" name="Check Box 80" hidden="1">
              <a:extLst>
                <a:ext uri="{63B3BB69-23CF-44E3-9099-C40C66FF867C}">
                  <a14:compatExt spid="_x0000_s4513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65</xdr:row>
          <xdr:rowOff>152400</xdr:rowOff>
        </xdr:from>
        <xdr:to>
          <xdr:col>37</xdr:col>
          <xdr:colOff>9525</xdr:colOff>
          <xdr:row>67</xdr:row>
          <xdr:rowOff>38100</xdr:rowOff>
        </xdr:to>
        <xdr:sp macro="" textlink="">
          <xdr:nvSpPr>
            <xdr:cNvPr id="45137" name="Check Box 81" hidden="1">
              <a:extLst>
                <a:ext uri="{63B3BB69-23CF-44E3-9099-C40C66FF867C}">
                  <a14:compatExt spid="_x0000_s4513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6</xdr:col>
          <xdr:colOff>9525</xdr:colOff>
          <xdr:row>65</xdr:row>
          <xdr:rowOff>161925</xdr:rowOff>
        </xdr:from>
        <xdr:to>
          <xdr:col>61</xdr:col>
          <xdr:colOff>409575</xdr:colOff>
          <xdr:row>67</xdr:row>
          <xdr:rowOff>28575</xdr:rowOff>
        </xdr:to>
        <xdr:sp macro="" textlink="">
          <xdr:nvSpPr>
            <xdr:cNvPr id="45138" name="Check Box 82" hidden="1">
              <a:extLst>
                <a:ext uri="{63B3BB69-23CF-44E3-9099-C40C66FF867C}">
                  <a14:compatExt spid="_x0000_s4513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9525</xdr:colOff>
          <xdr:row>70</xdr:row>
          <xdr:rowOff>161925</xdr:rowOff>
        </xdr:from>
        <xdr:to>
          <xdr:col>31</xdr:col>
          <xdr:colOff>47625</xdr:colOff>
          <xdr:row>72</xdr:row>
          <xdr:rowOff>38100</xdr:rowOff>
        </xdr:to>
        <xdr:sp macro="" textlink="">
          <xdr:nvSpPr>
            <xdr:cNvPr id="45139" name="Check Box 83" hidden="1">
              <a:extLst>
                <a:ext uri="{63B3BB69-23CF-44E3-9099-C40C66FF867C}">
                  <a14:compatExt spid="_x0000_s4513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80975</xdr:colOff>
          <xdr:row>70</xdr:row>
          <xdr:rowOff>161925</xdr:rowOff>
        </xdr:from>
        <xdr:to>
          <xdr:col>37</xdr:col>
          <xdr:colOff>28575</xdr:colOff>
          <xdr:row>72</xdr:row>
          <xdr:rowOff>38100</xdr:rowOff>
        </xdr:to>
        <xdr:sp macro="" textlink="">
          <xdr:nvSpPr>
            <xdr:cNvPr id="45140" name="Check Box 84" hidden="1">
              <a:extLst>
                <a:ext uri="{63B3BB69-23CF-44E3-9099-C40C66FF867C}">
                  <a14:compatExt spid="_x0000_s4514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6</xdr:col>
          <xdr:colOff>0</xdr:colOff>
          <xdr:row>70</xdr:row>
          <xdr:rowOff>161925</xdr:rowOff>
        </xdr:from>
        <xdr:to>
          <xdr:col>61</xdr:col>
          <xdr:colOff>409575</xdr:colOff>
          <xdr:row>72</xdr:row>
          <xdr:rowOff>38100</xdr:rowOff>
        </xdr:to>
        <xdr:sp macro="" textlink="">
          <xdr:nvSpPr>
            <xdr:cNvPr id="45141" name="Check Box 85" hidden="1">
              <a:extLst>
                <a:ext uri="{63B3BB69-23CF-44E3-9099-C40C66FF867C}">
                  <a14:compatExt spid="_x0000_s4514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69</xdr:row>
          <xdr:rowOff>152400</xdr:rowOff>
        </xdr:from>
        <xdr:to>
          <xdr:col>14</xdr:col>
          <xdr:colOff>28575</xdr:colOff>
          <xdr:row>71</xdr:row>
          <xdr:rowOff>28575</xdr:rowOff>
        </xdr:to>
        <xdr:sp macro="" textlink="">
          <xdr:nvSpPr>
            <xdr:cNvPr id="45142" name="Check Box 86" hidden="1">
              <a:extLst>
                <a:ext uri="{63B3BB69-23CF-44E3-9099-C40C66FF867C}">
                  <a14:compatExt spid="_x0000_s4514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66</xdr:row>
          <xdr:rowOff>171450</xdr:rowOff>
        </xdr:from>
        <xdr:to>
          <xdr:col>30</xdr:col>
          <xdr:colOff>38100</xdr:colOff>
          <xdr:row>68</xdr:row>
          <xdr:rowOff>28575</xdr:rowOff>
        </xdr:to>
        <xdr:sp macro="" textlink="">
          <xdr:nvSpPr>
            <xdr:cNvPr id="45143" name="Check Box 87" hidden="1">
              <a:extLst>
                <a:ext uri="{63B3BB69-23CF-44E3-9099-C40C66FF867C}">
                  <a14:compatExt spid="_x0000_s4514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67</xdr:row>
          <xdr:rowOff>152400</xdr:rowOff>
        </xdr:from>
        <xdr:to>
          <xdr:col>30</xdr:col>
          <xdr:colOff>38100</xdr:colOff>
          <xdr:row>69</xdr:row>
          <xdr:rowOff>28575</xdr:rowOff>
        </xdr:to>
        <xdr:sp macro="" textlink="">
          <xdr:nvSpPr>
            <xdr:cNvPr id="45144" name="Check Box 88" hidden="1">
              <a:extLst>
                <a:ext uri="{63B3BB69-23CF-44E3-9099-C40C66FF867C}">
                  <a14:compatExt spid="_x0000_s4514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68</xdr:row>
          <xdr:rowOff>152400</xdr:rowOff>
        </xdr:from>
        <xdr:to>
          <xdr:col>30</xdr:col>
          <xdr:colOff>38100</xdr:colOff>
          <xdr:row>70</xdr:row>
          <xdr:rowOff>38100</xdr:rowOff>
        </xdr:to>
        <xdr:sp macro="" textlink="">
          <xdr:nvSpPr>
            <xdr:cNvPr id="45145" name="Check Box 89" hidden="1">
              <a:extLst>
                <a:ext uri="{63B3BB69-23CF-44E3-9099-C40C66FF867C}">
                  <a14:compatExt spid="_x0000_s4514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69</xdr:row>
          <xdr:rowOff>152400</xdr:rowOff>
        </xdr:from>
        <xdr:to>
          <xdr:col>30</xdr:col>
          <xdr:colOff>38100</xdr:colOff>
          <xdr:row>71</xdr:row>
          <xdr:rowOff>28575</xdr:rowOff>
        </xdr:to>
        <xdr:sp macro="" textlink="">
          <xdr:nvSpPr>
            <xdr:cNvPr id="45146" name="Check Box 90" hidden="1">
              <a:extLst>
                <a:ext uri="{63B3BB69-23CF-44E3-9099-C40C66FF867C}">
                  <a14:compatExt spid="_x0000_s4514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80975</xdr:colOff>
          <xdr:row>71</xdr:row>
          <xdr:rowOff>142875</xdr:rowOff>
        </xdr:from>
        <xdr:to>
          <xdr:col>30</xdr:col>
          <xdr:colOff>38100</xdr:colOff>
          <xdr:row>73</xdr:row>
          <xdr:rowOff>28575</xdr:rowOff>
        </xdr:to>
        <xdr:sp macro="" textlink="">
          <xdr:nvSpPr>
            <xdr:cNvPr id="45147" name="Check Box 91" hidden="1">
              <a:extLst>
                <a:ext uri="{63B3BB69-23CF-44E3-9099-C40C66FF867C}">
                  <a14:compatExt spid="_x0000_s4514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80975</xdr:colOff>
          <xdr:row>72</xdr:row>
          <xdr:rowOff>142875</xdr:rowOff>
        </xdr:from>
        <xdr:to>
          <xdr:col>30</xdr:col>
          <xdr:colOff>38100</xdr:colOff>
          <xdr:row>74</xdr:row>
          <xdr:rowOff>19050</xdr:rowOff>
        </xdr:to>
        <xdr:sp macro="" textlink="">
          <xdr:nvSpPr>
            <xdr:cNvPr id="45148" name="Check Box 92" hidden="1">
              <a:extLst>
                <a:ext uri="{63B3BB69-23CF-44E3-9099-C40C66FF867C}">
                  <a14:compatExt spid="_x0000_s4514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71450</xdr:colOff>
          <xdr:row>57</xdr:row>
          <xdr:rowOff>161925</xdr:rowOff>
        </xdr:from>
        <xdr:to>
          <xdr:col>61</xdr:col>
          <xdr:colOff>390525</xdr:colOff>
          <xdr:row>59</xdr:row>
          <xdr:rowOff>47625</xdr:rowOff>
        </xdr:to>
        <xdr:sp macro="" textlink="">
          <xdr:nvSpPr>
            <xdr:cNvPr id="45154" name="Check Box 98" hidden="1">
              <a:extLst>
                <a:ext uri="{63B3BB69-23CF-44E3-9099-C40C66FF867C}">
                  <a14:compatExt spid="_x0000_s4515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6</xdr:col>
          <xdr:colOff>0</xdr:colOff>
          <xdr:row>44</xdr:row>
          <xdr:rowOff>180975</xdr:rowOff>
        </xdr:from>
        <xdr:to>
          <xdr:col>61</xdr:col>
          <xdr:colOff>400050</xdr:colOff>
          <xdr:row>46</xdr:row>
          <xdr:rowOff>47625</xdr:rowOff>
        </xdr:to>
        <xdr:sp macro="" textlink="">
          <xdr:nvSpPr>
            <xdr:cNvPr id="45155" name="Check Box 99" hidden="1">
              <a:extLst>
                <a:ext uri="{63B3BB69-23CF-44E3-9099-C40C66FF867C}">
                  <a14:compatExt spid="_x0000_s4515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0</xdr:colOff>
          <xdr:row>24</xdr:row>
          <xdr:rowOff>161925</xdr:rowOff>
        </xdr:from>
        <xdr:to>
          <xdr:col>49</xdr:col>
          <xdr:colOff>28575</xdr:colOff>
          <xdr:row>26</xdr:row>
          <xdr:rowOff>38100</xdr:rowOff>
        </xdr:to>
        <xdr:sp macro="" textlink="">
          <xdr:nvSpPr>
            <xdr:cNvPr id="45156" name="Check Box 100" hidden="1">
              <a:extLst>
                <a:ext uri="{63B3BB69-23CF-44E3-9099-C40C66FF867C}">
                  <a14:compatExt spid="_x0000_s4515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80975</xdr:colOff>
          <xdr:row>20</xdr:row>
          <xdr:rowOff>161925</xdr:rowOff>
        </xdr:from>
        <xdr:to>
          <xdr:col>48</xdr:col>
          <xdr:colOff>38100</xdr:colOff>
          <xdr:row>22</xdr:row>
          <xdr:rowOff>38100</xdr:rowOff>
        </xdr:to>
        <xdr:sp macro="" textlink="">
          <xdr:nvSpPr>
            <xdr:cNvPr id="45157" name="Check Box 101" hidden="1">
              <a:extLst>
                <a:ext uri="{63B3BB69-23CF-44E3-9099-C40C66FF867C}">
                  <a14:compatExt spid="_x0000_s4515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0</xdr:colOff>
          <xdr:row>17</xdr:row>
          <xdr:rowOff>152400</xdr:rowOff>
        </xdr:from>
        <xdr:to>
          <xdr:col>61</xdr:col>
          <xdr:colOff>219075</xdr:colOff>
          <xdr:row>19</xdr:row>
          <xdr:rowOff>9525</xdr:rowOff>
        </xdr:to>
        <xdr:sp macro="" textlink="">
          <xdr:nvSpPr>
            <xdr:cNvPr id="45158" name="Check Box 102" hidden="1">
              <a:extLst>
                <a:ext uri="{63B3BB69-23CF-44E3-9099-C40C66FF867C}">
                  <a14:compatExt spid="_x0000_s4515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05</xdr:row>
          <xdr:rowOff>142875</xdr:rowOff>
        </xdr:from>
        <xdr:to>
          <xdr:col>14</xdr:col>
          <xdr:colOff>28575</xdr:colOff>
          <xdr:row>107</xdr:row>
          <xdr:rowOff>28575</xdr:rowOff>
        </xdr:to>
        <xdr:sp macro="" textlink="">
          <xdr:nvSpPr>
            <xdr:cNvPr id="45186" name="Check Box 130" hidden="1">
              <a:extLst>
                <a:ext uri="{63B3BB69-23CF-44E3-9099-C40C66FF867C}">
                  <a14:compatExt spid="_x0000_s4518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80</xdr:row>
          <xdr:rowOff>142875</xdr:rowOff>
        </xdr:from>
        <xdr:to>
          <xdr:col>30</xdr:col>
          <xdr:colOff>38100</xdr:colOff>
          <xdr:row>82</xdr:row>
          <xdr:rowOff>28575</xdr:rowOff>
        </xdr:to>
        <xdr:sp macro="" textlink="">
          <xdr:nvSpPr>
            <xdr:cNvPr id="45187" name="Check Box 131" hidden="1">
              <a:extLst>
                <a:ext uri="{63B3BB69-23CF-44E3-9099-C40C66FF867C}">
                  <a14:compatExt spid="_x0000_s4518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07</xdr:row>
          <xdr:rowOff>161925</xdr:rowOff>
        </xdr:from>
        <xdr:to>
          <xdr:col>30</xdr:col>
          <xdr:colOff>38100</xdr:colOff>
          <xdr:row>109</xdr:row>
          <xdr:rowOff>47625</xdr:rowOff>
        </xdr:to>
        <xdr:sp macro="" textlink="">
          <xdr:nvSpPr>
            <xdr:cNvPr id="45188" name="Check Box 132" hidden="1">
              <a:extLst>
                <a:ext uri="{63B3BB69-23CF-44E3-9099-C40C66FF867C}">
                  <a14:compatExt spid="_x0000_s4518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106</xdr:row>
          <xdr:rowOff>161925</xdr:rowOff>
        </xdr:from>
        <xdr:to>
          <xdr:col>31</xdr:col>
          <xdr:colOff>38100</xdr:colOff>
          <xdr:row>108</xdr:row>
          <xdr:rowOff>19050</xdr:rowOff>
        </xdr:to>
        <xdr:sp macro="" textlink="">
          <xdr:nvSpPr>
            <xdr:cNvPr id="45189" name="Check Box 133" hidden="1">
              <a:extLst>
                <a:ext uri="{63B3BB69-23CF-44E3-9099-C40C66FF867C}">
                  <a14:compatExt spid="_x0000_s4518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61925</xdr:colOff>
          <xdr:row>106</xdr:row>
          <xdr:rowOff>161925</xdr:rowOff>
        </xdr:from>
        <xdr:to>
          <xdr:col>35</xdr:col>
          <xdr:colOff>19050</xdr:colOff>
          <xdr:row>108</xdr:row>
          <xdr:rowOff>47625</xdr:rowOff>
        </xdr:to>
        <xdr:sp macro="" textlink="">
          <xdr:nvSpPr>
            <xdr:cNvPr id="45190" name="Check Box 134" hidden="1">
              <a:extLst>
                <a:ext uri="{63B3BB69-23CF-44E3-9099-C40C66FF867C}">
                  <a14:compatExt spid="_x0000_s4519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9050</xdr:colOff>
          <xdr:row>106</xdr:row>
          <xdr:rowOff>142875</xdr:rowOff>
        </xdr:from>
        <xdr:to>
          <xdr:col>39</xdr:col>
          <xdr:colOff>47625</xdr:colOff>
          <xdr:row>108</xdr:row>
          <xdr:rowOff>28575</xdr:rowOff>
        </xdr:to>
        <xdr:sp macro="" textlink="">
          <xdr:nvSpPr>
            <xdr:cNvPr id="45191" name="Check Box 135" hidden="1">
              <a:extLst>
                <a:ext uri="{63B3BB69-23CF-44E3-9099-C40C66FF867C}">
                  <a14:compatExt spid="_x0000_s4519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9525</xdr:colOff>
          <xdr:row>106</xdr:row>
          <xdr:rowOff>161925</xdr:rowOff>
        </xdr:from>
        <xdr:to>
          <xdr:col>43</xdr:col>
          <xdr:colOff>38100</xdr:colOff>
          <xdr:row>108</xdr:row>
          <xdr:rowOff>47625</xdr:rowOff>
        </xdr:to>
        <xdr:sp macro="" textlink="">
          <xdr:nvSpPr>
            <xdr:cNvPr id="45192" name="Check Box 136" hidden="1">
              <a:extLst>
                <a:ext uri="{63B3BB69-23CF-44E3-9099-C40C66FF867C}">
                  <a14:compatExt spid="_x0000_s4519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71450</xdr:colOff>
          <xdr:row>106</xdr:row>
          <xdr:rowOff>161925</xdr:rowOff>
        </xdr:from>
        <xdr:to>
          <xdr:col>47</xdr:col>
          <xdr:colOff>28575</xdr:colOff>
          <xdr:row>108</xdr:row>
          <xdr:rowOff>47625</xdr:rowOff>
        </xdr:to>
        <xdr:sp macro="" textlink="">
          <xdr:nvSpPr>
            <xdr:cNvPr id="45193" name="Check Box 137" hidden="1">
              <a:extLst>
                <a:ext uri="{63B3BB69-23CF-44E3-9099-C40C66FF867C}">
                  <a14:compatExt spid="_x0000_s4519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0</xdr:colOff>
          <xdr:row>107</xdr:row>
          <xdr:rowOff>0</xdr:rowOff>
        </xdr:from>
        <xdr:to>
          <xdr:col>51</xdr:col>
          <xdr:colOff>38100</xdr:colOff>
          <xdr:row>108</xdr:row>
          <xdr:rowOff>28575</xdr:rowOff>
        </xdr:to>
        <xdr:sp macro="" textlink="">
          <xdr:nvSpPr>
            <xdr:cNvPr id="45194" name="Check Box 138" hidden="1">
              <a:extLst>
                <a:ext uri="{63B3BB69-23CF-44E3-9099-C40C66FF867C}">
                  <a14:compatExt spid="_x0000_s4519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52400</xdr:colOff>
          <xdr:row>106</xdr:row>
          <xdr:rowOff>152400</xdr:rowOff>
        </xdr:from>
        <xdr:to>
          <xdr:col>55</xdr:col>
          <xdr:colOff>0</xdr:colOff>
          <xdr:row>108</xdr:row>
          <xdr:rowOff>38100</xdr:rowOff>
        </xdr:to>
        <xdr:sp macro="" textlink="">
          <xdr:nvSpPr>
            <xdr:cNvPr id="45195" name="Check Box 139" hidden="1">
              <a:extLst>
                <a:ext uri="{63B3BB69-23CF-44E3-9099-C40C66FF867C}">
                  <a14:compatExt spid="_x0000_s4519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0</xdr:colOff>
          <xdr:row>107</xdr:row>
          <xdr:rowOff>152400</xdr:rowOff>
        </xdr:from>
        <xdr:to>
          <xdr:col>36</xdr:col>
          <xdr:colOff>38100</xdr:colOff>
          <xdr:row>109</xdr:row>
          <xdr:rowOff>38100</xdr:rowOff>
        </xdr:to>
        <xdr:sp macro="" textlink="">
          <xdr:nvSpPr>
            <xdr:cNvPr id="45196" name="Check Box 140" hidden="1">
              <a:extLst>
                <a:ext uri="{63B3BB69-23CF-44E3-9099-C40C66FF867C}">
                  <a14:compatExt spid="_x0000_s4519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107</xdr:row>
          <xdr:rowOff>161925</xdr:rowOff>
        </xdr:from>
        <xdr:to>
          <xdr:col>47</xdr:col>
          <xdr:colOff>19050</xdr:colOff>
          <xdr:row>109</xdr:row>
          <xdr:rowOff>47625</xdr:rowOff>
        </xdr:to>
        <xdr:sp macro="" textlink="">
          <xdr:nvSpPr>
            <xdr:cNvPr id="45197" name="Check Box 141" hidden="1">
              <a:extLst>
                <a:ext uri="{63B3BB69-23CF-44E3-9099-C40C66FF867C}">
                  <a14:compatExt spid="_x0000_s4519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16</xdr:row>
          <xdr:rowOff>0</xdr:rowOff>
        </xdr:from>
        <xdr:to>
          <xdr:col>30</xdr:col>
          <xdr:colOff>38100</xdr:colOff>
          <xdr:row>117</xdr:row>
          <xdr:rowOff>38100</xdr:rowOff>
        </xdr:to>
        <xdr:sp macro="" textlink="">
          <xdr:nvSpPr>
            <xdr:cNvPr id="45198" name="Check Box 142" hidden="1">
              <a:extLst>
                <a:ext uri="{63B3BB69-23CF-44E3-9099-C40C66FF867C}">
                  <a14:compatExt spid="_x0000_s4519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xdr:colOff>
          <xdr:row>117</xdr:row>
          <xdr:rowOff>152400</xdr:rowOff>
        </xdr:from>
        <xdr:to>
          <xdr:col>31</xdr:col>
          <xdr:colOff>57150</xdr:colOff>
          <xdr:row>119</xdr:row>
          <xdr:rowOff>38100</xdr:rowOff>
        </xdr:to>
        <xdr:sp macro="" textlink="">
          <xdr:nvSpPr>
            <xdr:cNvPr id="45199" name="Check Box 143" hidden="1">
              <a:extLst>
                <a:ext uri="{63B3BB69-23CF-44E3-9099-C40C66FF867C}">
                  <a14:compatExt spid="_x0000_s4519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16</xdr:row>
          <xdr:rowOff>133350</xdr:rowOff>
        </xdr:from>
        <xdr:to>
          <xdr:col>48</xdr:col>
          <xdr:colOff>19050</xdr:colOff>
          <xdr:row>118</xdr:row>
          <xdr:rowOff>28575</xdr:rowOff>
        </xdr:to>
        <xdr:sp macro="" textlink="">
          <xdr:nvSpPr>
            <xdr:cNvPr id="45200" name="Check Box 144" hidden="1">
              <a:extLst>
                <a:ext uri="{63B3BB69-23CF-44E3-9099-C40C66FF867C}">
                  <a14:compatExt spid="_x0000_s4520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17</xdr:row>
          <xdr:rowOff>133350</xdr:rowOff>
        </xdr:from>
        <xdr:to>
          <xdr:col>48</xdr:col>
          <xdr:colOff>19050</xdr:colOff>
          <xdr:row>119</xdr:row>
          <xdr:rowOff>19050</xdr:rowOff>
        </xdr:to>
        <xdr:sp macro="" textlink="">
          <xdr:nvSpPr>
            <xdr:cNvPr id="45201" name="Check Box 145" hidden="1">
              <a:extLst>
                <a:ext uri="{63B3BB69-23CF-44E3-9099-C40C66FF867C}">
                  <a14:compatExt spid="_x0000_s4520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18</xdr:row>
          <xdr:rowOff>133350</xdr:rowOff>
        </xdr:from>
        <xdr:to>
          <xdr:col>48</xdr:col>
          <xdr:colOff>19050</xdr:colOff>
          <xdr:row>120</xdr:row>
          <xdr:rowOff>19050</xdr:rowOff>
        </xdr:to>
        <xdr:sp macro="" textlink="">
          <xdr:nvSpPr>
            <xdr:cNvPr id="45202" name="Check Box 146" hidden="1">
              <a:extLst>
                <a:ext uri="{63B3BB69-23CF-44E3-9099-C40C66FF867C}">
                  <a14:compatExt spid="_x0000_s4520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119</xdr:row>
          <xdr:rowOff>142875</xdr:rowOff>
        </xdr:from>
        <xdr:to>
          <xdr:col>30</xdr:col>
          <xdr:colOff>47625</xdr:colOff>
          <xdr:row>121</xdr:row>
          <xdr:rowOff>38100</xdr:rowOff>
        </xdr:to>
        <xdr:sp macro="" textlink="">
          <xdr:nvSpPr>
            <xdr:cNvPr id="45203" name="Check Box 147" hidden="1">
              <a:extLst>
                <a:ext uri="{63B3BB69-23CF-44E3-9099-C40C66FF867C}">
                  <a14:compatExt spid="_x0000_s4520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120</xdr:row>
          <xdr:rowOff>142875</xdr:rowOff>
        </xdr:from>
        <xdr:to>
          <xdr:col>30</xdr:col>
          <xdr:colOff>47625</xdr:colOff>
          <xdr:row>122</xdr:row>
          <xdr:rowOff>28575</xdr:rowOff>
        </xdr:to>
        <xdr:sp macro="" textlink="">
          <xdr:nvSpPr>
            <xdr:cNvPr id="45204" name="Check Box 148" hidden="1">
              <a:extLst>
                <a:ext uri="{63B3BB69-23CF-44E3-9099-C40C66FF867C}">
                  <a14:compatExt spid="_x0000_s4520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123</xdr:row>
          <xdr:rowOff>142875</xdr:rowOff>
        </xdr:from>
        <xdr:to>
          <xdr:col>30</xdr:col>
          <xdr:colOff>47625</xdr:colOff>
          <xdr:row>125</xdr:row>
          <xdr:rowOff>28575</xdr:rowOff>
        </xdr:to>
        <xdr:sp macro="" textlink="">
          <xdr:nvSpPr>
            <xdr:cNvPr id="45205" name="Check Box 149" hidden="1">
              <a:extLst>
                <a:ext uri="{63B3BB69-23CF-44E3-9099-C40C66FF867C}">
                  <a14:compatExt spid="_x0000_s4520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125</xdr:row>
          <xdr:rowOff>0</xdr:rowOff>
        </xdr:from>
        <xdr:to>
          <xdr:col>30</xdr:col>
          <xdr:colOff>57150</xdr:colOff>
          <xdr:row>126</xdr:row>
          <xdr:rowOff>38100</xdr:rowOff>
        </xdr:to>
        <xdr:sp macro="" textlink="">
          <xdr:nvSpPr>
            <xdr:cNvPr id="45206" name="Check Box 150" hidden="1">
              <a:extLst>
                <a:ext uri="{63B3BB69-23CF-44E3-9099-C40C66FF867C}">
                  <a14:compatExt spid="_x0000_s4520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9525</xdr:colOff>
          <xdr:row>125</xdr:row>
          <xdr:rowOff>142875</xdr:rowOff>
        </xdr:from>
        <xdr:to>
          <xdr:col>37</xdr:col>
          <xdr:colOff>38100</xdr:colOff>
          <xdr:row>127</xdr:row>
          <xdr:rowOff>38100</xdr:rowOff>
        </xdr:to>
        <xdr:sp macro="" textlink="">
          <xdr:nvSpPr>
            <xdr:cNvPr id="45207" name="Check Box 151" hidden="1">
              <a:extLst>
                <a:ext uri="{63B3BB69-23CF-44E3-9099-C40C66FF867C}">
                  <a14:compatExt spid="_x0000_s4520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80975</xdr:colOff>
          <xdr:row>125</xdr:row>
          <xdr:rowOff>142875</xdr:rowOff>
        </xdr:from>
        <xdr:to>
          <xdr:col>44</xdr:col>
          <xdr:colOff>28575</xdr:colOff>
          <xdr:row>127</xdr:row>
          <xdr:rowOff>38100</xdr:rowOff>
        </xdr:to>
        <xdr:sp macro="" textlink="">
          <xdr:nvSpPr>
            <xdr:cNvPr id="45208" name="Check Box 152" hidden="1">
              <a:extLst>
                <a:ext uri="{63B3BB69-23CF-44E3-9099-C40C66FF867C}">
                  <a14:compatExt spid="_x0000_s4520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5</xdr:col>
          <xdr:colOff>161925</xdr:colOff>
          <xdr:row>125</xdr:row>
          <xdr:rowOff>142875</xdr:rowOff>
        </xdr:from>
        <xdr:to>
          <xdr:col>53</xdr:col>
          <xdr:colOff>19050</xdr:colOff>
          <xdr:row>127</xdr:row>
          <xdr:rowOff>38100</xdr:rowOff>
        </xdr:to>
        <xdr:sp macro="" textlink="">
          <xdr:nvSpPr>
            <xdr:cNvPr id="45209" name="Check Box 153" hidden="1">
              <a:extLst>
                <a:ext uri="{63B3BB69-23CF-44E3-9099-C40C66FF867C}">
                  <a14:compatExt spid="_x0000_s4520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126</xdr:row>
          <xdr:rowOff>142875</xdr:rowOff>
        </xdr:from>
        <xdr:to>
          <xdr:col>30</xdr:col>
          <xdr:colOff>57150</xdr:colOff>
          <xdr:row>128</xdr:row>
          <xdr:rowOff>28575</xdr:rowOff>
        </xdr:to>
        <xdr:sp macro="" textlink="">
          <xdr:nvSpPr>
            <xdr:cNvPr id="45210" name="Check Box 154" hidden="1">
              <a:extLst>
                <a:ext uri="{63B3BB69-23CF-44E3-9099-C40C66FF867C}">
                  <a14:compatExt spid="_x0000_s4521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9525</xdr:colOff>
          <xdr:row>127</xdr:row>
          <xdr:rowOff>142875</xdr:rowOff>
        </xdr:from>
        <xdr:to>
          <xdr:col>37</xdr:col>
          <xdr:colOff>38100</xdr:colOff>
          <xdr:row>129</xdr:row>
          <xdr:rowOff>28575</xdr:rowOff>
        </xdr:to>
        <xdr:sp macro="" textlink="">
          <xdr:nvSpPr>
            <xdr:cNvPr id="45211" name="Check Box 155" hidden="1">
              <a:extLst>
                <a:ext uri="{63B3BB69-23CF-44E3-9099-C40C66FF867C}">
                  <a14:compatExt spid="_x0000_s4521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6</xdr:col>
          <xdr:colOff>0</xdr:colOff>
          <xdr:row>127</xdr:row>
          <xdr:rowOff>152400</xdr:rowOff>
        </xdr:from>
        <xdr:to>
          <xdr:col>61</xdr:col>
          <xdr:colOff>400050</xdr:colOff>
          <xdr:row>129</xdr:row>
          <xdr:rowOff>38100</xdr:rowOff>
        </xdr:to>
        <xdr:sp macro="" textlink="">
          <xdr:nvSpPr>
            <xdr:cNvPr id="45212" name="Check Box 156" hidden="1">
              <a:extLst>
                <a:ext uri="{63B3BB69-23CF-44E3-9099-C40C66FF867C}">
                  <a14:compatExt spid="_x0000_s4521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xdr:colOff>
          <xdr:row>127</xdr:row>
          <xdr:rowOff>142875</xdr:rowOff>
        </xdr:from>
        <xdr:to>
          <xdr:col>31</xdr:col>
          <xdr:colOff>57150</xdr:colOff>
          <xdr:row>129</xdr:row>
          <xdr:rowOff>28575</xdr:rowOff>
        </xdr:to>
        <xdr:sp macro="" textlink="">
          <xdr:nvSpPr>
            <xdr:cNvPr id="45213" name="Check Box 157" hidden="1">
              <a:extLst>
                <a:ext uri="{63B3BB69-23CF-44E3-9099-C40C66FF867C}">
                  <a14:compatExt spid="_x0000_s4521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28</xdr:row>
          <xdr:rowOff>142875</xdr:rowOff>
        </xdr:from>
        <xdr:to>
          <xdr:col>14</xdr:col>
          <xdr:colOff>28575</xdr:colOff>
          <xdr:row>130</xdr:row>
          <xdr:rowOff>38100</xdr:rowOff>
        </xdr:to>
        <xdr:sp macro="" textlink="">
          <xdr:nvSpPr>
            <xdr:cNvPr id="45214" name="Check Box 158" hidden="1">
              <a:extLst>
                <a:ext uri="{63B3BB69-23CF-44E3-9099-C40C66FF867C}">
                  <a14:compatExt spid="_x0000_s4521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24</xdr:row>
          <xdr:rowOff>152400</xdr:rowOff>
        </xdr:from>
        <xdr:to>
          <xdr:col>14</xdr:col>
          <xdr:colOff>28575</xdr:colOff>
          <xdr:row>126</xdr:row>
          <xdr:rowOff>38100</xdr:rowOff>
        </xdr:to>
        <xdr:sp macro="" textlink="">
          <xdr:nvSpPr>
            <xdr:cNvPr id="45215" name="Check Box 159" hidden="1">
              <a:extLst>
                <a:ext uri="{63B3BB69-23CF-44E3-9099-C40C66FF867C}">
                  <a14:compatExt spid="_x0000_s4521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23</xdr:row>
          <xdr:rowOff>161925</xdr:rowOff>
        </xdr:from>
        <xdr:to>
          <xdr:col>14</xdr:col>
          <xdr:colOff>28575</xdr:colOff>
          <xdr:row>125</xdr:row>
          <xdr:rowOff>28575</xdr:rowOff>
        </xdr:to>
        <xdr:sp macro="" textlink="">
          <xdr:nvSpPr>
            <xdr:cNvPr id="45216" name="Check Box 160" hidden="1">
              <a:extLst>
                <a:ext uri="{63B3BB69-23CF-44E3-9099-C40C66FF867C}">
                  <a14:compatExt spid="_x0000_s4521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128</xdr:row>
          <xdr:rowOff>152400</xdr:rowOff>
        </xdr:from>
        <xdr:to>
          <xdr:col>30</xdr:col>
          <xdr:colOff>57150</xdr:colOff>
          <xdr:row>130</xdr:row>
          <xdr:rowOff>38100</xdr:rowOff>
        </xdr:to>
        <xdr:sp macro="" textlink="">
          <xdr:nvSpPr>
            <xdr:cNvPr id="45217" name="Check Box 161" hidden="1">
              <a:extLst>
                <a:ext uri="{63B3BB69-23CF-44E3-9099-C40C66FF867C}">
                  <a14:compatExt spid="_x0000_s4521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130</xdr:row>
          <xdr:rowOff>161925</xdr:rowOff>
        </xdr:from>
        <xdr:to>
          <xdr:col>30</xdr:col>
          <xdr:colOff>57150</xdr:colOff>
          <xdr:row>132</xdr:row>
          <xdr:rowOff>28575</xdr:rowOff>
        </xdr:to>
        <xdr:sp macro="" textlink="">
          <xdr:nvSpPr>
            <xdr:cNvPr id="45218" name="Check Box 162" hidden="1">
              <a:extLst>
                <a:ext uri="{63B3BB69-23CF-44E3-9099-C40C66FF867C}">
                  <a14:compatExt spid="_x0000_s4521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133</xdr:row>
          <xdr:rowOff>133350</xdr:rowOff>
        </xdr:from>
        <xdr:to>
          <xdr:col>30</xdr:col>
          <xdr:colOff>47625</xdr:colOff>
          <xdr:row>135</xdr:row>
          <xdr:rowOff>28575</xdr:rowOff>
        </xdr:to>
        <xdr:sp macro="" textlink="">
          <xdr:nvSpPr>
            <xdr:cNvPr id="45219" name="Check Box 163" hidden="1">
              <a:extLst>
                <a:ext uri="{63B3BB69-23CF-44E3-9099-C40C66FF867C}">
                  <a14:compatExt spid="_x0000_s4521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136</xdr:row>
          <xdr:rowOff>142875</xdr:rowOff>
        </xdr:from>
        <xdr:to>
          <xdr:col>30</xdr:col>
          <xdr:colOff>47625</xdr:colOff>
          <xdr:row>138</xdr:row>
          <xdr:rowOff>38100</xdr:rowOff>
        </xdr:to>
        <xdr:sp macro="" textlink="">
          <xdr:nvSpPr>
            <xdr:cNvPr id="45220" name="Check Box 164" hidden="1">
              <a:extLst>
                <a:ext uri="{63B3BB69-23CF-44E3-9099-C40C66FF867C}">
                  <a14:compatExt spid="_x0000_s4522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33</xdr:row>
          <xdr:rowOff>142875</xdr:rowOff>
        </xdr:from>
        <xdr:to>
          <xdr:col>14</xdr:col>
          <xdr:colOff>28575</xdr:colOff>
          <xdr:row>135</xdr:row>
          <xdr:rowOff>38100</xdr:rowOff>
        </xdr:to>
        <xdr:sp macro="" textlink="">
          <xdr:nvSpPr>
            <xdr:cNvPr id="45221" name="Check Box 165" hidden="1">
              <a:extLst>
                <a:ext uri="{63B3BB69-23CF-44E3-9099-C40C66FF867C}">
                  <a14:compatExt spid="_x0000_s4522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6</xdr:row>
          <xdr:rowOff>142875</xdr:rowOff>
        </xdr:from>
        <xdr:to>
          <xdr:col>14</xdr:col>
          <xdr:colOff>19050</xdr:colOff>
          <xdr:row>138</xdr:row>
          <xdr:rowOff>28575</xdr:rowOff>
        </xdr:to>
        <xdr:sp macro="" textlink="">
          <xdr:nvSpPr>
            <xdr:cNvPr id="45222" name="Check Box 166" hidden="1">
              <a:extLst>
                <a:ext uri="{63B3BB69-23CF-44E3-9099-C40C66FF867C}">
                  <a14:compatExt spid="_x0000_s4522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8</xdr:row>
          <xdr:rowOff>142875</xdr:rowOff>
        </xdr:from>
        <xdr:to>
          <xdr:col>14</xdr:col>
          <xdr:colOff>19050</xdr:colOff>
          <xdr:row>140</xdr:row>
          <xdr:rowOff>38100</xdr:rowOff>
        </xdr:to>
        <xdr:sp macro="" textlink="">
          <xdr:nvSpPr>
            <xdr:cNvPr id="45223" name="Check Box 167" hidden="1">
              <a:extLst>
                <a:ext uri="{63B3BB69-23CF-44E3-9099-C40C66FF867C}">
                  <a14:compatExt spid="_x0000_s4522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42</xdr:row>
          <xdr:rowOff>152400</xdr:rowOff>
        </xdr:from>
        <xdr:to>
          <xdr:col>14</xdr:col>
          <xdr:colOff>28575</xdr:colOff>
          <xdr:row>144</xdr:row>
          <xdr:rowOff>38100</xdr:rowOff>
        </xdr:to>
        <xdr:sp macro="" textlink="">
          <xdr:nvSpPr>
            <xdr:cNvPr id="45224" name="Check Box 168" hidden="1">
              <a:extLst>
                <a:ext uri="{63B3BB69-23CF-44E3-9099-C40C66FF867C}">
                  <a14:compatExt spid="_x0000_s4522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138</xdr:row>
          <xdr:rowOff>133350</xdr:rowOff>
        </xdr:from>
        <xdr:to>
          <xdr:col>30</xdr:col>
          <xdr:colOff>57150</xdr:colOff>
          <xdr:row>140</xdr:row>
          <xdr:rowOff>19050</xdr:rowOff>
        </xdr:to>
        <xdr:sp macro="" textlink="">
          <xdr:nvSpPr>
            <xdr:cNvPr id="45225" name="Check Box 169" hidden="1">
              <a:extLst>
                <a:ext uri="{63B3BB69-23CF-44E3-9099-C40C66FF867C}">
                  <a14:compatExt spid="_x0000_s4522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xdr:colOff>
          <xdr:row>139</xdr:row>
          <xdr:rowOff>142875</xdr:rowOff>
        </xdr:from>
        <xdr:to>
          <xdr:col>25</xdr:col>
          <xdr:colOff>76200</xdr:colOff>
          <xdr:row>141</xdr:row>
          <xdr:rowOff>19050</xdr:rowOff>
        </xdr:to>
        <xdr:sp macro="" textlink="">
          <xdr:nvSpPr>
            <xdr:cNvPr id="45226" name="Check Box 170" hidden="1">
              <a:extLst>
                <a:ext uri="{63B3BB69-23CF-44E3-9099-C40C66FF867C}">
                  <a14:compatExt spid="_x0000_s4522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144</xdr:row>
          <xdr:rowOff>142875</xdr:rowOff>
        </xdr:from>
        <xdr:to>
          <xdr:col>30</xdr:col>
          <xdr:colOff>47625</xdr:colOff>
          <xdr:row>146</xdr:row>
          <xdr:rowOff>28575</xdr:rowOff>
        </xdr:to>
        <xdr:sp macro="" textlink="">
          <xdr:nvSpPr>
            <xdr:cNvPr id="45227" name="Check Box 171" hidden="1">
              <a:extLst>
                <a:ext uri="{63B3BB69-23CF-44E3-9099-C40C66FF867C}">
                  <a14:compatExt spid="_x0000_s4522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145</xdr:row>
          <xdr:rowOff>133350</xdr:rowOff>
        </xdr:from>
        <xdr:to>
          <xdr:col>30</xdr:col>
          <xdr:colOff>47625</xdr:colOff>
          <xdr:row>147</xdr:row>
          <xdr:rowOff>19050</xdr:rowOff>
        </xdr:to>
        <xdr:sp macro="" textlink="">
          <xdr:nvSpPr>
            <xdr:cNvPr id="45228" name="Check Box 172" hidden="1">
              <a:extLst>
                <a:ext uri="{63B3BB69-23CF-44E3-9099-C40C66FF867C}">
                  <a14:compatExt spid="_x0000_s4522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146</xdr:row>
          <xdr:rowOff>133350</xdr:rowOff>
        </xdr:from>
        <xdr:to>
          <xdr:col>30</xdr:col>
          <xdr:colOff>47625</xdr:colOff>
          <xdr:row>148</xdr:row>
          <xdr:rowOff>19050</xdr:rowOff>
        </xdr:to>
        <xdr:sp macro="" textlink="">
          <xdr:nvSpPr>
            <xdr:cNvPr id="45229" name="Check Box 173" hidden="1">
              <a:extLst>
                <a:ext uri="{63B3BB69-23CF-44E3-9099-C40C66FF867C}">
                  <a14:compatExt spid="_x0000_s4522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147</xdr:row>
          <xdr:rowOff>123825</xdr:rowOff>
        </xdr:from>
        <xdr:to>
          <xdr:col>30</xdr:col>
          <xdr:colOff>47625</xdr:colOff>
          <xdr:row>149</xdr:row>
          <xdr:rowOff>19050</xdr:rowOff>
        </xdr:to>
        <xdr:sp macro="" textlink="">
          <xdr:nvSpPr>
            <xdr:cNvPr id="45230" name="Check Box 174" hidden="1">
              <a:extLst>
                <a:ext uri="{63B3BB69-23CF-44E3-9099-C40C66FF867C}">
                  <a14:compatExt spid="_x0000_s4523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0</xdr:colOff>
          <xdr:row>144</xdr:row>
          <xdr:rowOff>142875</xdr:rowOff>
        </xdr:from>
        <xdr:to>
          <xdr:col>36</xdr:col>
          <xdr:colOff>38100</xdr:colOff>
          <xdr:row>146</xdr:row>
          <xdr:rowOff>28575</xdr:rowOff>
        </xdr:to>
        <xdr:sp macro="" textlink="">
          <xdr:nvSpPr>
            <xdr:cNvPr id="45231" name="Check Box 175" hidden="1">
              <a:extLst>
                <a:ext uri="{63B3BB69-23CF-44E3-9099-C40C66FF867C}">
                  <a14:compatExt spid="_x0000_s4523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0</xdr:colOff>
          <xdr:row>145</xdr:row>
          <xdr:rowOff>133350</xdr:rowOff>
        </xdr:from>
        <xdr:to>
          <xdr:col>36</xdr:col>
          <xdr:colOff>38100</xdr:colOff>
          <xdr:row>147</xdr:row>
          <xdr:rowOff>19050</xdr:rowOff>
        </xdr:to>
        <xdr:sp macro="" textlink="">
          <xdr:nvSpPr>
            <xdr:cNvPr id="45232" name="Check Box 176" hidden="1">
              <a:extLst>
                <a:ext uri="{63B3BB69-23CF-44E3-9099-C40C66FF867C}">
                  <a14:compatExt spid="_x0000_s4523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0</xdr:colOff>
          <xdr:row>144</xdr:row>
          <xdr:rowOff>161925</xdr:rowOff>
        </xdr:from>
        <xdr:to>
          <xdr:col>46</xdr:col>
          <xdr:colOff>142875</xdr:colOff>
          <xdr:row>146</xdr:row>
          <xdr:rowOff>19050</xdr:rowOff>
        </xdr:to>
        <xdr:sp macro="" textlink="">
          <xdr:nvSpPr>
            <xdr:cNvPr id="45233" name="Check Box 177" hidden="1">
              <a:extLst>
                <a:ext uri="{63B3BB69-23CF-44E3-9099-C40C66FF867C}">
                  <a14:compatExt spid="_x0000_s4523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0</xdr:colOff>
          <xdr:row>145</xdr:row>
          <xdr:rowOff>142875</xdr:rowOff>
        </xdr:from>
        <xdr:to>
          <xdr:col>43</xdr:col>
          <xdr:colOff>28575</xdr:colOff>
          <xdr:row>147</xdr:row>
          <xdr:rowOff>0</xdr:rowOff>
        </xdr:to>
        <xdr:sp macro="" textlink="">
          <xdr:nvSpPr>
            <xdr:cNvPr id="45234" name="Check Box 178" hidden="1">
              <a:extLst>
                <a:ext uri="{63B3BB69-23CF-44E3-9099-C40C66FF867C}">
                  <a14:compatExt spid="_x0000_s4523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0</xdr:colOff>
          <xdr:row>144</xdr:row>
          <xdr:rowOff>161925</xdr:rowOff>
        </xdr:from>
        <xdr:to>
          <xdr:col>51</xdr:col>
          <xdr:colOff>38100</xdr:colOff>
          <xdr:row>146</xdr:row>
          <xdr:rowOff>19050</xdr:rowOff>
        </xdr:to>
        <xdr:sp macro="" textlink="">
          <xdr:nvSpPr>
            <xdr:cNvPr id="45235" name="Check Box 179" hidden="1">
              <a:extLst>
                <a:ext uri="{63B3BB69-23CF-44E3-9099-C40C66FF867C}">
                  <a14:compatExt spid="_x0000_s4523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61925</xdr:colOff>
          <xdr:row>145</xdr:row>
          <xdr:rowOff>142875</xdr:rowOff>
        </xdr:from>
        <xdr:to>
          <xdr:col>49</xdr:col>
          <xdr:colOff>9525</xdr:colOff>
          <xdr:row>147</xdr:row>
          <xdr:rowOff>0</xdr:rowOff>
        </xdr:to>
        <xdr:sp macro="" textlink="">
          <xdr:nvSpPr>
            <xdr:cNvPr id="45236" name="Check Box 180" hidden="1">
              <a:extLst>
                <a:ext uri="{63B3BB69-23CF-44E3-9099-C40C66FF867C}">
                  <a14:compatExt spid="_x0000_s4523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9525</xdr:colOff>
          <xdr:row>144</xdr:row>
          <xdr:rowOff>161925</xdr:rowOff>
        </xdr:from>
        <xdr:to>
          <xdr:col>56</xdr:col>
          <xdr:colOff>38100</xdr:colOff>
          <xdr:row>146</xdr:row>
          <xdr:rowOff>19050</xdr:rowOff>
        </xdr:to>
        <xdr:sp macro="" textlink="">
          <xdr:nvSpPr>
            <xdr:cNvPr id="45237" name="Check Box 181" hidden="1">
              <a:extLst>
                <a:ext uri="{63B3BB69-23CF-44E3-9099-C40C66FF867C}">
                  <a14:compatExt spid="_x0000_s4523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44</xdr:row>
          <xdr:rowOff>142875</xdr:rowOff>
        </xdr:from>
        <xdr:to>
          <xdr:col>14</xdr:col>
          <xdr:colOff>28575</xdr:colOff>
          <xdr:row>146</xdr:row>
          <xdr:rowOff>38100</xdr:rowOff>
        </xdr:to>
        <xdr:sp macro="" textlink="">
          <xdr:nvSpPr>
            <xdr:cNvPr id="45238" name="Check Box 182" hidden="1">
              <a:extLst>
                <a:ext uri="{63B3BB69-23CF-44E3-9099-C40C66FF867C}">
                  <a14:compatExt spid="_x0000_s4523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51</xdr:row>
          <xdr:rowOff>152400</xdr:rowOff>
        </xdr:from>
        <xdr:to>
          <xdr:col>30</xdr:col>
          <xdr:colOff>28575</xdr:colOff>
          <xdr:row>153</xdr:row>
          <xdr:rowOff>38100</xdr:rowOff>
        </xdr:to>
        <xdr:sp macro="" textlink="">
          <xdr:nvSpPr>
            <xdr:cNvPr id="45239" name="Check Box 183" hidden="1">
              <a:extLst>
                <a:ext uri="{63B3BB69-23CF-44E3-9099-C40C66FF867C}">
                  <a14:compatExt spid="_x0000_s4523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53</xdr:row>
          <xdr:rowOff>123825</xdr:rowOff>
        </xdr:from>
        <xdr:to>
          <xdr:col>30</xdr:col>
          <xdr:colOff>28575</xdr:colOff>
          <xdr:row>155</xdr:row>
          <xdr:rowOff>19050</xdr:rowOff>
        </xdr:to>
        <xdr:sp macro="" textlink="">
          <xdr:nvSpPr>
            <xdr:cNvPr id="45240" name="Check Box 184" hidden="1">
              <a:extLst>
                <a:ext uri="{63B3BB69-23CF-44E3-9099-C40C66FF867C}">
                  <a14:compatExt spid="_x0000_s4524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54</xdr:row>
          <xdr:rowOff>123825</xdr:rowOff>
        </xdr:from>
        <xdr:to>
          <xdr:col>30</xdr:col>
          <xdr:colOff>28575</xdr:colOff>
          <xdr:row>156</xdr:row>
          <xdr:rowOff>9525</xdr:rowOff>
        </xdr:to>
        <xdr:sp macro="" textlink="">
          <xdr:nvSpPr>
            <xdr:cNvPr id="45241" name="Check Box 185" hidden="1">
              <a:extLst>
                <a:ext uri="{63B3BB69-23CF-44E3-9099-C40C66FF867C}">
                  <a14:compatExt spid="_x0000_s4524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08</xdr:row>
          <xdr:rowOff>142875</xdr:rowOff>
        </xdr:from>
        <xdr:to>
          <xdr:col>30</xdr:col>
          <xdr:colOff>38100</xdr:colOff>
          <xdr:row>110</xdr:row>
          <xdr:rowOff>38100</xdr:rowOff>
        </xdr:to>
        <xdr:sp macro="" textlink="">
          <xdr:nvSpPr>
            <xdr:cNvPr id="45242" name="Check Box 186" hidden="1">
              <a:extLst>
                <a:ext uri="{63B3BB69-23CF-44E3-9099-C40C66FF867C}">
                  <a14:compatExt spid="_x0000_s4524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09</xdr:row>
          <xdr:rowOff>142875</xdr:rowOff>
        </xdr:from>
        <xdr:to>
          <xdr:col>30</xdr:col>
          <xdr:colOff>38100</xdr:colOff>
          <xdr:row>111</xdr:row>
          <xdr:rowOff>28575</xdr:rowOff>
        </xdr:to>
        <xdr:sp macro="" textlink="">
          <xdr:nvSpPr>
            <xdr:cNvPr id="45243" name="Check Box 187" hidden="1">
              <a:extLst>
                <a:ext uri="{63B3BB69-23CF-44E3-9099-C40C66FF867C}">
                  <a14:compatExt spid="_x0000_s4524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11</xdr:row>
          <xdr:rowOff>142875</xdr:rowOff>
        </xdr:from>
        <xdr:to>
          <xdr:col>30</xdr:col>
          <xdr:colOff>38100</xdr:colOff>
          <xdr:row>113</xdr:row>
          <xdr:rowOff>28575</xdr:rowOff>
        </xdr:to>
        <xdr:sp macro="" textlink="">
          <xdr:nvSpPr>
            <xdr:cNvPr id="45244" name="Check Box 188" hidden="1">
              <a:extLst>
                <a:ext uri="{63B3BB69-23CF-44E3-9099-C40C66FF867C}">
                  <a14:compatExt spid="_x0000_s4524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12</xdr:row>
          <xdr:rowOff>142875</xdr:rowOff>
        </xdr:from>
        <xdr:to>
          <xdr:col>30</xdr:col>
          <xdr:colOff>38100</xdr:colOff>
          <xdr:row>114</xdr:row>
          <xdr:rowOff>28575</xdr:rowOff>
        </xdr:to>
        <xdr:sp macro="" textlink="">
          <xdr:nvSpPr>
            <xdr:cNvPr id="45245" name="Check Box 189" hidden="1">
              <a:extLst>
                <a:ext uri="{63B3BB69-23CF-44E3-9099-C40C66FF867C}">
                  <a14:compatExt spid="_x0000_s4524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13</xdr:row>
          <xdr:rowOff>133350</xdr:rowOff>
        </xdr:from>
        <xdr:to>
          <xdr:col>30</xdr:col>
          <xdr:colOff>38100</xdr:colOff>
          <xdr:row>115</xdr:row>
          <xdr:rowOff>28575</xdr:rowOff>
        </xdr:to>
        <xdr:sp macro="" textlink="">
          <xdr:nvSpPr>
            <xdr:cNvPr id="45246" name="Check Box 190" hidden="1">
              <a:extLst>
                <a:ext uri="{63B3BB69-23CF-44E3-9099-C40C66FF867C}">
                  <a14:compatExt spid="_x0000_s4524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24</xdr:row>
          <xdr:rowOff>0</xdr:rowOff>
        </xdr:from>
        <xdr:to>
          <xdr:col>30</xdr:col>
          <xdr:colOff>57150</xdr:colOff>
          <xdr:row>25</xdr:row>
          <xdr:rowOff>38100</xdr:rowOff>
        </xdr:to>
        <xdr:sp macro="" textlink="">
          <xdr:nvSpPr>
            <xdr:cNvPr id="45247" name="Check Box 191" hidden="1">
              <a:extLst>
                <a:ext uri="{63B3BB69-23CF-44E3-9099-C40C66FF867C}">
                  <a14:compatExt spid="_x0000_s4524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xdr:colOff>
          <xdr:row>116</xdr:row>
          <xdr:rowOff>161925</xdr:rowOff>
        </xdr:from>
        <xdr:to>
          <xdr:col>31</xdr:col>
          <xdr:colOff>57150</xdr:colOff>
          <xdr:row>118</xdr:row>
          <xdr:rowOff>28575</xdr:rowOff>
        </xdr:to>
        <xdr:sp macro="" textlink="">
          <xdr:nvSpPr>
            <xdr:cNvPr id="45248" name="Check Box 192" hidden="1">
              <a:extLst>
                <a:ext uri="{63B3BB69-23CF-44E3-9099-C40C66FF867C}">
                  <a14:compatExt spid="_x0000_s4524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71450</xdr:colOff>
          <xdr:row>3</xdr:row>
          <xdr:rowOff>142875</xdr:rowOff>
        </xdr:from>
        <xdr:to>
          <xdr:col>44</xdr:col>
          <xdr:colOff>19050</xdr:colOff>
          <xdr:row>5</xdr:row>
          <xdr:rowOff>19050</xdr:rowOff>
        </xdr:to>
        <xdr:sp macro="" textlink="">
          <xdr:nvSpPr>
            <xdr:cNvPr id="45249" name="Check Box 193" hidden="1">
              <a:extLst>
                <a:ext uri="{63B3BB69-23CF-44E3-9099-C40C66FF867C}">
                  <a14:compatExt spid="_x0000_s4524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20</xdr:row>
          <xdr:rowOff>142875</xdr:rowOff>
        </xdr:from>
        <xdr:to>
          <xdr:col>30</xdr:col>
          <xdr:colOff>47625</xdr:colOff>
          <xdr:row>22</xdr:row>
          <xdr:rowOff>19050</xdr:rowOff>
        </xdr:to>
        <xdr:sp macro="" textlink="">
          <xdr:nvSpPr>
            <xdr:cNvPr id="45250" name="Check Box 194" hidden="1">
              <a:extLst>
                <a:ext uri="{63B3BB69-23CF-44E3-9099-C40C66FF867C}">
                  <a14:compatExt spid="_x0000_s4525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25</xdr:row>
          <xdr:rowOff>0</xdr:rowOff>
        </xdr:from>
        <xdr:to>
          <xdr:col>30</xdr:col>
          <xdr:colOff>57150</xdr:colOff>
          <xdr:row>26</xdr:row>
          <xdr:rowOff>38100</xdr:rowOff>
        </xdr:to>
        <xdr:sp macro="" textlink="">
          <xdr:nvSpPr>
            <xdr:cNvPr id="45251" name="Check Box 195" hidden="1">
              <a:extLst>
                <a:ext uri="{63B3BB69-23CF-44E3-9099-C40C66FF867C}">
                  <a14:compatExt spid="_x0000_s4525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25</xdr:row>
          <xdr:rowOff>171450</xdr:rowOff>
        </xdr:from>
        <xdr:to>
          <xdr:col>30</xdr:col>
          <xdr:colOff>57150</xdr:colOff>
          <xdr:row>27</xdr:row>
          <xdr:rowOff>28575</xdr:rowOff>
        </xdr:to>
        <xdr:sp macro="" textlink="">
          <xdr:nvSpPr>
            <xdr:cNvPr id="45252" name="Check Box 196" hidden="1">
              <a:extLst>
                <a:ext uri="{63B3BB69-23CF-44E3-9099-C40C66FF867C}">
                  <a14:compatExt spid="_x0000_s4525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27</xdr:row>
          <xdr:rowOff>0</xdr:rowOff>
        </xdr:from>
        <xdr:to>
          <xdr:col>30</xdr:col>
          <xdr:colOff>57150</xdr:colOff>
          <xdr:row>28</xdr:row>
          <xdr:rowOff>28575</xdr:rowOff>
        </xdr:to>
        <xdr:sp macro="" textlink="">
          <xdr:nvSpPr>
            <xdr:cNvPr id="45253" name="Check Box 197" hidden="1">
              <a:extLst>
                <a:ext uri="{63B3BB69-23CF-44E3-9099-C40C66FF867C}">
                  <a14:compatExt spid="_x0000_s4525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27</xdr:row>
          <xdr:rowOff>161925</xdr:rowOff>
        </xdr:from>
        <xdr:to>
          <xdr:col>30</xdr:col>
          <xdr:colOff>57150</xdr:colOff>
          <xdr:row>29</xdr:row>
          <xdr:rowOff>28575</xdr:rowOff>
        </xdr:to>
        <xdr:sp macro="" textlink="">
          <xdr:nvSpPr>
            <xdr:cNvPr id="45254" name="Check Box 198" hidden="1">
              <a:extLst>
                <a:ext uri="{63B3BB69-23CF-44E3-9099-C40C66FF867C}">
                  <a14:compatExt spid="_x0000_s4525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28</xdr:row>
          <xdr:rowOff>161925</xdr:rowOff>
        </xdr:from>
        <xdr:to>
          <xdr:col>30</xdr:col>
          <xdr:colOff>57150</xdr:colOff>
          <xdr:row>30</xdr:row>
          <xdr:rowOff>19050</xdr:rowOff>
        </xdr:to>
        <xdr:sp macro="" textlink="">
          <xdr:nvSpPr>
            <xdr:cNvPr id="45255" name="Check Box 199" hidden="1">
              <a:extLst>
                <a:ext uri="{63B3BB69-23CF-44E3-9099-C40C66FF867C}">
                  <a14:compatExt spid="_x0000_s4525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29</xdr:row>
          <xdr:rowOff>161925</xdr:rowOff>
        </xdr:from>
        <xdr:to>
          <xdr:col>30</xdr:col>
          <xdr:colOff>57150</xdr:colOff>
          <xdr:row>31</xdr:row>
          <xdr:rowOff>19050</xdr:rowOff>
        </xdr:to>
        <xdr:sp macro="" textlink="">
          <xdr:nvSpPr>
            <xdr:cNvPr id="45256" name="Check Box 200" hidden="1">
              <a:extLst>
                <a:ext uri="{63B3BB69-23CF-44E3-9099-C40C66FF867C}">
                  <a14:compatExt spid="_x0000_s4525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15</xdr:row>
          <xdr:rowOff>161925</xdr:rowOff>
        </xdr:from>
        <xdr:to>
          <xdr:col>14</xdr:col>
          <xdr:colOff>38100</xdr:colOff>
          <xdr:row>17</xdr:row>
          <xdr:rowOff>19050</xdr:rowOff>
        </xdr:to>
        <xdr:sp macro="" textlink="">
          <xdr:nvSpPr>
            <xdr:cNvPr id="45257" name="Check Box 201" hidden="1">
              <a:extLst>
                <a:ext uri="{63B3BB69-23CF-44E3-9099-C40C66FF867C}">
                  <a14:compatExt spid="_x0000_s4525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18</xdr:row>
          <xdr:rowOff>152400</xdr:rowOff>
        </xdr:from>
        <xdr:to>
          <xdr:col>14</xdr:col>
          <xdr:colOff>38100</xdr:colOff>
          <xdr:row>20</xdr:row>
          <xdr:rowOff>9525</xdr:rowOff>
        </xdr:to>
        <xdr:sp macro="" textlink="">
          <xdr:nvSpPr>
            <xdr:cNvPr id="45258" name="Check Box 202" hidden="1">
              <a:extLst>
                <a:ext uri="{63B3BB69-23CF-44E3-9099-C40C66FF867C}">
                  <a14:compatExt spid="_x0000_s4525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20</xdr:row>
          <xdr:rowOff>142875</xdr:rowOff>
        </xdr:from>
        <xdr:to>
          <xdr:col>14</xdr:col>
          <xdr:colOff>38100</xdr:colOff>
          <xdr:row>21</xdr:row>
          <xdr:rowOff>171450</xdr:rowOff>
        </xdr:to>
        <xdr:sp macro="" textlink="">
          <xdr:nvSpPr>
            <xdr:cNvPr id="45259" name="Check Box 203" hidden="1">
              <a:extLst>
                <a:ext uri="{63B3BB69-23CF-44E3-9099-C40C66FF867C}">
                  <a14:compatExt spid="_x0000_s4525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21</xdr:row>
          <xdr:rowOff>142875</xdr:rowOff>
        </xdr:from>
        <xdr:to>
          <xdr:col>14</xdr:col>
          <xdr:colOff>38100</xdr:colOff>
          <xdr:row>22</xdr:row>
          <xdr:rowOff>171450</xdr:rowOff>
        </xdr:to>
        <xdr:sp macro="" textlink="">
          <xdr:nvSpPr>
            <xdr:cNvPr id="45260" name="Check Box 204" hidden="1">
              <a:extLst>
                <a:ext uri="{63B3BB69-23CF-44E3-9099-C40C66FF867C}">
                  <a14:compatExt spid="_x0000_s4526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23</xdr:row>
          <xdr:rowOff>171450</xdr:rowOff>
        </xdr:from>
        <xdr:to>
          <xdr:col>14</xdr:col>
          <xdr:colOff>38100</xdr:colOff>
          <xdr:row>25</xdr:row>
          <xdr:rowOff>19050</xdr:rowOff>
        </xdr:to>
        <xdr:sp macro="" textlink="">
          <xdr:nvSpPr>
            <xdr:cNvPr id="45261" name="Check Box 205" hidden="1">
              <a:extLst>
                <a:ext uri="{63B3BB69-23CF-44E3-9099-C40C66FF867C}">
                  <a14:compatExt spid="_x0000_s4526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25</xdr:row>
          <xdr:rowOff>161925</xdr:rowOff>
        </xdr:from>
        <xdr:to>
          <xdr:col>14</xdr:col>
          <xdr:colOff>38100</xdr:colOff>
          <xdr:row>27</xdr:row>
          <xdr:rowOff>9525</xdr:rowOff>
        </xdr:to>
        <xdr:sp macro="" textlink="">
          <xdr:nvSpPr>
            <xdr:cNvPr id="45262" name="Check Box 206" hidden="1">
              <a:extLst>
                <a:ext uri="{63B3BB69-23CF-44E3-9099-C40C66FF867C}">
                  <a14:compatExt spid="_x0000_s4526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29</xdr:row>
          <xdr:rowOff>161925</xdr:rowOff>
        </xdr:from>
        <xdr:to>
          <xdr:col>14</xdr:col>
          <xdr:colOff>38100</xdr:colOff>
          <xdr:row>31</xdr:row>
          <xdr:rowOff>19050</xdr:rowOff>
        </xdr:to>
        <xdr:sp macro="" textlink="">
          <xdr:nvSpPr>
            <xdr:cNvPr id="45263" name="Check Box 207" hidden="1">
              <a:extLst>
                <a:ext uri="{63B3BB69-23CF-44E3-9099-C40C66FF867C}">
                  <a14:compatExt spid="_x0000_s4526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xdr:row>
          <xdr:rowOff>152400</xdr:rowOff>
        </xdr:from>
        <xdr:to>
          <xdr:col>14</xdr:col>
          <xdr:colOff>19050</xdr:colOff>
          <xdr:row>10</xdr:row>
          <xdr:rowOff>0</xdr:rowOff>
        </xdr:to>
        <xdr:sp macro="" textlink="">
          <xdr:nvSpPr>
            <xdr:cNvPr id="45264" name="Check Box 208" hidden="1">
              <a:extLst>
                <a:ext uri="{63B3BB69-23CF-44E3-9099-C40C66FF867C}">
                  <a14:compatExt spid="_x0000_s4526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xdr:row>
          <xdr:rowOff>161925</xdr:rowOff>
        </xdr:from>
        <xdr:to>
          <xdr:col>30</xdr:col>
          <xdr:colOff>28575</xdr:colOff>
          <xdr:row>8</xdr:row>
          <xdr:rowOff>19050</xdr:rowOff>
        </xdr:to>
        <xdr:sp macro="" textlink="">
          <xdr:nvSpPr>
            <xdr:cNvPr id="45265" name="Check Box 209" hidden="1">
              <a:extLst>
                <a:ext uri="{63B3BB69-23CF-44E3-9099-C40C66FF867C}">
                  <a14:compatExt spid="_x0000_s4526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51</xdr:row>
          <xdr:rowOff>142875</xdr:rowOff>
        </xdr:from>
        <xdr:to>
          <xdr:col>30</xdr:col>
          <xdr:colOff>47625</xdr:colOff>
          <xdr:row>53</xdr:row>
          <xdr:rowOff>28575</xdr:rowOff>
        </xdr:to>
        <xdr:sp macro="" textlink="">
          <xdr:nvSpPr>
            <xdr:cNvPr id="45266" name="Check Box 210" hidden="1">
              <a:extLst>
                <a:ext uri="{63B3BB69-23CF-44E3-9099-C40C66FF867C}">
                  <a14:compatExt spid="_x0000_s4526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52</xdr:row>
          <xdr:rowOff>142875</xdr:rowOff>
        </xdr:from>
        <xdr:to>
          <xdr:col>30</xdr:col>
          <xdr:colOff>47625</xdr:colOff>
          <xdr:row>54</xdr:row>
          <xdr:rowOff>19050</xdr:rowOff>
        </xdr:to>
        <xdr:sp macro="" textlink="">
          <xdr:nvSpPr>
            <xdr:cNvPr id="45267" name="Check Box 211" hidden="1">
              <a:extLst>
                <a:ext uri="{63B3BB69-23CF-44E3-9099-C40C66FF867C}">
                  <a14:compatExt spid="_x0000_s4526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60</xdr:row>
          <xdr:rowOff>133350</xdr:rowOff>
        </xdr:from>
        <xdr:to>
          <xdr:col>30</xdr:col>
          <xdr:colOff>57150</xdr:colOff>
          <xdr:row>62</xdr:row>
          <xdr:rowOff>9525</xdr:rowOff>
        </xdr:to>
        <xdr:sp macro="" textlink="">
          <xdr:nvSpPr>
            <xdr:cNvPr id="45268" name="Check Box 212" hidden="1">
              <a:extLst>
                <a:ext uri="{63B3BB69-23CF-44E3-9099-C40C66FF867C}">
                  <a14:compatExt spid="_x0000_s4526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61</xdr:row>
          <xdr:rowOff>133350</xdr:rowOff>
        </xdr:from>
        <xdr:to>
          <xdr:col>30</xdr:col>
          <xdr:colOff>57150</xdr:colOff>
          <xdr:row>63</xdr:row>
          <xdr:rowOff>9525</xdr:rowOff>
        </xdr:to>
        <xdr:sp macro="" textlink="">
          <xdr:nvSpPr>
            <xdr:cNvPr id="45269" name="Check Box 213" hidden="1">
              <a:extLst>
                <a:ext uri="{63B3BB69-23CF-44E3-9099-C40C66FF867C}">
                  <a14:compatExt spid="_x0000_s4526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62</xdr:row>
          <xdr:rowOff>142875</xdr:rowOff>
        </xdr:from>
        <xdr:to>
          <xdr:col>30</xdr:col>
          <xdr:colOff>57150</xdr:colOff>
          <xdr:row>64</xdr:row>
          <xdr:rowOff>28575</xdr:rowOff>
        </xdr:to>
        <xdr:sp macro="" textlink="">
          <xdr:nvSpPr>
            <xdr:cNvPr id="45270" name="Check Box 214" hidden="1">
              <a:extLst>
                <a:ext uri="{63B3BB69-23CF-44E3-9099-C40C66FF867C}">
                  <a14:compatExt spid="_x0000_s4527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0</xdr:row>
          <xdr:rowOff>161925</xdr:rowOff>
        </xdr:from>
        <xdr:to>
          <xdr:col>14</xdr:col>
          <xdr:colOff>38100</xdr:colOff>
          <xdr:row>82</xdr:row>
          <xdr:rowOff>57150</xdr:rowOff>
        </xdr:to>
        <xdr:sp macro="" textlink="">
          <xdr:nvSpPr>
            <xdr:cNvPr id="45271" name="Check Box 215" hidden="1">
              <a:extLst>
                <a:ext uri="{63B3BB69-23CF-44E3-9099-C40C66FF867C}">
                  <a14:compatExt spid="_x0000_s4527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09</xdr:row>
          <xdr:rowOff>152400</xdr:rowOff>
        </xdr:from>
        <xdr:to>
          <xdr:col>14</xdr:col>
          <xdr:colOff>28575</xdr:colOff>
          <xdr:row>111</xdr:row>
          <xdr:rowOff>57150</xdr:rowOff>
        </xdr:to>
        <xdr:sp macro="" textlink="">
          <xdr:nvSpPr>
            <xdr:cNvPr id="45272" name="Check Box 216" hidden="1">
              <a:extLst>
                <a:ext uri="{63B3BB69-23CF-44E3-9099-C40C66FF867C}">
                  <a14:compatExt spid="_x0000_s4527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0</xdr:row>
          <xdr:rowOff>161925</xdr:rowOff>
        </xdr:from>
        <xdr:to>
          <xdr:col>14</xdr:col>
          <xdr:colOff>19050</xdr:colOff>
          <xdr:row>2</xdr:row>
          <xdr:rowOff>19050</xdr:rowOff>
        </xdr:to>
        <xdr:sp macro="" textlink="">
          <xdr:nvSpPr>
            <xdr:cNvPr id="45273" name="Check Box 217" hidden="1">
              <a:extLst>
                <a:ext uri="{63B3BB69-23CF-44E3-9099-C40C66FF867C}">
                  <a14:compatExt spid="_x0000_s4527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xdr:row>
          <xdr:rowOff>161925</xdr:rowOff>
        </xdr:from>
        <xdr:to>
          <xdr:col>14</xdr:col>
          <xdr:colOff>19050</xdr:colOff>
          <xdr:row>3</xdr:row>
          <xdr:rowOff>19050</xdr:rowOff>
        </xdr:to>
        <xdr:sp macro="" textlink="">
          <xdr:nvSpPr>
            <xdr:cNvPr id="45274" name="Check Box 218" hidden="1">
              <a:extLst>
                <a:ext uri="{63B3BB69-23CF-44E3-9099-C40C66FF867C}">
                  <a14:compatExt spid="_x0000_s4527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xdr:row>
          <xdr:rowOff>152400</xdr:rowOff>
        </xdr:from>
        <xdr:to>
          <xdr:col>14</xdr:col>
          <xdr:colOff>19050</xdr:colOff>
          <xdr:row>5</xdr:row>
          <xdr:rowOff>9525</xdr:rowOff>
        </xdr:to>
        <xdr:sp macro="" textlink="">
          <xdr:nvSpPr>
            <xdr:cNvPr id="45275" name="Check Box 219" hidden="1">
              <a:extLst>
                <a:ext uri="{63B3BB69-23CF-44E3-9099-C40C66FF867C}">
                  <a14:compatExt spid="_x0000_s4527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6</xdr:row>
          <xdr:rowOff>142875</xdr:rowOff>
        </xdr:from>
        <xdr:to>
          <xdr:col>14</xdr:col>
          <xdr:colOff>28575</xdr:colOff>
          <xdr:row>7</xdr:row>
          <xdr:rowOff>171450</xdr:rowOff>
        </xdr:to>
        <xdr:sp macro="" textlink="">
          <xdr:nvSpPr>
            <xdr:cNvPr id="45276" name="Check Box 220" hidden="1">
              <a:extLst>
                <a:ext uri="{63B3BB69-23CF-44E3-9099-C40C66FF867C}">
                  <a14:compatExt spid="_x0000_s4527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80975</xdr:colOff>
          <xdr:row>0</xdr:row>
          <xdr:rowOff>161925</xdr:rowOff>
        </xdr:from>
        <xdr:to>
          <xdr:col>30</xdr:col>
          <xdr:colOff>38100</xdr:colOff>
          <xdr:row>2</xdr:row>
          <xdr:rowOff>19050</xdr:rowOff>
        </xdr:to>
        <xdr:sp macro="" textlink="">
          <xdr:nvSpPr>
            <xdr:cNvPr id="45277" name="Check Box 221" hidden="1">
              <a:extLst>
                <a:ext uri="{63B3BB69-23CF-44E3-9099-C40C66FF867C}">
                  <a14:compatExt spid="_x0000_s4527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80975</xdr:colOff>
          <xdr:row>1</xdr:row>
          <xdr:rowOff>161925</xdr:rowOff>
        </xdr:from>
        <xdr:to>
          <xdr:col>30</xdr:col>
          <xdr:colOff>38100</xdr:colOff>
          <xdr:row>3</xdr:row>
          <xdr:rowOff>19050</xdr:rowOff>
        </xdr:to>
        <xdr:sp macro="" textlink="">
          <xdr:nvSpPr>
            <xdr:cNvPr id="45278" name="Check Box 222" hidden="1">
              <a:extLst>
                <a:ext uri="{63B3BB69-23CF-44E3-9099-C40C66FF867C}">
                  <a14:compatExt spid="_x0000_s4527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80975</xdr:colOff>
          <xdr:row>3</xdr:row>
          <xdr:rowOff>152400</xdr:rowOff>
        </xdr:from>
        <xdr:to>
          <xdr:col>30</xdr:col>
          <xdr:colOff>38100</xdr:colOff>
          <xdr:row>5</xdr:row>
          <xdr:rowOff>9525</xdr:rowOff>
        </xdr:to>
        <xdr:sp macro="" textlink="">
          <xdr:nvSpPr>
            <xdr:cNvPr id="45279" name="Check Box 223" hidden="1">
              <a:extLst>
                <a:ext uri="{63B3BB69-23CF-44E3-9099-C40C66FF867C}">
                  <a14:compatExt spid="_x0000_s4527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11</xdr:row>
          <xdr:rowOff>152400</xdr:rowOff>
        </xdr:from>
        <xdr:to>
          <xdr:col>14</xdr:col>
          <xdr:colOff>28575</xdr:colOff>
          <xdr:row>113</xdr:row>
          <xdr:rowOff>38100</xdr:rowOff>
        </xdr:to>
        <xdr:sp macro="" textlink="">
          <xdr:nvSpPr>
            <xdr:cNvPr id="45280" name="Check Box 224" hidden="1">
              <a:extLst>
                <a:ext uri="{63B3BB69-23CF-44E3-9099-C40C66FF867C}">
                  <a14:compatExt spid="_x0000_s4528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15</xdr:row>
          <xdr:rowOff>142875</xdr:rowOff>
        </xdr:from>
        <xdr:to>
          <xdr:col>14</xdr:col>
          <xdr:colOff>28575</xdr:colOff>
          <xdr:row>117</xdr:row>
          <xdr:rowOff>38100</xdr:rowOff>
        </xdr:to>
        <xdr:sp macro="" textlink="">
          <xdr:nvSpPr>
            <xdr:cNvPr id="45281" name="Check Box 225" hidden="1">
              <a:extLst>
                <a:ext uri="{63B3BB69-23CF-44E3-9099-C40C66FF867C}">
                  <a14:compatExt spid="_x0000_s4528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19</xdr:row>
          <xdr:rowOff>152400</xdr:rowOff>
        </xdr:from>
        <xdr:to>
          <xdr:col>14</xdr:col>
          <xdr:colOff>28575</xdr:colOff>
          <xdr:row>121</xdr:row>
          <xdr:rowOff>38100</xdr:rowOff>
        </xdr:to>
        <xdr:sp macro="" textlink="">
          <xdr:nvSpPr>
            <xdr:cNvPr id="45282" name="Check Box 226" hidden="1">
              <a:extLst>
                <a:ext uri="{63B3BB69-23CF-44E3-9099-C40C66FF867C}">
                  <a14:compatExt spid="_x0000_s4528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21</xdr:row>
          <xdr:rowOff>142875</xdr:rowOff>
        </xdr:from>
        <xdr:to>
          <xdr:col>14</xdr:col>
          <xdr:colOff>28575</xdr:colOff>
          <xdr:row>123</xdr:row>
          <xdr:rowOff>38100</xdr:rowOff>
        </xdr:to>
        <xdr:sp macro="" textlink="">
          <xdr:nvSpPr>
            <xdr:cNvPr id="45283" name="Check Box 227" hidden="1">
              <a:extLst>
                <a:ext uri="{63B3BB69-23CF-44E3-9099-C40C66FF867C}">
                  <a14:compatExt spid="_x0000_s4528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22</xdr:row>
          <xdr:rowOff>142875</xdr:rowOff>
        </xdr:from>
        <xdr:to>
          <xdr:col>14</xdr:col>
          <xdr:colOff>28575</xdr:colOff>
          <xdr:row>124</xdr:row>
          <xdr:rowOff>28575</xdr:rowOff>
        </xdr:to>
        <xdr:sp macro="" textlink="">
          <xdr:nvSpPr>
            <xdr:cNvPr id="45284" name="Check Box 228" hidden="1">
              <a:extLst>
                <a:ext uri="{63B3BB69-23CF-44E3-9099-C40C66FF867C}">
                  <a14:compatExt spid="_x0000_s4528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0</xdr:colOff>
          <xdr:row>43</xdr:row>
          <xdr:rowOff>171450</xdr:rowOff>
        </xdr:from>
        <xdr:to>
          <xdr:col>14</xdr:col>
          <xdr:colOff>38100</xdr:colOff>
          <xdr:row>45</xdr:row>
          <xdr:rowOff>38100</xdr:rowOff>
        </xdr:to>
        <xdr:sp macro="" textlink="">
          <xdr:nvSpPr>
            <xdr:cNvPr id="45285" name="Check Box 229" hidden="1">
              <a:extLst>
                <a:ext uri="{63B3BB69-23CF-44E3-9099-C40C66FF867C}">
                  <a14:compatExt spid="_x0000_s4528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3</xdr:row>
          <xdr:rowOff>161925</xdr:rowOff>
        </xdr:from>
        <xdr:to>
          <xdr:col>14</xdr:col>
          <xdr:colOff>28575</xdr:colOff>
          <xdr:row>15</xdr:row>
          <xdr:rowOff>28575</xdr:rowOff>
        </xdr:to>
        <xdr:sp macro="" textlink="">
          <xdr:nvSpPr>
            <xdr:cNvPr id="45286" name="Check Box 230" hidden="1">
              <a:extLst>
                <a:ext uri="{63B3BB69-23CF-44E3-9099-C40C66FF867C}">
                  <a14:compatExt spid="_x0000_s4528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3</xdr:row>
          <xdr:rowOff>161925</xdr:rowOff>
        </xdr:from>
        <xdr:to>
          <xdr:col>26</xdr:col>
          <xdr:colOff>142875</xdr:colOff>
          <xdr:row>15</xdr:row>
          <xdr:rowOff>9525</xdr:rowOff>
        </xdr:to>
        <xdr:sp macro="" textlink="">
          <xdr:nvSpPr>
            <xdr:cNvPr id="45287" name="Check Box 231" hidden="1">
              <a:extLst>
                <a:ext uri="{63B3BB69-23CF-44E3-9099-C40C66FF867C}">
                  <a14:compatExt spid="_x0000_s4528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61925</xdr:colOff>
          <xdr:row>8</xdr:row>
          <xdr:rowOff>161925</xdr:rowOff>
        </xdr:from>
        <xdr:to>
          <xdr:col>39</xdr:col>
          <xdr:colOff>9525</xdr:colOff>
          <xdr:row>10</xdr:row>
          <xdr:rowOff>19050</xdr:rowOff>
        </xdr:to>
        <xdr:sp macro="" textlink="">
          <xdr:nvSpPr>
            <xdr:cNvPr id="45288" name="Check Box 232" hidden="1">
              <a:extLst>
                <a:ext uri="{63B3BB69-23CF-44E3-9099-C40C66FF867C}">
                  <a14:compatExt spid="_x0000_s4528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71450</xdr:colOff>
          <xdr:row>9</xdr:row>
          <xdr:rowOff>0</xdr:rowOff>
        </xdr:from>
        <xdr:to>
          <xdr:col>50</xdr:col>
          <xdr:colOff>19050</xdr:colOff>
          <xdr:row>10</xdr:row>
          <xdr:rowOff>28575</xdr:rowOff>
        </xdr:to>
        <xdr:sp macro="" textlink="">
          <xdr:nvSpPr>
            <xdr:cNvPr id="45289" name="Check Box 233" hidden="1">
              <a:extLst>
                <a:ext uri="{63B3BB69-23CF-44E3-9099-C40C66FF867C}">
                  <a14:compatExt spid="_x0000_s4528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9</xdr:row>
          <xdr:rowOff>161925</xdr:rowOff>
        </xdr:from>
        <xdr:to>
          <xdr:col>28</xdr:col>
          <xdr:colOff>66675</xdr:colOff>
          <xdr:row>11</xdr:row>
          <xdr:rowOff>9525</xdr:rowOff>
        </xdr:to>
        <xdr:sp macro="" textlink="">
          <xdr:nvSpPr>
            <xdr:cNvPr id="45290" name="Check Box 234" hidden="1">
              <a:extLst>
                <a:ext uri="{63B3BB69-23CF-44E3-9099-C40C66FF867C}">
                  <a14:compatExt spid="_x0000_s4529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71450</xdr:colOff>
          <xdr:row>10</xdr:row>
          <xdr:rowOff>152400</xdr:rowOff>
        </xdr:from>
        <xdr:to>
          <xdr:col>29</xdr:col>
          <xdr:colOff>66675</xdr:colOff>
          <xdr:row>12</xdr:row>
          <xdr:rowOff>19050</xdr:rowOff>
        </xdr:to>
        <xdr:sp macro="" textlink="">
          <xdr:nvSpPr>
            <xdr:cNvPr id="45291" name="Check Box 235" hidden="1">
              <a:extLst>
                <a:ext uri="{63B3BB69-23CF-44E3-9099-C40C66FF867C}">
                  <a14:compatExt spid="_x0000_s4529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71450</xdr:colOff>
          <xdr:row>10</xdr:row>
          <xdr:rowOff>171450</xdr:rowOff>
        </xdr:from>
        <xdr:to>
          <xdr:col>35</xdr:col>
          <xdr:colOff>28575</xdr:colOff>
          <xdr:row>12</xdr:row>
          <xdr:rowOff>38100</xdr:rowOff>
        </xdr:to>
        <xdr:sp macro="" textlink="">
          <xdr:nvSpPr>
            <xdr:cNvPr id="45292" name="Check Box 236" hidden="1">
              <a:extLst>
                <a:ext uri="{63B3BB69-23CF-44E3-9099-C40C66FF867C}">
                  <a14:compatExt spid="_x0000_s4529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1</xdr:row>
          <xdr:rowOff>171450</xdr:rowOff>
        </xdr:from>
        <xdr:to>
          <xdr:col>31</xdr:col>
          <xdr:colOff>28575</xdr:colOff>
          <xdr:row>13</xdr:row>
          <xdr:rowOff>28575</xdr:rowOff>
        </xdr:to>
        <xdr:sp macro="" textlink="">
          <xdr:nvSpPr>
            <xdr:cNvPr id="45293" name="Check Box 237" hidden="1">
              <a:extLst>
                <a:ext uri="{63B3BB69-23CF-44E3-9099-C40C66FF867C}">
                  <a14:compatExt spid="_x0000_s4529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61925</xdr:colOff>
          <xdr:row>12</xdr:row>
          <xdr:rowOff>152400</xdr:rowOff>
        </xdr:from>
        <xdr:to>
          <xdr:col>32</xdr:col>
          <xdr:colOff>9525</xdr:colOff>
          <xdr:row>14</xdr:row>
          <xdr:rowOff>9525</xdr:rowOff>
        </xdr:to>
        <xdr:sp macro="" textlink="">
          <xdr:nvSpPr>
            <xdr:cNvPr id="45294" name="Check Box 238" hidden="1">
              <a:extLst>
                <a:ext uri="{63B3BB69-23CF-44E3-9099-C40C66FF867C}">
                  <a14:compatExt spid="_x0000_s4529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71450</xdr:colOff>
          <xdr:row>12</xdr:row>
          <xdr:rowOff>152400</xdr:rowOff>
        </xdr:from>
        <xdr:to>
          <xdr:col>35</xdr:col>
          <xdr:colOff>28575</xdr:colOff>
          <xdr:row>14</xdr:row>
          <xdr:rowOff>9525</xdr:rowOff>
        </xdr:to>
        <xdr:sp macro="" textlink="">
          <xdr:nvSpPr>
            <xdr:cNvPr id="45295" name="Check Box 239" hidden="1">
              <a:extLst>
                <a:ext uri="{63B3BB69-23CF-44E3-9099-C40C66FF867C}">
                  <a14:compatExt spid="_x0000_s45295"/>
                </a:ext>
              </a:extLst>
            </xdr:cNvPr>
            <xdr:cNvSpPr/>
          </xdr:nvSpPr>
          <xdr:spPr>
            <a:xfrm>
              <a:off x="0" y="0"/>
              <a:ext cx="0" cy="0"/>
            </a:xfrm>
            <a:prstGeom prst="rect">
              <a:avLst/>
            </a:prstGeom>
          </xdr:spPr>
        </xdr:sp>
        <xdr:clientData/>
      </xdr:twoCellAnchor>
    </mc:Choice>
    <mc:Fallback/>
  </mc:AlternateContent>
  <xdr:oneCellAnchor>
    <xdr:from>
      <xdr:col>47</xdr:col>
      <xdr:colOff>76200</xdr:colOff>
      <xdr:row>19</xdr:row>
      <xdr:rowOff>19050</xdr:rowOff>
    </xdr:from>
    <xdr:ext cx="76200" cy="209550"/>
    <xdr:sp macro="" textlink="">
      <xdr:nvSpPr>
        <xdr:cNvPr id="241" name="Text Box 241"/>
        <xdr:cNvSpPr txBox="1">
          <a:spLocks noChangeArrowheads="1"/>
        </xdr:cNvSpPr>
      </xdr:nvSpPr>
      <xdr:spPr bwMode="auto">
        <a:xfrm>
          <a:off x="8582025" y="3276600"/>
          <a:ext cx="76200" cy="209550"/>
        </a:xfrm>
        <a:prstGeom prst="rect">
          <a:avLst/>
        </a:prstGeom>
        <a:noFill/>
        <a:ln>
          <a:noFill/>
        </a:ln>
        <a:extLst/>
      </xdr:spPr>
    </xdr:sp>
    <xdr:clientData/>
  </xdr:oneCellAnchor>
  <mc:AlternateContent xmlns:mc="http://schemas.openxmlformats.org/markup-compatibility/2006">
    <mc:Choice xmlns:a14="http://schemas.microsoft.com/office/drawing/2010/main" Requires="a14">
      <xdr:twoCellAnchor editAs="oneCell">
        <xdr:from>
          <xdr:col>22</xdr:col>
          <xdr:colOff>180975</xdr:colOff>
          <xdr:row>2</xdr:row>
          <xdr:rowOff>152400</xdr:rowOff>
        </xdr:from>
        <xdr:to>
          <xdr:col>30</xdr:col>
          <xdr:colOff>38100</xdr:colOff>
          <xdr:row>4</xdr:row>
          <xdr:rowOff>19050</xdr:rowOff>
        </xdr:to>
        <xdr:sp macro="" textlink="">
          <xdr:nvSpPr>
            <xdr:cNvPr id="45296" name="Check Box 240" hidden="1">
              <a:extLst>
                <a:ext uri="{63B3BB69-23CF-44E3-9099-C40C66FF867C}">
                  <a14:compatExt spid="_x0000_s4529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0</xdr:colOff>
          <xdr:row>6</xdr:row>
          <xdr:rowOff>152400</xdr:rowOff>
        </xdr:from>
        <xdr:to>
          <xdr:col>35</xdr:col>
          <xdr:colOff>38100</xdr:colOff>
          <xdr:row>8</xdr:row>
          <xdr:rowOff>9525</xdr:rowOff>
        </xdr:to>
        <xdr:sp macro="" textlink="">
          <xdr:nvSpPr>
            <xdr:cNvPr id="45297" name="Check Box 241" hidden="1">
              <a:extLst>
                <a:ext uri="{63B3BB69-23CF-44E3-9099-C40C66FF867C}">
                  <a14:compatExt spid="_x0000_s4529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6</xdr:row>
          <xdr:rowOff>142875</xdr:rowOff>
        </xdr:from>
        <xdr:to>
          <xdr:col>44</xdr:col>
          <xdr:colOff>9525</xdr:colOff>
          <xdr:row>8</xdr:row>
          <xdr:rowOff>0</xdr:rowOff>
        </xdr:to>
        <xdr:sp macro="" textlink="">
          <xdr:nvSpPr>
            <xdr:cNvPr id="45298" name="Check Box 242" hidden="1">
              <a:extLst>
                <a:ext uri="{63B3BB69-23CF-44E3-9099-C40C66FF867C}">
                  <a14:compatExt spid="_x0000_s4529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71450</xdr:colOff>
          <xdr:row>3</xdr:row>
          <xdr:rowOff>152400</xdr:rowOff>
        </xdr:from>
        <xdr:to>
          <xdr:col>56</xdr:col>
          <xdr:colOff>19050</xdr:colOff>
          <xdr:row>5</xdr:row>
          <xdr:rowOff>28575</xdr:rowOff>
        </xdr:to>
        <xdr:sp macro="" textlink="">
          <xdr:nvSpPr>
            <xdr:cNvPr id="45299" name="Check Box 243" hidden="1">
              <a:extLst>
                <a:ext uri="{63B3BB69-23CF-44E3-9099-C40C66FF867C}">
                  <a14:compatExt spid="_x0000_s4529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71450</xdr:colOff>
          <xdr:row>4</xdr:row>
          <xdr:rowOff>133350</xdr:rowOff>
        </xdr:from>
        <xdr:to>
          <xdr:col>44</xdr:col>
          <xdr:colOff>19050</xdr:colOff>
          <xdr:row>6</xdr:row>
          <xdr:rowOff>9525</xdr:rowOff>
        </xdr:to>
        <xdr:sp macro="" textlink="">
          <xdr:nvSpPr>
            <xdr:cNvPr id="45300" name="Check Box 244" hidden="1">
              <a:extLst>
                <a:ext uri="{63B3BB69-23CF-44E3-9099-C40C66FF867C}">
                  <a14:compatExt spid="_x0000_s4530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71450</xdr:colOff>
          <xdr:row>4</xdr:row>
          <xdr:rowOff>142875</xdr:rowOff>
        </xdr:from>
        <xdr:to>
          <xdr:col>56</xdr:col>
          <xdr:colOff>19050</xdr:colOff>
          <xdr:row>6</xdr:row>
          <xdr:rowOff>19050</xdr:rowOff>
        </xdr:to>
        <xdr:sp macro="" textlink="">
          <xdr:nvSpPr>
            <xdr:cNvPr id="45301" name="Check Box 245" hidden="1">
              <a:extLst>
                <a:ext uri="{63B3BB69-23CF-44E3-9099-C40C66FF867C}">
                  <a14:compatExt spid="_x0000_s4530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9050</xdr:colOff>
          <xdr:row>125</xdr:row>
          <xdr:rowOff>152400</xdr:rowOff>
        </xdr:from>
        <xdr:to>
          <xdr:col>29</xdr:col>
          <xdr:colOff>95250</xdr:colOff>
          <xdr:row>127</xdr:row>
          <xdr:rowOff>47625</xdr:rowOff>
        </xdr:to>
        <xdr:sp macro="" textlink="">
          <xdr:nvSpPr>
            <xdr:cNvPr id="45302" name="Check Box 246" hidden="1">
              <a:extLst>
                <a:ext uri="{63B3BB69-23CF-44E3-9099-C40C66FF867C}">
                  <a14:compatExt spid="_x0000_s4530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9525</xdr:colOff>
          <xdr:row>139</xdr:row>
          <xdr:rowOff>142875</xdr:rowOff>
        </xdr:from>
        <xdr:to>
          <xdr:col>31</xdr:col>
          <xdr:colOff>66675</xdr:colOff>
          <xdr:row>141</xdr:row>
          <xdr:rowOff>19050</xdr:rowOff>
        </xdr:to>
        <xdr:sp macro="" textlink="">
          <xdr:nvSpPr>
            <xdr:cNvPr id="45303" name="Check Box 247" hidden="1">
              <a:extLst>
                <a:ext uri="{63B3BB69-23CF-44E3-9099-C40C66FF867C}">
                  <a14:compatExt spid="_x0000_s4530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39</xdr:row>
          <xdr:rowOff>142875</xdr:rowOff>
        </xdr:from>
        <xdr:to>
          <xdr:col>38</xdr:col>
          <xdr:colOff>28575</xdr:colOff>
          <xdr:row>141</xdr:row>
          <xdr:rowOff>19050</xdr:rowOff>
        </xdr:to>
        <xdr:sp macro="" textlink="">
          <xdr:nvSpPr>
            <xdr:cNvPr id="45304" name="Check Box 248" hidden="1">
              <a:extLst>
                <a:ext uri="{63B3BB69-23CF-44E3-9099-C40C66FF867C}">
                  <a14:compatExt spid="_x0000_s4530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0</xdr:row>
          <xdr:rowOff>161925</xdr:rowOff>
        </xdr:from>
        <xdr:to>
          <xdr:col>8</xdr:col>
          <xdr:colOff>123825</xdr:colOff>
          <xdr:row>82</xdr:row>
          <xdr:rowOff>28575</xdr:rowOff>
        </xdr:to>
        <xdr:sp macro="" textlink="">
          <xdr:nvSpPr>
            <xdr:cNvPr id="45306" name="Check Box 250" hidden="1">
              <a:extLst>
                <a:ext uri="{63B3BB69-23CF-44E3-9099-C40C66FF867C}">
                  <a14:compatExt spid="_x0000_s4530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80</xdr:row>
          <xdr:rowOff>142875</xdr:rowOff>
        </xdr:from>
        <xdr:to>
          <xdr:col>24</xdr:col>
          <xdr:colOff>133350</xdr:colOff>
          <xdr:row>82</xdr:row>
          <xdr:rowOff>28575</xdr:rowOff>
        </xdr:to>
        <xdr:sp macro="" textlink="">
          <xdr:nvSpPr>
            <xdr:cNvPr id="45307" name="Check Box 251" hidden="1">
              <a:extLst>
                <a:ext uri="{63B3BB69-23CF-44E3-9099-C40C66FF867C}">
                  <a14:compatExt spid="_x0000_s4530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1</xdr:row>
          <xdr:rowOff>133350</xdr:rowOff>
        </xdr:from>
        <xdr:to>
          <xdr:col>8</xdr:col>
          <xdr:colOff>133350</xdr:colOff>
          <xdr:row>83</xdr:row>
          <xdr:rowOff>19050</xdr:rowOff>
        </xdr:to>
        <xdr:sp macro="" textlink="">
          <xdr:nvSpPr>
            <xdr:cNvPr id="45308" name="Check Box 252" hidden="1">
              <a:extLst>
                <a:ext uri="{63B3BB69-23CF-44E3-9099-C40C66FF867C}">
                  <a14:compatExt spid="_x0000_s4530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4</xdr:row>
          <xdr:rowOff>133350</xdr:rowOff>
        </xdr:from>
        <xdr:to>
          <xdr:col>8</xdr:col>
          <xdr:colOff>123825</xdr:colOff>
          <xdr:row>85</xdr:row>
          <xdr:rowOff>161925</xdr:rowOff>
        </xdr:to>
        <xdr:sp macro="" textlink="">
          <xdr:nvSpPr>
            <xdr:cNvPr id="45309" name="Check Box 253" hidden="1">
              <a:extLst>
                <a:ext uri="{63B3BB69-23CF-44E3-9099-C40C66FF867C}">
                  <a14:compatExt spid="_x0000_s4530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84</xdr:row>
          <xdr:rowOff>142875</xdr:rowOff>
        </xdr:from>
        <xdr:to>
          <xdr:col>24</xdr:col>
          <xdr:colOff>133350</xdr:colOff>
          <xdr:row>86</xdr:row>
          <xdr:rowOff>28575</xdr:rowOff>
        </xdr:to>
        <xdr:sp macro="" textlink="">
          <xdr:nvSpPr>
            <xdr:cNvPr id="45310" name="Check Box 254" hidden="1">
              <a:extLst>
                <a:ext uri="{63B3BB69-23CF-44E3-9099-C40C66FF867C}">
                  <a14:compatExt spid="_x0000_s4531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61925</xdr:colOff>
          <xdr:row>85</xdr:row>
          <xdr:rowOff>142875</xdr:rowOff>
        </xdr:from>
        <xdr:to>
          <xdr:col>29</xdr:col>
          <xdr:colOff>104775</xdr:colOff>
          <xdr:row>87</xdr:row>
          <xdr:rowOff>38100</xdr:rowOff>
        </xdr:to>
        <xdr:sp macro="" textlink="">
          <xdr:nvSpPr>
            <xdr:cNvPr id="45311" name="Check Box 255" hidden="1">
              <a:extLst>
                <a:ext uri="{63B3BB69-23CF-44E3-9099-C40C66FF867C}">
                  <a14:compatExt spid="_x0000_s4531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71450</xdr:colOff>
          <xdr:row>85</xdr:row>
          <xdr:rowOff>123825</xdr:rowOff>
        </xdr:from>
        <xdr:to>
          <xdr:col>33</xdr:col>
          <xdr:colOff>104775</xdr:colOff>
          <xdr:row>87</xdr:row>
          <xdr:rowOff>19050</xdr:rowOff>
        </xdr:to>
        <xdr:sp macro="" textlink="">
          <xdr:nvSpPr>
            <xdr:cNvPr id="45312" name="Check Box 256" hidden="1">
              <a:extLst>
                <a:ext uri="{63B3BB69-23CF-44E3-9099-C40C66FF867C}">
                  <a14:compatExt spid="_x0000_s4531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85</xdr:row>
          <xdr:rowOff>133350</xdr:rowOff>
        </xdr:from>
        <xdr:to>
          <xdr:col>37</xdr:col>
          <xdr:colOff>104775</xdr:colOff>
          <xdr:row>87</xdr:row>
          <xdr:rowOff>28575</xdr:rowOff>
        </xdr:to>
        <xdr:sp macro="" textlink="">
          <xdr:nvSpPr>
            <xdr:cNvPr id="45313" name="Check Box 257" hidden="1">
              <a:extLst>
                <a:ext uri="{63B3BB69-23CF-44E3-9099-C40C66FF867C}">
                  <a14:compatExt spid="_x0000_s4531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85</xdr:row>
          <xdr:rowOff>133350</xdr:rowOff>
        </xdr:from>
        <xdr:to>
          <xdr:col>41</xdr:col>
          <xdr:colOff>95250</xdr:colOff>
          <xdr:row>87</xdr:row>
          <xdr:rowOff>28575</xdr:rowOff>
        </xdr:to>
        <xdr:sp macro="" textlink="">
          <xdr:nvSpPr>
            <xdr:cNvPr id="45314" name="Check Box 258" hidden="1">
              <a:extLst>
                <a:ext uri="{63B3BB69-23CF-44E3-9099-C40C66FF867C}">
                  <a14:compatExt spid="_x0000_s4531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86</xdr:row>
          <xdr:rowOff>142875</xdr:rowOff>
        </xdr:from>
        <xdr:to>
          <xdr:col>24</xdr:col>
          <xdr:colOff>133350</xdr:colOff>
          <xdr:row>88</xdr:row>
          <xdr:rowOff>0</xdr:rowOff>
        </xdr:to>
        <xdr:sp macro="" textlink="">
          <xdr:nvSpPr>
            <xdr:cNvPr id="45315" name="Check Box 259" hidden="1">
              <a:extLst>
                <a:ext uri="{63B3BB69-23CF-44E3-9099-C40C66FF867C}">
                  <a14:compatExt spid="_x0000_s4531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89</xdr:row>
          <xdr:rowOff>133350</xdr:rowOff>
        </xdr:from>
        <xdr:to>
          <xdr:col>25</xdr:col>
          <xdr:colOff>123825</xdr:colOff>
          <xdr:row>91</xdr:row>
          <xdr:rowOff>19050</xdr:rowOff>
        </xdr:to>
        <xdr:sp macro="" textlink="">
          <xdr:nvSpPr>
            <xdr:cNvPr id="45316" name="Check Box 260" hidden="1">
              <a:extLst>
                <a:ext uri="{63B3BB69-23CF-44E3-9099-C40C66FF867C}">
                  <a14:compatExt spid="_x0000_s4531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91</xdr:row>
          <xdr:rowOff>123825</xdr:rowOff>
        </xdr:from>
        <xdr:to>
          <xdr:col>24</xdr:col>
          <xdr:colOff>133350</xdr:colOff>
          <xdr:row>93</xdr:row>
          <xdr:rowOff>19050</xdr:rowOff>
        </xdr:to>
        <xdr:sp macro="" textlink="">
          <xdr:nvSpPr>
            <xdr:cNvPr id="45317" name="Check Box 261" hidden="1">
              <a:extLst>
                <a:ext uri="{63B3BB69-23CF-44E3-9099-C40C66FF867C}">
                  <a14:compatExt spid="_x0000_s4531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81</xdr:row>
          <xdr:rowOff>123825</xdr:rowOff>
        </xdr:from>
        <xdr:to>
          <xdr:col>24</xdr:col>
          <xdr:colOff>123825</xdr:colOff>
          <xdr:row>82</xdr:row>
          <xdr:rowOff>161925</xdr:rowOff>
        </xdr:to>
        <xdr:sp macro="" textlink="">
          <xdr:nvSpPr>
            <xdr:cNvPr id="45318" name="Check Box 262" hidden="1">
              <a:extLst>
                <a:ext uri="{63B3BB69-23CF-44E3-9099-C40C66FF867C}">
                  <a14:compatExt spid="_x0000_s4531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0</xdr:colOff>
          <xdr:row>83</xdr:row>
          <xdr:rowOff>142875</xdr:rowOff>
        </xdr:from>
        <xdr:to>
          <xdr:col>30</xdr:col>
          <xdr:colOff>123825</xdr:colOff>
          <xdr:row>85</xdr:row>
          <xdr:rowOff>28575</xdr:rowOff>
        </xdr:to>
        <xdr:sp macro="" textlink="">
          <xdr:nvSpPr>
            <xdr:cNvPr id="45319" name="Check Box 263" hidden="1">
              <a:extLst>
                <a:ext uri="{63B3BB69-23CF-44E3-9099-C40C66FF867C}">
                  <a14:compatExt spid="_x0000_s4531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38100</xdr:colOff>
          <xdr:row>85</xdr:row>
          <xdr:rowOff>133350</xdr:rowOff>
        </xdr:from>
        <xdr:to>
          <xdr:col>45</xdr:col>
          <xdr:colOff>161925</xdr:colOff>
          <xdr:row>87</xdr:row>
          <xdr:rowOff>47625</xdr:rowOff>
        </xdr:to>
        <xdr:sp macro="" textlink="">
          <xdr:nvSpPr>
            <xdr:cNvPr id="45320" name="Check Box 264" hidden="1">
              <a:extLst>
                <a:ext uri="{63B3BB69-23CF-44E3-9099-C40C66FF867C}">
                  <a14:compatExt spid="_x0000_s4532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88</xdr:row>
          <xdr:rowOff>57150</xdr:rowOff>
        </xdr:from>
        <xdr:to>
          <xdr:col>26</xdr:col>
          <xdr:colOff>95250</xdr:colOff>
          <xdr:row>90</xdr:row>
          <xdr:rowOff>66675</xdr:rowOff>
        </xdr:to>
        <xdr:sp macro="" textlink="">
          <xdr:nvSpPr>
            <xdr:cNvPr id="45321" name="Check Box 265" hidden="1">
              <a:extLst>
                <a:ext uri="{63B3BB69-23CF-44E3-9099-C40C66FF867C}">
                  <a14:compatExt spid="_x0000_s4532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0</xdr:colOff>
          <xdr:row>89</xdr:row>
          <xdr:rowOff>142875</xdr:rowOff>
        </xdr:from>
        <xdr:to>
          <xdr:col>39</xdr:col>
          <xdr:colOff>123825</xdr:colOff>
          <xdr:row>91</xdr:row>
          <xdr:rowOff>28575</xdr:rowOff>
        </xdr:to>
        <xdr:sp macro="" textlink="">
          <xdr:nvSpPr>
            <xdr:cNvPr id="45322" name="Check Box 266" hidden="1">
              <a:extLst>
                <a:ext uri="{63B3BB69-23CF-44E3-9099-C40C66FF867C}">
                  <a14:compatExt spid="_x0000_s4532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87</xdr:row>
          <xdr:rowOff>133350</xdr:rowOff>
        </xdr:from>
        <xdr:to>
          <xdr:col>25</xdr:col>
          <xdr:colOff>123825</xdr:colOff>
          <xdr:row>89</xdr:row>
          <xdr:rowOff>19050</xdr:rowOff>
        </xdr:to>
        <xdr:sp macro="" textlink="">
          <xdr:nvSpPr>
            <xdr:cNvPr id="45323" name="Check Box 267" hidden="1">
              <a:extLst>
                <a:ext uri="{63B3BB69-23CF-44E3-9099-C40C66FF867C}">
                  <a14:compatExt spid="_x0000_s4532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87</xdr:row>
          <xdr:rowOff>123825</xdr:rowOff>
        </xdr:from>
        <xdr:to>
          <xdr:col>41</xdr:col>
          <xdr:colOff>38100</xdr:colOff>
          <xdr:row>89</xdr:row>
          <xdr:rowOff>9525</xdr:rowOff>
        </xdr:to>
        <xdr:sp macro="" textlink="">
          <xdr:nvSpPr>
            <xdr:cNvPr id="45324" name="Check Box 268" hidden="1">
              <a:extLst>
                <a:ext uri="{63B3BB69-23CF-44E3-9099-C40C66FF867C}">
                  <a14:compatExt spid="_x0000_s4532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88</xdr:row>
          <xdr:rowOff>57150</xdr:rowOff>
        </xdr:from>
        <xdr:to>
          <xdr:col>40</xdr:col>
          <xdr:colOff>123825</xdr:colOff>
          <xdr:row>90</xdr:row>
          <xdr:rowOff>95250</xdr:rowOff>
        </xdr:to>
        <xdr:sp macro="" textlink="">
          <xdr:nvSpPr>
            <xdr:cNvPr id="45325" name="Check Box 269" hidden="1">
              <a:extLst>
                <a:ext uri="{63B3BB69-23CF-44E3-9099-C40C66FF867C}">
                  <a14:compatExt spid="_x0000_s4532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93</xdr:row>
          <xdr:rowOff>142875</xdr:rowOff>
        </xdr:from>
        <xdr:to>
          <xdr:col>24</xdr:col>
          <xdr:colOff>142875</xdr:colOff>
          <xdr:row>95</xdr:row>
          <xdr:rowOff>28575</xdr:rowOff>
        </xdr:to>
        <xdr:sp macro="" textlink="">
          <xdr:nvSpPr>
            <xdr:cNvPr id="45326" name="Check Box 270" hidden="1">
              <a:extLst>
                <a:ext uri="{63B3BB69-23CF-44E3-9099-C40C66FF867C}">
                  <a14:compatExt spid="_x0000_s4532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85</xdr:row>
          <xdr:rowOff>142875</xdr:rowOff>
        </xdr:from>
        <xdr:to>
          <xdr:col>25</xdr:col>
          <xdr:colOff>123825</xdr:colOff>
          <xdr:row>87</xdr:row>
          <xdr:rowOff>38100</xdr:rowOff>
        </xdr:to>
        <xdr:sp macro="" textlink="">
          <xdr:nvSpPr>
            <xdr:cNvPr id="45327" name="Check Box 271" hidden="1">
              <a:extLst>
                <a:ext uri="{63B3BB69-23CF-44E3-9099-C40C66FF867C}">
                  <a14:compatExt spid="_x0000_s4532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28575</xdr:colOff>
          <xdr:row>83</xdr:row>
          <xdr:rowOff>142875</xdr:rowOff>
        </xdr:from>
        <xdr:to>
          <xdr:col>25</xdr:col>
          <xdr:colOff>152400</xdr:colOff>
          <xdr:row>85</xdr:row>
          <xdr:rowOff>28575</xdr:rowOff>
        </xdr:to>
        <xdr:sp macro="" textlink="">
          <xdr:nvSpPr>
            <xdr:cNvPr id="45328" name="Check Box 272" hidden="1">
              <a:extLst>
                <a:ext uri="{63B3BB69-23CF-44E3-9099-C40C66FF867C}">
                  <a14:compatExt spid="_x0000_s4532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90</xdr:row>
          <xdr:rowOff>152400</xdr:rowOff>
        </xdr:from>
        <xdr:to>
          <xdr:col>25</xdr:col>
          <xdr:colOff>123825</xdr:colOff>
          <xdr:row>92</xdr:row>
          <xdr:rowOff>9525</xdr:rowOff>
        </xdr:to>
        <xdr:sp macro="" textlink="">
          <xdr:nvSpPr>
            <xdr:cNvPr id="45329" name="Check Box 273" hidden="1">
              <a:extLst>
                <a:ext uri="{63B3BB69-23CF-44E3-9099-C40C66FF867C}">
                  <a14:compatExt spid="_x0000_s4532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80975</xdr:colOff>
          <xdr:row>82</xdr:row>
          <xdr:rowOff>85725</xdr:rowOff>
        </xdr:from>
        <xdr:to>
          <xdr:col>9</xdr:col>
          <xdr:colOff>9525</xdr:colOff>
          <xdr:row>84</xdr:row>
          <xdr:rowOff>57150</xdr:rowOff>
        </xdr:to>
        <xdr:sp macro="" textlink="">
          <xdr:nvSpPr>
            <xdr:cNvPr id="45330" name="Check Box 274" hidden="1">
              <a:extLst>
                <a:ext uri="{63B3BB69-23CF-44E3-9099-C40C66FF867C}">
                  <a14:compatExt spid="_x0000_s4533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82</xdr:row>
          <xdr:rowOff>123825</xdr:rowOff>
        </xdr:from>
        <xdr:to>
          <xdr:col>24</xdr:col>
          <xdr:colOff>123825</xdr:colOff>
          <xdr:row>84</xdr:row>
          <xdr:rowOff>9525</xdr:rowOff>
        </xdr:to>
        <xdr:sp macro="" textlink="">
          <xdr:nvSpPr>
            <xdr:cNvPr id="45331" name="Check Box 275" hidden="1">
              <a:extLst>
                <a:ext uri="{63B3BB69-23CF-44E3-9099-C40C66FF867C}">
                  <a14:compatExt spid="_x0000_s4533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0</xdr:colOff>
          <xdr:row>103</xdr:row>
          <xdr:rowOff>114300</xdr:rowOff>
        </xdr:from>
        <xdr:to>
          <xdr:col>8</xdr:col>
          <xdr:colOff>123825</xdr:colOff>
          <xdr:row>105</xdr:row>
          <xdr:rowOff>66675</xdr:rowOff>
        </xdr:to>
        <xdr:sp macro="" textlink="">
          <xdr:nvSpPr>
            <xdr:cNvPr id="45332" name="Check Box 276" hidden="1">
              <a:extLst>
                <a:ext uri="{63B3BB69-23CF-44E3-9099-C40C66FF867C}">
                  <a14:compatExt spid="_x0000_s4533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9525</xdr:colOff>
          <xdr:row>103</xdr:row>
          <xdr:rowOff>152400</xdr:rowOff>
        </xdr:from>
        <xdr:to>
          <xdr:col>25</xdr:col>
          <xdr:colOff>76200</xdr:colOff>
          <xdr:row>105</xdr:row>
          <xdr:rowOff>38100</xdr:rowOff>
        </xdr:to>
        <xdr:sp macro="" textlink="">
          <xdr:nvSpPr>
            <xdr:cNvPr id="45333" name="Check Box 277" hidden="1">
              <a:extLst>
                <a:ext uri="{63B3BB69-23CF-44E3-9099-C40C66FF867C}">
                  <a14:compatExt spid="_x0000_s4533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05</xdr:row>
          <xdr:rowOff>152400</xdr:rowOff>
        </xdr:from>
        <xdr:to>
          <xdr:col>30</xdr:col>
          <xdr:colOff>38100</xdr:colOff>
          <xdr:row>107</xdr:row>
          <xdr:rowOff>38100</xdr:rowOff>
        </xdr:to>
        <xdr:sp macro="" textlink="">
          <xdr:nvSpPr>
            <xdr:cNvPr id="45334" name="Check Box 278" hidden="1">
              <a:extLst>
                <a:ext uri="{63B3BB69-23CF-44E3-9099-C40C66FF867C}">
                  <a14:compatExt spid="_x0000_s45334"/>
                </a:ext>
              </a:extLst>
            </xdr:cNvPr>
            <xdr:cNvSpPr/>
          </xdr:nvSpPr>
          <xdr:spPr>
            <a:xfrm>
              <a:off x="0" y="0"/>
              <a:ext cx="0" cy="0"/>
            </a:xfrm>
            <a:prstGeom prst="rect">
              <a:avLst/>
            </a:prstGeom>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bak\Fukumain.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K:\bak\Fukumain.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K:\&#20316;&#26989;&#28168;&#29289;&#20214;\&#36870;&#20117;\bak\Fukumain.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P:\&#12524;&#12483;&#12484;&#12494;&#12540;&#12488;&#65315;&#12489;&#12521;&#12452;&#12502;\&#27744;&#30000;\&#27738;&#27877;\&#65396;&#65400;&#65406;&#65433;311\bak\Fukumain.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P:\LL\L98014&#19978;&#31119;&#23713;\&#24179;&#25104;11&#24180;&#24230;&#27231;&#26800;&#38651;&#27671;&#30330;&#27880;&#35373;&#35336;\&#26368;&#32066;&#35373;&#35336;&#26360;\&#35576;&#32076;&#36027;&#35336;&#31639;&#26360;.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A:\&#24535;&#21644;&#26481;&#20869;\&#25968;&#37327;&#35336;&#31639;.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B:\&#22580;&#20869;&#25972;&#20633;.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A:\windows\TEMP\&#37326;&#24237;AE.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A:\&#22580;&#20869;&#25972;&#20633;&#32076;&#36027;&#35336;&#31639;.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E:\&#20316;&#26989;&#28168;&#29289;&#20214;\&#36870;&#20117;\Fukumain.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Takigahira\&#20849;&#26377;\&#12524;&#12483;&#12484;&#12494;&#12540;&#12488;&#65315;&#12489;&#12521;&#12452;&#12502;\&#27744;&#30000;\&#27738;&#27877;\&#65396;&#65400;&#65406;&#65433;311\Fukumain.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E:\bak\Fukumain.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g0da71\g0sa21\&#25216;&#34899;&#26412;&#37096;\04&#27700;&#36947;&#37096;\&#26087;&#31532;2&#25216;&#34899;&#37096;\03&#35373;&#35336;&#31532;1g\H47101800&#30333;&#23665;&#24066;&#32654;&#24029;&#37197;&#27700;&#27744;\23&#35373;&#35336;&#26360;&#12539;&#20195;&#20385;&#34920;\&#32654;&#24029;&#37197;&#27700;&#27744;&#25913;&#33391;&#24037;&#20107;\&#26032;&#12375;&#12356;&#12501;&#12457;&#12523;&#12480;\&#30333;&#23665;&#24066;\&#24037;&#20107;&#20385;&#26684;&#35336;&#31639;.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B:\&#37329;&#25244;.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7161;&#28310;&#25552;&#20986;&#65295;&#26908;&#35342;&#36039;&#26009;\&#25552;&#20986;&#36039;&#26009;.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Yamaguchi\c\&#19978;&#27700;E&#37096;\&#22823;&#38442;&#25216;&#34899;&#35506;\&#37096;&#38272;&#20869;&#38480;\YH&#12469;&#12540;&#12496;&#12288;RW\&#25216;&#34899;\&#27972;&#27700;&#33180;\&#29289;&#20214;\&#20061;&#24030;\&#26377;&#30000;&#30010;\&#29694;&#35500;&#24460;&#35373;&#35336;\5818&#26377;&#30000;7500&#23481;&#35336;.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Pc03\e\&#12381;&#12398;&#20182;&#65296;&#65301;\&#23665;&#30000;&#24314;&#31689;\&#24799;&#20449;&#12289;&#21517;&#21335;&#24037;\&#24799;&#20449;&#39640;&#26657;\&#24314;&#31689;&#22259;\&#38651;&#27671;&#35373;&#35336;&#26360;.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C:\Users\i96015\AppData\Local\Temp\notes6030C8\SAS&#22338;&#27743;&#27700;&#38272;&#22679;&#35373;\&#26157;&#38651;&#12486;&#12483;&#12463;\&#38651;&#27671;&#25968;&#37327;&#38598;&#35336;&#34920;.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C:\Users\i96015\AppData\Local\Temp\notes6030C8\&#37329;&#20837;&#35373;&#35336;&#26360;&#65288;&#20195;&#20385;&#34920;&#12469;&#12531;&#12503;&#12523;&#65289;.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Mozart\&#35373;&#35336;&#20849;&#26377;\&#65290;EXCEL\&#31309;&#31639;&#26989;&#21209;\&#35373;&#35336;&#20107;&#21209;&#25152;\&#12450;&#12540;&#12484;&#35373;&#35336;\&#33609;&#12398;&#23455;&#20415;&#25152;&#65320;16.8\My%20Documents\HAGA\&#26164;&#23398;&#22290;\My%20Documents\HAGA\&#26494;&#38442;&#31478;&#36650;\&#26494;&#38442;&#31478;&#36650;&#65405;&#65408;&#65437;&#65412;&#65438;&#25913;&#20462;2.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Pc03\e\&#24179;&#37326;\&#24179;&#25104;12&#24180;&#24230;(&#19971;&#21306;&#20998;)\03%20&#24037;&#20107;\&#31309;&#31639;\&#38263;&#23822;&#23567;&#27743;&#12411;&#12363;.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P:\&#12524;&#12483;&#12484;&#12494;&#12540;&#12488;&#65315;&#12489;&#12521;&#12452;&#12502;\&#27744;&#30000;\&#27738;&#27877;\&#65396;&#65400;&#65406;&#65433;311\Fukumain.xls"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Startup" Target="&#27010;&#31639;&#26360;&#21193;&#24375;&#12501;&#12449;&#12452;&#12523;/&#24859;&#39423;&#23534;&#20844;&#20849;&#19979;&#27700;&#36947;&#25509;&#32154;&#24037;&#20107;.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Takigahira\&#20849;&#26377;\&#26032;&#35215;Microsoft%20Excel%20&#12527;&#12540;&#12463;&#12471;&#12540;&#12488;.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Y:\&#12524;&#12483;&#12484;&#12494;&#12540;&#12488;&#65315;&#12489;&#12521;&#12452;&#12502;\&#27744;&#30000;\&#27738;&#27877;\&#65396;&#65400;&#65406;&#65433;311\Fukumain.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E:\Fukumain.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A:\&#24859;&#30693;&#30476;\&#30690;&#20316;&#24029;&#27969;&#22495;\&#30690;&#20316;&#24029;&#27972;&#21270;&#12475;&#12531;&#12479;&#12540;\&#65422;&#65439;&#65437;&#65420;&#65439;&#12289;&#24460;&#27784;&#30476;&#30330;&#27880;\&#30330;&#27880;&#29992;&#36039;&#26009;&#26368;&#32066;&#29256;\&#35373;&#35336;&#26360;\windows\TEMP\&#21407;&#35373;&#35336;&#26360;.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Xa-13-1\e\H11&#38500;&#22645;&#27231;&#35373;&#20633;&#35373;&#35336;&#26360;.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16;&#31461;&#65400;&#65431;&#65420;&#65438;\&#37324;&#30010;&#20816;&#31461;&#65400;&#31649;&#24037;&#20107;(&#26032;&#20869;&#35379;).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Toyoda\neko\&#35079;&#34101;%20v1.2\&#35079;&#21512;&#65403;&#65437;&#65420;&#65439;&#65433;(&#65404;)\Fukumain.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FS\kan\WINDOWS.000\&#65411;&#65438;&#65405;&#65400;&#65412;&#65391;&#65420;&#65439;\&#35336;&#31639;&#26360;&#26360;&#24335;\&#20304;&#26481;BP\2-1-1&#24037;&#21306;\&#26862;&#26412;\&#24179;&#30000;\&#24179;&#30000;.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RA223\&#24179;&#38754;&#22259;\&#19977;&#37070;&#20024;&#32218;.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2823;&#38442;&#26412;&#31038;\&#22235;&#22269;&#22320;&#26041;&#12398;&#29289;&#20214;\&#26576;&#25152;500\030417&#39640;&#30693;&#26576;&#25152;500.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H:\WIN95\&#65411;&#65438;&#65405;&#65400;&#65412;&#65391;&#65420;&#65439;\&#25968;&#37327;&#27096;&#24335;.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Takigahira\&#20849;&#26377;\Fukumain.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G7-600\e&#25968;&#37327;&#35373;&#35336;&#26360;\010&#65306;&#24037;&#20107;&#19968;&#35239;\1330&#65306;&#65301;&#21495;&#12502;&#12525;&#12527;&#27231;&#26800;&#35373;&#20633;&#24037;&#20107;\&#24403;&#21021;&#35373;&#35336;\&#65301;&#21495;&#12502;&#12525;&#12527;&#27231;&#26800;&#35373;&#35336;&#26360;&#37329;&#20837;.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A:\Documents%20and%20Settings\User\My%20Documents\matumoto\&#20304;&#20037;&#23798;&#12288;&#35373;&#35336;\&#26368;&#32066;\02.&#20304;&#20037;&#23798;93&#65381;94&#65381;95&#21495;&#65293;&#20195;&#20385;&#34920;030630.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7161;&#28310;&#25552;&#20986;&#65295;&#26908;&#35342;&#36039;&#26009;\&#23665;&#23713;&#30010;\&#23455;&#35373;&#35336;\&#23481;&#37327;2.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D:\Documents%20and%20Settings\010121\Local%20Settings\Temporary%20Internet%20Files\OLK12\TEMP\CBDIR\1\01&#35373;&#20633;&#25237;&#36039;&#20104;&#31639;\01&#20104;&#31639;&#35201;&#27714;&#38306;&#36899;\03&#65297;&#65305;&#24180;&#24230;\02&#24180;&#21021;&#35201;&#27714;\03&#20027;&#31649;&#22577;&#21578;\&#24037;&#21209;&#37096;\&#20449;&#36890;&#35506;\TEMP\CBDIR\1\&#35373;&#20633;&#25237;&#36039;&#20104;&#31639;\16&#26089;&#26399;&#35201;&#27714;&#12539;&#35336;&#30011;\14&#24180;&#24230;&#26089;&#26399;\&#25237;&#36039;&#25552;&#20986;&#36039;&#26009;\&#35201;&#27714;&#35519;&#26360;\&#35519;&#26360;&#9314;-2\13-1&#65288;&#21029;&#34920;&#31532;&#65300;&#65289;&#26481;&#28023;&#36947;&#32218;&#20057;&#39640;&#24107;&#36947;&#27211;&#12426;&#12423;&#12358;&#25913;&#33391;.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H:\Fukumain.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g0da75\&#25216;&#34899;&#26412;&#37096;\&#26087;&#31532;2&#25216;&#34899;&#37096;\03&#35373;&#35336;&#31532;1g\H53101620&#26627;&#23614;&#27972;&#27700;&#26045;&#35373;&#26356;&#26032;\07&#25968;&#37327;&#35336;&#31639;&#26360;\01&#26627;&#23614;&#27972;&#27700;&#22580;&#12429;&#36942;&#27744;&#31689;&#36896;&#24037;&#20107;\01&#12429;&#36942;&#27744;&#26847;&#31689;&#36896;\&#65422;&#65394;&#65405;&#65412;&#65434;&#65392;&#65433;&#25968;&#37327;&#12304;&#12363;&#25152;&#27598;&#12305;&#20462;&#27491;150707.xlsx"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Ibm2\d\My%20Documents\&#24179;&#25104;15&#24180;\&#24029;&#21407;&#20013;&#27744;&#35373;&#35336;\&#22823;&#25496;&#20445;&#32946;&#22290;\H14&#35373;&#35336;&#26360;\&#20803;&#20013;&#22830;&#20816;&#31461;&#30456;&#35527;&#25152;\&#38651;&#27671;&#35373;&#35336;&#26360;.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Po-sv\VOL1\&#24179;&#25104;18&#24180;&#24230;\06-24&#26085;&#26412;&#19978;&#19979;-&#21271;&#24195;&#23798;&#30010;&#32048;&#35211;&#37197;&#27700;&#27744;\&#26862;&#26494;&#21463;&#20449;\20061009&#21463;&#20449;\&#24037;&#20107;&#20385;&#26684;&#35336;&#31639;.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Toyoda\neko\&#35079;&#34101;\&#35079;&#21512;&#65403;&#65437;&#65420;&#65439;&#65433;(&#65404;)\bak\Fukumain.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Wssvr041\&#31532;1&#20418;\Documents%20and%20Settings\noro\&#12487;&#12473;&#12463;&#12488;&#12483;&#12503;\&#22269;&#20816;&#23398;&#22290;\&#19977;&#37325;&#30475;&#35703;&#27010;&#31639;.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Pc03\D\&#65320;13&#24037;&#20107;\&#20234;&#33391;&#28246;\excel\&#20234;&#33391;&#28246;&#23724;&#28783;&#21488;&#24037;&#20107;.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Toyoda\neko\bak\Fukumain.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A:\H14&#35373;&#35336;&#26360;\&#20803;&#20013;&#22830;&#20816;&#31461;&#30456;&#35527;&#25152;\&#38651;&#27671;&#35373;&#35336;&#26360;.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A:\windows\TEMP\&#27231;&#26800;\&#35373;&#35336;&#26360;\&#37329;&#25244;&#12365;\1&#27700;&#20966;&#29702;_&#35373;&#35336;&#26360;.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E:\&#35079;&#34101;\&#35079;&#21512;&#65403;&#65437;&#65420;&#65439;&#65433;(&#65404;)\bak\Fukumain.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Takigahira\&#20849;&#26377;\bak\Fukumain.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file:///A:\&#12461;&#12459;&#12511;&#65298;&#65288;&#12461;&#12459;&#65298;&#65289;\&#35373;&#35336;&#26360;\H15&#33073;&#27700;&#27231;&#26847;&#12381;&#12398;&#65298;&#65288;&#37329;&#20837;&#65289;.xl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0061;&#24030;\&#26494;&#23798;&#30010;\&#19978;&#27700;&#25216;&#34899;G\YH&#12469;&#12540;&#12496;&#12487;&#12540;&#12479;\&#25216;&#34899;\&#27972;&#27700;&#33180;\&#29289;&#20214;\&#27161;&#28310;&#25552;&#20986;&#65295;&#26908;&#35342;&#36039;&#26009;\&#25552;&#20986;&#36039;&#26009;.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0061;&#24030;\&#26494;&#23798;&#30010;\&#19978;&#27700;&#25216;&#34899;G\YH&#12469;&#12540;&#12496;&#12487;&#12540;&#12479;\&#25216;&#34899;\&#27972;&#27700;&#33180;\&#29289;&#20214;\&#27161;&#28310;&#25552;&#20986;&#65295;&#26908;&#35342;&#36039;&#26009;\&#23665;&#23713;&#30010;\&#23455;&#35373;&#35336;\&#23481;&#37327;2.XLS"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file:///A:\&#35373;&#35336;&#26360;\My%20Documents\&#22793;&#26356;&#32076;&#36027;.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F:\G&#20849;&#36890;\&#35373;&#35336;&#36039;&#26009;\EXCEL\&#20013;&#20027;\&#24037;&#31243;&#31561;.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ile:///\\Ibm2\d\H14&#35373;&#35336;&#26360;\&#20803;&#20013;&#22830;&#20816;&#31461;&#30456;&#35527;&#25152;\&#38651;&#27671;&#35373;&#35336;&#26360;.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C:\EXCEL_DAT\&#20869;&#35379;&#35336;&#31639;&#26360;\&#21336;&#20385;&#34920;&#12289;&#25490;&#27700;&#26717;&#20195;&#20385;&#34920;.xls"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36795;\DATA%20DRIVE\&#29289;&#20214;&#12487;&#12540;&#12479;\&#20316;&#26989;&#20013;\&#39640;&#37326;&#21475;&#30010;\&#26481;&#37096;&#36865;&#27700;&#31649;&#24067;&#35373;&#24037;&#20107;\&#35373;&#35336;&#26360;\&#39640;&#37326;&#21475;&#35373;&#35336;&#26360;1.xl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Gp6-300\e\&#26085;&#26412;&#19978;&#19979;&#35336;&#31639;&#26360;\01.02.&#20154;&#24037;&#38598;&#35336;&#34920;,&#27231;&#22120;&#31561;&#25454;&#20184;&#24037;.xls" TargetMode="External"/></Relationships>
</file>

<file path=xl/externalLinks/_rels/externalLink64.xml.rels><?xml version="1.0" encoding="UTF-8" standalone="yes"?>
<Relationships xmlns="http://schemas.openxmlformats.org/package/2006/relationships"><Relationship Id="rId1" Type="http://schemas.openxmlformats.org/officeDocument/2006/relationships/externalLinkPath" Target="file:///A:\My%20Documents\&#24179;&#25104;15&#24180;\&#24029;&#21407;&#20013;&#27744;&#35373;&#35336;\&#22823;&#25496;&#20445;&#32946;&#22290;\H14&#35373;&#35336;&#26360;\&#20803;&#20013;&#22830;&#20816;&#31461;&#30456;&#35527;&#25152;\&#38651;&#27671;&#35373;&#35336;&#26360;.xls"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44-&#25104;&#26524;\&#30476;&#27700;44-0629&#27700;&#36074;&#12475;&#12531;&#12479;&#12540;P\&#30330;&#27880;&#12487;&#12540;&#12479;\&#27231;&#26800;&#30330;&#27880;\&#27231;&#26800;&#35373;&#20633;&#35373;&#35336;&#26360;\&#65297;&#12288;&#21152;&#21476;\&#12456;&#12463;&#12475;&#12523;\&#35199;&#25773;&#30952;&#24193;&#33294;&#38306;&#20418;\&#20195;&#20385;&#12289;&#35079;&#21512;&#21336;&#20385;\&#25644;&#20837;&#25454;&#20184;.xls"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file:///\\FS\kan\&#23567;&#26494;&#24066;\&#25552;&#20986;&#29992;\&#21335;&#37096;&#65328;&#65331;\&#21335;&#37096;&#35373;&#35336;&#26360;.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44;&#22290;&#65412;&#65394;&#65434;\&#26716;&#30010;&#25913;&#31689;&#31354;&#35519;&#24037;&#20107;(&#26032;&#20869;&#35379;)&#25511;&#12360;.xls"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1.xls"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G&#20849;&#36890;/&#35373;&#35336;&#36039;&#26009;/EXCEL/&#20013;&#20027;/&#24037;&#31243;&#31561;.XLS"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26032;&#20869;&#35379;)&#25511;&#12360;.xls"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H:\CAD&#22259;&#38754;.&#24314;&#20303;&#65288;&#35373;&#35336;&#26360;&#21547;&#65289;\CAD&#22259;&#38754;&#21450;&#12403;&#35373;&#35336;&#26360;\05&#25945;&#32946;&#25991;&#21270;&#37096;\&#23567;&#23398;&#26657;\10.&#27973;&#37326;&#23567;\&#24179;&#25104;19&#24180;&#21335;&#33294;&#32784;&#38663;&#35036;&#24375;&#24037;&#20107;\&#35373;&#20633;&#35373;&#35336;&#26360;\&#21271;&#26041;&#20013;&#23398;&#26657;&#65400;&#65431;&#65420;&#65438;&#65418;&#65395;&#65405;&#24314;&#35373;&#12381;&#12398;&#20182;&#34907;&#29983;&#35373;&#20633;&#24037;&#20107;.xls"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file:///\\Pc03\e\WINDOWS\&#65411;&#65438;&#65405;&#65400;&#65412;&#65391;&#65420;&#65439;\&#36100;&#28006;&#28207;&#35199;&#38450;&#27874;&#22564;&#28783;&#21488;&#26032;&#35373;&#24037;&#20107;.xls"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file:///\\FS\kan\&#23567;&#26494;&#24066;\&#25552;&#20986;&#29992;\&#21335;&#37096;&#65328;&#65331;\&#21069;&#24029;&#24037;&#20107;.XLS" TargetMode="External"/></Relationships>
</file>

<file path=xl/externalLinks/_rels/externalLink74.xml.rels><?xml version="1.0" encoding="UTF-8" standalone="yes"?>
<Relationships xmlns="http://schemas.openxmlformats.org/package/2006/relationships"><Relationship Id="rId1" Type="http://schemas.openxmlformats.org/officeDocument/2006/relationships/externalLinkPath" Target="file:///\\Pc04\e\06\&#23665;&#30000;&#35373;&#35336;\&#22269;&#31246;&#23616;\&#31532;&#20108;&#24193;&#33294;\&#65315;&#65316;\&#21442;&#32771;-17&#24180;&#24230;&#35373;&#35336;&#22259;&#65288;&#31309;&#31639;&#21547;&#12416;&#65289;\17-&#38745;&#23713;&#31246;&#21209;&#32626;&#20869;&#37096;&#20107;&#21209;&#19968;&#20803;&#21270;&#31561;&#25913;&#20462;&#24037;&#20107;&#65348;&#65368;&#65350;\&#31309;&#31639;\&#37628;&#26448;&#25342;&#26360;.xls" TargetMode="External"/></Relationships>
</file>

<file path=xl/externalLinks/_rels/externalLink75.xml.rels><?xml version="1.0" encoding="UTF-8" standalone="yes"?>
<Relationships xmlns="http://schemas.openxmlformats.org/package/2006/relationships"><Relationship Id="rId1" Type="http://schemas.openxmlformats.org/officeDocument/2006/relationships/externalLinkPath" Target="file:///\\Takigahira\&#20849;&#26377;\&#12524;&#12483;&#12484;&#12494;&#12540;&#12488;&#65315;&#12489;&#12521;&#12452;&#12502;\&#27744;&#30000;\&#27738;&#27877;\&#65396;&#65400;&#65406;&#65433;311\bak\Fukumain.xls" TargetMode="External"/></Relationships>
</file>

<file path=xl/externalLinks/_rels/externalLink76.xml.rels><?xml version="1.0" encoding="UTF-8" standalone="yes"?>
<Relationships xmlns="http://schemas.openxmlformats.org/package/2006/relationships"><Relationship Id="rId1" Type="http://schemas.openxmlformats.org/officeDocument/2006/relationships/externalLinkPath" Target="file:///L:\&#12456;&#12463;&#12475;&#12523;&#12487;&#12540;&#12479;\&#25918;&#20986;\&#12471;&#12540;&#12488;1_3.xls" TargetMode="External"/></Relationships>
</file>

<file path=xl/externalLinks/_rels/externalLink77.xml.rels><?xml version="1.0" encoding="UTF-8" standalone="yes"?>
<Relationships xmlns="http://schemas.openxmlformats.org/package/2006/relationships"><Relationship Id="rId1" Type="http://schemas.openxmlformats.org/officeDocument/2006/relationships/externalLinkPath" Target="file:///\\File00_kan\project\dataH11\&#30693;&#22810;\11.01\&#30693;&#22810;&#25968;&#37327;.xls" TargetMode="External"/></Relationships>
</file>

<file path=xl/externalLinks/_rels/externalLink78.xml.rels><?xml version="1.0" encoding="UTF-8" standalone="yes"?>
<Relationships xmlns="http://schemas.openxmlformats.org/package/2006/relationships"><Relationship Id="rId1" Type="http://schemas.openxmlformats.org/officeDocument/2006/relationships/externalLinkPath" Target="file:///\\Ls-wtgl9f1\sekkei\WINDOWS\&#65411;&#65438;&#65405;&#65400;&#65412;&#65391;&#65420;&#65439;\&#35373;&#35336;&#26360;990712&#26681;&#25312;&#12354;&#12426;\&#22793;&#26356;&#32076;&#36027;.XLS" TargetMode="External"/></Relationships>
</file>

<file path=xl/externalLinks/_rels/externalLink79.xml.rels><?xml version="1.0" encoding="UTF-8" standalone="yes"?>
<Relationships xmlns="http://schemas.openxmlformats.org/package/2006/relationships"><Relationship Id="rId1" Type="http://schemas.openxmlformats.org/officeDocument/2006/relationships/externalLinkPath" Target="file:///\\OOSAWA\E\data\&#26716;&#20117;\&#65320;14\H143&#31995;&#25925;&#38556;\H143&#31995;&#38651;&#27671;&#25925;&#38556;&#34920;&#31034;.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Wssvr041\&#31532;2&#20418;\My%20Documents\&#31282;&#33865;&#39178;&#35703;&#23398;&#26657;\&#20869;&#35379;&#26360;&#65288;&#26368;&#32066;&#65289;2.xls" TargetMode="External"/></Relationships>
</file>

<file path=xl/externalLinks/_rels/externalLink80.xml.rels><?xml version="1.0" encoding="UTF-8" standalone="yes"?>
<Relationships xmlns="http://schemas.openxmlformats.org/package/2006/relationships"><Relationship Id="rId1" Type="http://schemas.openxmlformats.org/officeDocument/2006/relationships/externalLinkPath" Target="file:///\\Pc03\e\WINDOWS\TEMP\&#22235;&#26085;&#24066;&#26481;&#21335;.xls" TargetMode="External"/></Relationships>
</file>

<file path=xl/externalLinks/_rels/externalLink81.xml.rels><?xml version="1.0" encoding="UTF-8" standalone="yes"?>
<Relationships xmlns="http://schemas.openxmlformats.org/package/2006/relationships"><Relationship Id="rId1" Type="http://schemas.openxmlformats.org/officeDocument/2006/relationships/externalLinkPath" Target="file:///A:\&#21508;&#37096;&#38272;\&#22303;&#26408;\SATO\&#21271;&#24029;&#23611;\&#26908;&#35342;&#26360;\&#37329;&#20837;&#12426;\&#22580;&#20869;&#25972;&#20633;.xls" TargetMode="External"/></Relationships>
</file>

<file path=xl/externalLinks/_rels/externalLink82.xml.rels><?xml version="1.0" encoding="UTF-8" standalone="yes"?>
<Relationships xmlns="http://schemas.openxmlformats.org/package/2006/relationships"><Relationship Id="rId1" Type="http://schemas.openxmlformats.org/officeDocument/2006/relationships/externalLinkPath" Target="file:///H:\Documents%20and%20Settings\00007036\&#12487;&#12473;&#12463;&#12488;&#12483;&#12503;\&#26408;&#26365;&#24029;&#35199;&#32784;&#38663;\&#35211;&#31309;\&#31309;&#31639;&#29992;&#32025;\&#33256;&#31354;&#20844;&#22290;\My%20Documents\&#22823;&#24220;&#20108;&#12484;&#27744;&#20844;&#22290;&#20415;&#25152;\&#22823;&#24220;&#35373;&#35336;&#26360;-&#24314;&#31689;.xls" TargetMode="External"/></Relationships>
</file>

<file path=xl/externalLinks/_rels/externalLink83.xml.rels><?xml version="1.0" encoding="UTF-8" standalone="yes"?>
<Relationships xmlns="http://schemas.openxmlformats.org/package/2006/relationships"><Relationship Id="rId1" Type="http://schemas.openxmlformats.org/officeDocument/2006/relationships/externalLinkPath" Target="file:///\\G0da75\&#25216;&#34899;&#26412;&#37096;\04&#27700;&#36947;&#37096;\&#26087;&#31532;2&#25216;&#34899;&#37096;\03&#35373;&#35336;&#31532;1g\H51102030&#23567;&#30000;&#21407;&#24066;&#39640;&#30000;&#27972;&#27700;&#22580;&#34220;&#27880;&#26045;&#35373;\00&#25104;&#26524;&#21697;\02&#31309;&#31639;&#36039;&#26009;\&#35373;&#35336;&#26360;\02&#23455;&#26045;&#35373;&#35336;&#26360;&#37329;&#20837;.xls" TargetMode="External"/></Relationships>
</file>

<file path=xl/externalLinks/_rels/externalLink84.xml.rels><?xml version="1.0" encoding="UTF-8" standalone="yes"?>
<Relationships xmlns="http://schemas.openxmlformats.org/package/2006/relationships"><Relationship Id="rId1" Type="http://schemas.openxmlformats.org/officeDocument/2006/relationships/externalLinkPath" Target="file:///\\fil-sv3\NAGOYA\&#26087;&#31532;2&#25216;&#34899;&#37096;\03&#35373;&#35336;&#31532;1g\H54101370&#38263;&#23713;&#24066;&#12288;&#22823;&#23798;&#12509;&#12531;&#12503;&#22580;&#27972;&#27700;&#27744;&#31689;&#36896;&#23455;&#26045;&#35373;&#35336;&#26989;&#21209;&#22996;&#35351;\41&#35373;&#35336;&#26360;\01-1&#35373;&#35336;&#26360;(&#26412;&#20307;)&#20462;&#27491;0914.xls" TargetMode="External"/></Relationships>
</file>

<file path=xl/externalLinks/_rels/externalLink85.xml.rels><?xml version="1.0" encoding="UTF-8" standalone="yes"?>
<Relationships xmlns="http://schemas.openxmlformats.org/package/2006/relationships"><Relationship Id="rId1" Type="http://schemas.openxmlformats.org/officeDocument/2006/relationships/externalLinkPath" Target="file:///\\FS\kan\1&#37096;\1&#37096;&#27700;&#36794;\05Project&#65288;&#29694;&#34892;&#65289;\140-22900%20&#27969;&#26441;&#23455;&#26045;&#65288;&#22633;&#65289;\&#32013;&#21697;171004\&#37772;&#30000;1003&#26368;&#32066;\03&#35336;&#31639;&#26360;051003\&#20132;&#27969;&#12503;&#12521;&#12470;&#38306;&#36899;&#36039;&#26009;\16&#24180;&#24230;&#30330;&#27880;&#36039;&#26009;\&#24179;&#25104;16&#24180;&#24230;&#30330;&#27880;&#31532;2&#22238;&#22793;&#26356;\&#24179;&#25104;16&#24180;&#24230;&#30330;&#27880;&#24314;&#31689;&#20840;&#20307;&#20869;&#35379;&#26360;(&#31532;&#65297;&#22238;&#22793;&#26356;&#65289;.xls" TargetMode="External"/></Relationships>
</file>

<file path=xl/externalLinks/_rels/externalLink86.xml.rels><?xml version="1.0" encoding="UTF-8" standalone="yes"?>
<Relationships xmlns="http://schemas.openxmlformats.org/package/2006/relationships"><Relationship Id="rId1" Type="http://schemas.openxmlformats.org/officeDocument/2006/relationships/externalLinkPath" Target="file:///K:\&#20316;&#26989;&#28168;&#29289;&#20214;\&#36870;&#20117;\Fukumain.xls" TargetMode="External"/></Relationships>
</file>

<file path=xl/externalLinks/_rels/externalLink87.xml.rels><?xml version="1.0" encoding="UTF-8" standalone="yes"?>
<Relationships xmlns="http://schemas.openxmlformats.org/package/2006/relationships"><Relationship Id="rId1" Type="http://schemas.openxmlformats.org/officeDocument/2006/relationships/externalLinkPath" Target="file:///\\NTSVR1\CSEnet\&#21508;&#37096;&#38272;\&#27700;&#36947;\kazu\&#23546;&#20117;&#30010;\&#24179;&#25104;10%20&#28271;&#35895;&#22320;&#21306;(&#12381;&#12398;&#65298;&#65289;\&#28271;&#12494;&#35895;&#20195;&#20385;.xls" TargetMode="External"/></Relationships>
</file>

<file path=xl/externalLinks/_rels/externalLink88.xml.rels><?xml version="1.0" encoding="UTF-8" standalone="yes"?>
<Relationships xmlns="http://schemas.openxmlformats.org/package/2006/relationships"><Relationship Id="rId1" Type="http://schemas.openxmlformats.org/officeDocument/2006/relationships/externalLinkPath" Target="file:///\\Server\Group_1\&#31309;&#31639;\&#33615;&#21407;&#35069;&#20316;&#25152;\2001&#24180;&#24230;\&#21644;&#30333;&#19979;&#27700;&#20966;&#29702;&#22580;\&#25968;&#37327;&#35336;&#31639;&#26360;\&#27738;&#27877;&#33073;&#27700;&#35373;&#20633;\&#65297;-01&#31995;&#32066;&#27784;&#26356;&#26032;.xls" TargetMode="External"/></Relationships>
</file>

<file path=xl/externalLinks/_rels/externalLink89.xml.rels><?xml version="1.0" encoding="UTF-8" standalone="yes"?>
<Relationships xmlns="http://schemas.openxmlformats.org/package/2006/relationships"><Relationship Id="rId1" Type="http://schemas.openxmlformats.org/officeDocument/2006/relationships/externalLinkPath" Target="file:///\\E846670\&#20849;&#26377;&#20316;&#26989;&#20013;\Documents%20and%20Settings\&#21069;&#24029;&#24314;&#31689;&#35373;&#35336;&#20107;&#21209;&#25152;\&#12487;&#12473;&#12463;&#12488;&#12483;&#12503;\&#26989;&#21209;\&#26032;&#30010;&#23567;&#23398;&#26657;&#32784;&#38663;&#35036;&#24375;\&#19968;&#27425;&#25104;&#26524;&#21697;&#12288;&#65320;17.9\&#21335;&#23798;&#30010;&#31435;&#21513;&#27941;&#23567;&#23398;&#26657;&#23627;&#20869;&#36939;&#21205;&#22580;\&#65320;13&#21335;&#37326;&#23567;&#38598;&#33853;\&#35373;&#35336;&#26360;\&#32102;&#25490;&#12288;&#20869;&#35379;&#26360;.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G:\&#27700;&#36234;\&#23398;&#26657;&#24314;&#31689;G&#25285;&#24403;&#21942;&#32341;&#24037;&#20107;&#26045;&#24037;&#20381;&#38972;&#19968;&#35239;&#34920;(&#22519;&#34892;&#35336;&#30011;&#34920;&#65289;%20(2).xls" TargetMode="External"/></Relationships>
</file>

<file path=xl/externalLinks/_rels/externalLink90.xml.rels><?xml version="1.0" encoding="UTF-8" standalone="yes"?>
<Relationships xmlns="http://schemas.openxmlformats.org/package/2006/relationships"><Relationship Id="rId1" Type="http://schemas.openxmlformats.org/officeDocument/2006/relationships/externalLinkPath" Target="/&#65320;&#65305;&#26360;&#39006;/&#31309;&#31639;/&#39321;&#20303;&#21271;&#29305;&#20462;&#31309;&#31639;.xls" TargetMode="External"/></Relationships>
</file>

<file path=xl/externalLinks/_rels/externalLink91.xml.rels><?xml version="1.0" encoding="UTF-8" standalone="yes"?>
<Relationships xmlns="http://schemas.openxmlformats.org/package/2006/relationships"><Relationship Id="rId1" Type="http://schemas.openxmlformats.org/officeDocument/2006/relationships/externalLinkPath" Target="file:///C:\&#27231;&#26800;&#35373;&#20633;&#21336;&#20385;&#34920;\H22&#27231;&#26800;&#21336;&#20385;\C&#34907;&#29983;&#22120;&#20855;&#35373;&#20633;2010&#23436;&#25104;.xls" TargetMode="External"/></Relationships>
</file>

<file path=xl/externalLinks/_rels/externalLink92.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B&#26032;&#35373;&#23567;&#23398;&#26657;&#31649;&#24037;&#20107;(&#26032;&#20869;&#35379;)&#25511;&#12360;.xls" TargetMode="External"/></Relationships>
</file>

<file path=xl/externalLinks/_rels/externalLink93.xml.rels><?xml version="1.0" encoding="UTF-8" standalone="yes"?>
<Relationships xmlns="http://schemas.openxmlformats.org/package/2006/relationships"><Relationship Id="rId1" Type="http://schemas.openxmlformats.org/officeDocument/2006/relationships/externalLinkPath" Target="file:///\\Ls-wtgl9f1\sekkei\Documents%20and%20Settings\010752\&#12487;&#12473;&#12463;&#12488;&#12483;&#12503;\&#20849;&#36890;&#36027;&#65288;&#36196;&#22806;&#32218;&#35036;&#32884;&#12471;&#12473;&#12486;&#12512;&#65289;\10&#22823;&#23665;&#30000;&#22320;&#21306;&#65406;&#65437;&#65408;&#65392;&#21463;&#38651;&#25913;&#20462;\My%20Documents\&#22793;&#26356;&#32076;&#36027;.XLS" TargetMode="External"/></Relationships>
</file>

<file path=xl/externalLinks/_rels/externalLink94.xml.rels><?xml version="1.0" encoding="UTF-8" standalone="yes"?>
<Relationships xmlns="http://schemas.openxmlformats.org/package/2006/relationships"><Relationship Id="rId1" Type="http://schemas.openxmlformats.org/officeDocument/2006/relationships/externalLinkPath" Target="file:///\\G0da71\g0sa21\&#25216;&#34899;&#26412;&#37096;\04&#27700;&#36947;&#37096;\&#26087;&#31532;2&#25216;&#34899;&#37096;\00&#37096;&#38263;\03&#26045;&#35373;&#37096;&#21332;&#20685;&#26989;&#21209;\&#28369;&#24029;&#24066;\&#22580;&#20869;&#37197;&#31649;&#22259;\&#20840;&#20307;&#24037;&#20107;\&#31309;&#31639;&#26360;\&#20195;&#20385;&#34920;H20&#23500;&#23665;&#30476;&#28369;&#24029;&#24066;200804.xls" TargetMode="External"/></Relationships>
</file>

<file path=xl/externalLinks/_rels/externalLink95.xml.rels><?xml version="1.0" encoding="UTF-8" standalone="yes"?>
<Relationships xmlns="http://schemas.openxmlformats.org/package/2006/relationships"><Relationship Id="rId1" Type="http://schemas.openxmlformats.org/officeDocument/2006/relationships/externalLinkPath" Target="file:///C:\00&#12487;&#12540;&#12479;\02&#24859;&#30693;&#30476;&#27969;&#22495;\&#20116;&#26465;STP\&#38500;&#22645;&#38500;&#30722;&#35373;&#20633;\&#25968;&#37327;\&#27231;&#26800;&#35373;&#35336;&#26360;060420.xls" TargetMode="External"/></Relationships>
</file>

<file path=xl/externalLinks/_rels/externalLink96.xml.rels><?xml version="1.0" encoding="UTF-8" standalone="yes"?>
<Relationships xmlns="http://schemas.openxmlformats.org/package/2006/relationships"><Relationship Id="rId1" Type="http://schemas.openxmlformats.org/officeDocument/2006/relationships/externalLinkPath" Target="file:///E:\KMiyamoto\&#35373;&#35336;&#27096;&#24335;\WINDOWS\&#65411;&#65438;&#65405;&#65400;&#65412;&#65391;&#65420;&#65439;\&#24029;&#35199;\&#33446;&#23627;&#35686;&#23519;\&#36196;&#22806;&#32218;&#35686;&#22577;.XLS" TargetMode="External"/></Relationships>
</file>

<file path=xl/externalLinks/_rels/externalLink97.xml.rels><?xml version="1.0" encoding="UTF-8" standalone="yes"?>
<Relationships xmlns="http://schemas.openxmlformats.org/package/2006/relationships"><Relationship Id="rId1" Type="http://schemas.openxmlformats.org/officeDocument/2006/relationships/externalLinkPath" Target="file:///D:\Documents%20and%20Settings\010121\Local%20Settings\Temporary%20Internet%20Files\OLK12\TEMP\CBDIR\1\01&#35373;&#20633;&#25237;&#36039;&#20104;&#31639;\01&#20104;&#31639;&#35201;&#27714;&#38306;&#36899;\03&#65297;&#65305;&#24180;&#24230;\02&#24180;&#21021;&#35201;&#27714;\03&#20027;&#31649;&#22577;&#21578;\&#24037;&#21209;&#37096;\&#20449;&#36890;&#35506;\TEMP\CBDIR\1\02&#35373;&#20633;&#25237;&#36039;&#20104;&#31639;\01&#20104;&#31639;&#35201;&#27714;&#38306;&#36899;\04&#65297;&#65302;&#24180;&#24230;&#12288;\&#24180;&#21021;&#35201;&#27714;\&#20027;&#31649;&#25351;&#31034;\&#35519;&#26360;&#9314;&#12304;&#21029;&#34920;&#65300;&#12539;&#33258;&#24049;&#36039;&#37329;&#65298;&#31623;&#25152;&#12414;&#12391;.xls" TargetMode="External"/></Relationships>
</file>

<file path=xl/externalLinks/_rels/externalLink98.xml.rels><?xml version="1.0" encoding="UTF-8" standalone="yes"?>
<Relationships xmlns="http://schemas.openxmlformats.org/package/2006/relationships"><Relationship Id="rId1" Type="http://schemas.openxmlformats.org/officeDocument/2006/relationships/externalLinkPath" Target="file:///\\fil-sv3\NAGOYA\&#26087;&#31532;2&#25216;&#34899;&#37096;\03&#35373;&#35336;&#31532;1g\H54101370&#38263;&#23713;&#24066;&#12288;&#22823;&#23798;&#12509;&#12531;&#12503;&#22580;&#27972;&#27700;&#27744;&#31689;&#36896;&#23455;&#26045;&#35373;&#35336;&#26989;&#21209;&#22996;&#35351;\41&#35373;&#35336;&#26360;\02.&#20195;&#20385;@H2510&#21336;&#2038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
      <sheetName val="諸経費計算表"/>
      <sheetName val="Sheet1"/>
      <sheetName val="設計書（鏡）"/>
      <sheetName val="#REF"/>
    </sheetNames>
    <sheetDataSet>
      <sheetData sheetId="0"/>
      <sheetData sheetId="1">
        <row r="2">
          <cell r="A2" t="str">
            <v>/PPR\1~OEOLQQAGR\2~OEOPQQAGQ</v>
          </cell>
        </row>
        <row r="3">
          <cell r="S3" t="str">
            <v>　　　内</v>
          </cell>
          <cell r="T3" t="str">
            <v>　　　　　訳</v>
          </cell>
          <cell r="W3" t="str">
            <v>二次製品</v>
          </cell>
          <cell r="X3" t="str">
            <v>金　　額</v>
          </cell>
        </row>
        <row r="4">
          <cell r="R4">
            <v>1</v>
          </cell>
          <cell r="S4" t="str">
            <v>機械設備</v>
          </cell>
          <cell r="U4" t="str">
            <v>式</v>
          </cell>
          <cell r="V4">
            <v>1</v>
          </cell>
          <cell r="W4">
            <v>229452588</v>
          </cell>
          <cell r="X4">
            <v>246584546</v>
          </cell>
          <cell r="AA4" t="str">
            <v>　</v>
          </cell>
        </row>
        <row r="5">
          <cell r="R5">
            <v>2</v>
          </cell>
          <cell r="S5" t="str">
            <v>電気計装設備</v>
          </cell>
          <cell r="U5" t="str">
            <v>式</v>
          </cell>
          <cell r="V5">
            <v>1</v>
          </cell>
          <cell r="W5">
            <v>521346945</v>
          </cell>
          <cell r="X5">
            <v>576046837</v>
          </cell>
          <cell r="AA5" t="str">
            <v>　</v>
          </cell>
        </row>
        <row r="6">
          <cell r="R6">
            <v>3</v>
          </cell>
          <cell r="S6" t="str">
            <v>土木・建築</v>
          </cell>
          <cell r="U6" t="str">
            <v>式</v>
          </cell>
          <cell r="V6">
            <v>1</v>
          </cell>
          <cell r="W6">
            <v>440974261</v>
          </cell>
          <cell r="X6">
            <v>1260700552</v>
          </cell>
        </row>
        <row r="7">
          <cell r="R7">
            <v>4</v>
          </cell>
          <cell r="Y7" t="str">
            <v>直　工　比　率</v>
          </cell>
        </row>
        <row r="8">
          <cell r="A8" t="str">
            <v>諸経費の算出</v>
          </cell>
          <cell r="C8" t="str">
            <v>　</v>
          </cell>
          <cell r="R8">
            <v>5</v>
          </cell>
          <cell r="Y8" t="str">
            <v>機械</v>
          </cell>
          <cell r="Z8" t="str">
            <v>電気</v>
          </cell>
          <cell r="AA8" t="str">
            <v>土木</v>
          </cell>
        </row>
        <row r="9">
          <cell r="A9" t="str">
            <v>直接工事費</v>
          </cell>
          <cell r="D9">
            <v>2083331935</v>
          </cell>
          <cell r="R9">
            <v>6</v>
          </cell>
          <cell r="Y9">
            <v>0.12</v>
          </cell>
          <cell r="Z9">
            <v>0.28000000000000003</v>
          </cell>
          <cell r="AA9">
            <v>0.61</v>
          </cell>
        </row>
        <row r="10">
          <cell r="C10" t="str">
            <v>二次製品</v>
          </cell>
          <cell r="D10">
            <v>1191773794</v>
          </cell>
          <cell r="E10" t="str">
            <v xml:space="preserve">  支給品</v>
          </cell>
          <cell r="F10">
            <v>0</v>
          </cell>
          <cell r="R10">
            <v>7</v>
          </cell>
        </row>
        <row r="11">
          <cell r="A11" t="str">
            <v>仮設費</v>
          </cell>
          <cell r="B11" t="str">
            <v>積上げ</v>
          </cell>
          <cell r="D11">
            <v>0</v>
          </cell>
          <cell r="R11">
            <v>8</v>
          </cell>
        </row>
        <row r="12">
          <cell r="A12" t="str">
            <v>共通仮設費対象額計</v>
          </cell>
          <cell r="D12">
            <v>2083331935</v>
          </cell>
          <cell r="R12">
            <v>9</v>
          </cell>
        </row>
        <row r="13">
          <cell r="A13" t="str">
            <v>共通仮設費積上げ分</v>
          </cell>
          <cell r="R13">
            <v>10</v>
          </cell>
          <cell r="S13" t="str">
            <v>　</v>
          </cell>
          <cell r="U13" t="str">
            <v>　</v>
          </cell>
        </row>
        <row r="14">
          <cell r="B14" t="str">
            <v>運搬費</v>
          </cell>
          <cell r="D14">
            <v>0</v>
          </cell>
          <cell r="E14" t="str">
            <v>　</v>
          </cell>
          <cell r="S14" t="str">
            <v>　</v>
          </cell>
          <cell r="U14" t="str">
            <v>　</v>
          </cell>
          <cell r="V14" t="str">
            <v>　</v>
          </cell>
          <cell r="X14" t="str">
            <v>　</v>
          </cell>
        </row>
        <row r="15">
          <cell r="B15" t="str">
            <v>安全費</v>
          </cell>
          <cell r="D15">
            <v>0</v>
          </cell>
          <cell r="S15" t="str">
            <v>　</v>
          </cell>
          <cell r="Y15" t="str">
            <v>経　費　分　配</v>
          </cell>
        </row>
        <row r="16">
          <cell r="B16" t="str">
            <v>役務費</v>
          </cell>
          <cell r="D16">
            <v>0</v>
          </cell>
          <cell r="Y16" t="str">
            <v>機械</v>
          </cell>
          <cell r="Z16" t="str">
            <v>電気</v>
          </cell>
          <cell r="AA16" t="str">
            <v>土木</v>
          </cell>
        </row>
        <row r="17">
          <cell r="B17" t="str">
            <v>環境対策費</v>
          </cell>
          <cell r="D17">
            <v>0</v>
          </cell>
          <cell r="S17" t="str">
            <v>直接工事費計</v>
          </cell>
          <cell r="V17" t="str">
            <v>　</v>
          </cell>
          <cell r="W17">
            <v>1191773794</v>
          </cell>
          <cell r="X17">
            <v>2083331935</v>
          </cell>
        </row>
        <row r="18">
          <cell r="A18" t="str">
            <v>工事区分</v>
          </cell>
          <cell r="B18">
            <v>1</v>
          </cell>
          <cell r="D18" t="str">
            <v>開削工事等</v>
          </cell>
          <cell r="T18" t="str">
            <v>運搬費</v>
          </cell>
          <cell r="U18" t="str">
            <v>式</v>
          </cell>
          <cell r="V18">
            <v>1</v>
          </cell>
          <cell r="X18">
            <v>18333321</v>
          </cell>
          <cell r="Y18">
            <v>2199998</v>
          </cell>
          <cell r="Z18">
            <v>5133329</v>
          </cell>
          <cell r="AA18">
            <v>11183325</v>
          </cell>
        </row>
        <row r="19">
          <cell r="B19" t="str">
            <v xml:space="preserve"> </v>
          </cell>
          <cell r="D19" t="str">
            <v xml:space="preserve"> </v>
          </cell>
          <cell r="T19" t="str">
            <v>準備費</v>
          </cell>
          <cell r="U19" t="str">
            <v>〃</v>
          </cell>
          <cell r="V19">
            <v>1</v>
          </cell>
          <cell r="X19">
            <v>7436000</v>
          </cell>
          <cell r="Y19">
            <v>892320</v>
          </cell>
          <cell r="Z19">
            <v>2082080</v>
          </cell>
          <cell r="AA19">
            <v>4535960</v>
          </cell>
        </row>
        <row r="20">
          <cell r="T20" t="str">
            <v>仮設費</v>
          </cell>
          <cell r="U20" t="str">
            <v>〃</v>
          </cell>
          <cell r="V20">
            <v>1</v>
          </cell>
          <cell r="X20">
            <v>0</v>
          </cell>
          <cell r="Y20">
            <v>0</v>
          </cell>
          <cell r="Z20">
            <v>0</v>
          </cell>
          <cell r="AA20">
            <v>0</v>
          </cell>
        </row>
        <row r="21">
          <cell r="A21" t="str">
            <v>共通仮設費</v>
          </cell>
          <cell r="T21" t="str">
            <v>役務費</v>
          </cell>
          <cell r="U21" t="str">
            <v>〃</v>
          </cell>
          <cell r="V21">
            <v>1</v>
          </cell>
          <cell r="X21">
            <v>0</v>
          </cell>
          <cell r="Y21">
            <v>0</v>
          </cell>
          <cell r="Z21">
            <v>0</v>
          </cell>
          <cell r="AA21">
            <v>0</v>
          </cell>
        </row>
        <row r="22">
          <cell r="A22" t="str">
            <v>運搬費</v>
          </cell>
          <cell r="B22" t="str">
            <v>対象額＝直接工事費＝</v>
          </cell>
          <cell r="D22">
            <v>2083331935</v>
          </cell>
          <cell r="T22" t="str">
            <v>技術管理費</v>
          </cell>
          <cell r="U22" t="str">
            <v>〃</v>
          </cell>
          <cell r="V22">
            <v>1</v>
          </cell>
          <cell r="X22">
            <v>1000000</v>
          </cell>
          <cell r="Y22">
            <v>120000</v>
          </cell>
          <cell r="Z22">
            <v>280000</v>
          </cell>
          <cell r="AA22">
            <v>610000</v>
          </cell>
        </row>
        <row r="23">
          <cell r="B23" t="str">
            <v>積上げ</v>
          </cell>
          <cell r="E23">
            <v>0</v>
          </cell>
          <cell r="T23" t="str">
            <v>営繕損料</v>
          </cell>
          <cell r="U23" t="str">
            <v>〃</v>
          </cell>
          <cell r="V23">
            <v>1</v>
          </cell>
          <cell r="X23">
            <v>21101012</v>
          </cell>
          <cell r="Y23">
            <v>2532121</v>
          </cell>
          <cell r="Z23">
            <v>5908283</v>
          </cell>
          <cell r="AA23">
            <v>12871617</v>
          </cell>
        </row>
        <row r="24">
          <cell r="A24" t="str">
            <v xml:space="preserve">   運搬費率</v>
          </cell>
          <cell r="B24">
            <v>2083331935</v>
          </cell>
          <cell r="C24" t="str">
            <v>^-0.1828×44.5=</v>
          </cell>
          <cell r="E24">
            <v>0.88</v>
          </cell>
          <cell r="F24" t="str">
            <v>%</v>
          </cell>
          <cell r="T24" t="str">
            <v>安全費</v>
          </cell>
          <cell r="U24" t="str">
            <v>〃</v>
          </cell>
          <cell r="V24">
            <v>1</v>
          </cell>
          <cell r="X24">
            <v>4431212</v>
          </cell>
          <cell r="Y24">
            <v>531745</v>
          </cell>
          <cell r="Z24">
            <v>1240739</v>
          </cell>
          <cell r="AA24">
            <v>2703039</v>
          </cell>
        </row>
        <row r="25">
          <cell r="B25">
            <v>2083331935</v>
          </cell>
          <cell r="C25" t="str">
            <v>× 0.88%=</v>
          </cell>
          <cell r="E25">
            <v>18333321</v>
          </cell>
          <cell r="T25" t="str">
            <v>労務者輸送費</v>
          </cell>
          <cell r="U25" t="str">
            <v>〃</v>
          </cell>
          <cell r="V25">
            <v>1</v>
          </cell>
          <cell r="X25">
            <v>800000</v>
          </cell>
          <cell r="Y25">
            <v>96000</v>
          </cell>
          <cell r="Z25">
            <v>224000</v>
          </cell>
          <cell r="AA25">
            <v>488000</v>
          </cell>
        </row>
        <row r="26">
          <cell r="D26" t="str">
            <v>計</v>
          </cell>
          <cell r="E26">
            <v>18333321</v>
          </cell>
          <cell r="T26" t="str">
            <v>環境対策費</v>
          </cell>
          <cell r="U26" t="str">
            <v>〃</v>
          </cell>
          <cell r="V26">
            <v>1</v>
          </cell>
          <cell r="X26">
            <v>0</v>
          </cell>
          <cell r="Y26">
            <v>0</v>
          </cell>
          <cell r="Z26">
            <v>0</v>
          </cell>
          <cell r="AA26">
            <v>0</v>
          </cell>
        </row>
        <row r="27">
          <cell r="A27" t="str">
            <v>準備費</v>
          </cell>
          <cell r="B27" t="str">
            <v>対象額＝直接工事費＝</v>
          </cell>
          <cell r="D27">
            <v>2083331</v>
          </cell>
          <cell r="E27" t="str">
            <v>千円</v>
          </cell>
          <cell r="S27" t="str">
            <v>共通仮設費計</v>
          </cell>
          <cell r="X27">
            <v>53101545</v>
          </cell>
          <cell r="Y27">
            <v>6372184</v>
          </cell>
          <cell r="Z27">
            <v>14868431</v>
          </cell>
          <cell r="AA27">
            <v>32391941</v>
          </cell>
        </row>
        <row r="28">
          <cell r="B28">
            <v>2083331</v>
          </cell>
          <cell r="C28" t="str">
            <v>×0.0035＋145=</v>
          </cell>
          <cell r="E28">
            <v>7436000</v>
          </cell>
          <cell r="V28" t="str">
            <v>　</v>
          </cell>
          <cell r="X28" t="str">
            <v>　</v>
          </cell>
          <cell r="Y28">
            <v>0</v>
          </cell>
          <cell r="Z28">
            <v>0</v>
          </cell>
          <cell r="AA28">
            <v>0</v>
          </cell>
        </row>
        <row r="29">
          <cell r="A29" t="str">
            <v>仮設費</v>
          </cell>
          <cell r="B29" t="str">
            <v>積上げ</v>
          </cell>
          <cell r="E29">
            <v>0</v>
          </cell>
          <cell r="S29" t="str">
            <v>純工事費</v>
          </cell>
          <cell r="X29">
            <v>2136433480</v>
          </cell>
        </row>
        <row r="30">
          <cell r="A30" t="str">
            <v>役務費</v>
          </cell>
          <cell r="B30" t="str">
            <v>積上げ</v>
          </cell>
          <cell r="E30">
            <v>0</v>
          </cell>
          <cell r="T30" t="str">
            <v>現場管理費</v>
          </cell>
          <cell r="U30" t="str">
            <v>式</v>
          </cell>
          <cell r="V30">
            <v>1</v>
          </cell>
          <cell r="X30">
            <v>115540993</v>
          </cell>
          <cell r="Y30">
            <v>13864919</v>
          </cell>
          <cell r="Z30">
            <v>32351478</v>
          </cell>
          <cell r="AA30">
            <v>70480005</v>
          </cell>
        </row>
        <row r="31">
          <cell r="A31" t="str">
            <v>技術管理費</v>
          </cell>
          <cell r="B31" t="str">
            <v>対象額＝直接工事費＝</v>
          </cell>
          <cell r="D31">
            <v>2083331935</v>
          </cell>
          <cell r="S31" t="str">
            <v>工事原価</v>
          </cell>
          <cell r="X31">
            <v>2251974473</v>
          </cell>
        </row>
        <row r="32">
          <cell r="B32" t="str">
            <v>率計算</v>
          </cell>
          <cell r="C32" t="str">
            <v/>
          </cell>
          <cell r="D32" t="str">
            <v/>
          </cell>
          <cell r="E32">
            <v>1000000</v>
          </cell>
          <cell r="T32" t="str">
            <v>一般管理費</v>
          </cell>
          <cell r="U32" t="str">
            <v>式</v>
          </cell>
          <cell r="V32">
            <v>1</v>
          </cell>
          <cell r="X32">
            <v>258976527</v>
          </cell>
          <cell r="Y32">
            <v>31077183</v>
          </cell>
          <cell r="Z32">
            <v>72513427</v>
          </cell>
          <cell r="AA32">
            <v>157975681</v>
          </cell>
        </row>
        <row r="33">
          <cell r="D33" t="str">
            <v>対象金額計</v>
          </cell>
          <cell r="E33">
            <v>2110101256</v>
          </cell>
          <cell r="S33" t="str">
            <v>　</v>
          </cell>
          <cell r="Y33">
            <v>0</v>
          </cell>
          <cell r="Z33">
            <v>0</v>
          </cell>
          <cell r="AA33">
            <v>0</v>
          </cell>
        </row>
        <row r="34">
          <cell r="A34" t="str">
            <v>営繕損料</v>
          </cell>
          <cell r="B34" t="str">
            <v>率計算</v>
          </cell>
          <cell r="C34">
            <v>2110101256</v>
          </cell>
          <cell r="D34" t="str">
            <v>× 0.010=</v>
          </cell>
          <cell r="E34">
            <v>21101012</v>
          </cell>
          <cell r="F34" t="str">
            <v>採用値</v>
          </cell>
          <cell r="S34" t="str">
            <v>工事価格</v>
          </cell>
          <cell r="V34">
            <v>1</v>
          </cell>
          <cell r="X34">
            <v>2510951000</v>
          </cell>
        </row>
        <row r="35">
          <cell r="B35" t="str">
            <v xml:space="preserve">      限度額</v>
          </cell>
          <cell r="C35">
            <v>30000000</v>
          </cell>
          <cell r="D35" t="str">
            <v>× 0.015=</v>
          </cell>
          <cell r="E35">
            <v>450000</v>
          </cell>
          <cell r="F35" t="str">
            <v/>
          </cell>
          <cell r="Y35">
            <v>0</v>
          </cell>
          <cell r="Z35">
            <v>0</v>
          </cell>
          <cell r="AA35">
            <v>0</v>
          </cell>
        </row>
        <row r="36">
          <cell r="D36" t="str">
            <v>採用金額</v>
          </cell>
          <cell r="E36">
            <v>21101012</v>
          </cell>
          <cell r="S36" t="str">
            <v>消費税相当額</v>
          </cell>
          <cell r="U36" t="str">
            <v>式</v>
          </cell>
          <cell r="X36">
            <v>125547550</v>
          </cell>
        </row>
        <row r="37">
          <cell r="A37" t="str">
            <v>労務者輸送費</v>
          </cell>
          <cell r="B37" t="str">
            <v>率計算</v>
          </cell>
          <cell r="C37">
            <v>100000000</v>
          </cell>
          <cell r="D37" t="str">
            <v>× 0.008=</v>
          </cell>
          <cell r="E37">
            <v>800000</v>
          </cell>
          <cell r="F37" t="str">
            <v/>
          </cell>
        </row>
        <row r="38">
          <cell r="B38" t="str">
            <v xml:space="preserve">      限度額</v>
          </cell>
          <cell r="C38">
            <v>100000000</v>
          </cell>
          <cell r="D38" t="str">
            <v>× 0.008=</v>
          </cell>
          <cell r="E38">
            <v>800000</v>
          </cell>
          <cell r="F38" t="str">
            <v/>
          </cell>
          <cell r="S38" t="str">
            <v>本工事費</v>
          </cell>
          <cell r="X38">
            <v>2636498550</v>
          </cell>
        </row>
        <row r="39">
          <cell r="D39" t="str">
            <v>採用金額</v>
          </cell>
          <cell r="E39">
            <v>800000</v>
          </cell>
        </row>
        <row r="40">
          <cell r="A40" t="str">
            <v>安全費</v>
          </cell>
          <cell r="B40" t="str">
            <v>積上げ</v>
          </cell>
          <cell r="E40">
            <v>0</v>
          </cell>
        </row>
        <row r="41">
          <cell r="B41" t="str">
            <v>率計算</v>
          </cell>
          <cell r="C41">
            <v>2110101256</v>
          </cell>
          <cell r="D41" t="str">
            <v>× 0.0021=</v>
          </cell>
          <cell r="E41">
            <v>4431212</v>
          </cell>
          <cell r="F41" t="str">
            <v>採用値</v>
          </cell>
        </row>
        <row r="42">
          <cell r="B42" t="str">
            <v xml:space="preserve">      限度額</v>
          </cell>
          <cell r="C42">
            <v>500000000</v>
          </cell>
          <cell r="D42" t="str">
            <v>× 0.0021=</v>
          </cell>
          <cell r="E42">
            <v>1050000</v>
          </cell>
          <cell r="F42" t="str">
            <v/>
          </cell>
        </row>
        <row r="43">
          <cell r="D43" t="str">
            <v>採用金額</v>
          </cell>
          <cell r="E43">
            <v>4431212</v>
          </cell>
        </row>
        <row r="44">
          <cell r="A44" t="str">
            <v>環境対策費</v>
          </cell>
          <cell r="B44" t="str">
            <v>積上げ</v>
          </cell>
          <cell r="E44" t="str">
            <v xml:space="preserve"> </v>
          </cell>
        </row>
        <row r="45">
          <cell r="A45" t="str">
            <v xml:space="preserve">   環境対策経費率</v>
          </cell>
          <cell r="B45" t="str">
            <v xml:space="preserve"> </v>
          </cell>
          <cell r="C45" t="str">
            <v xml:space="preserve"> </v>
          </cell>
          <cell r="E45">
            <v>0</v>
          </cell>
          <cell r="F45" t="str">
            <v>%</v>
          </cell>
        </row>
        <row r="46">
          <cell r="B46" t="str">
            <v>　 0.00%</v>
          </cell>
          <cell r="C46" t="str">
            <v>＋ 0.00%=</v>
          </cell>
          <cell r="E46">
            <v>0</v>
          </cell>
          <cell r="F46" t="str">
            <v>%</v>
          </cell>
        </row>
        <row r="47">
          <cell r="B47">
            <v>2083331935</v>
          </cell>
          <cell r="C47" t="str">
            <v>× 0.00%=</v>
          </cell>
          <cell r="E47">
            <v>0</v>
          </cell>
        </row>
        <row r="48">
          <cell r="D48" t="str">
            <v>計</v>
          </cell>
          <cell r="E48">
            <v>0</v>
          </cell>
        </row>
        <row r="49">
          <cell r="A49" t="str">
            <v>共通仮設費計</v>
          </cell>
          <cell r="E49">
            <v>53101545</v>
          </cell>
        </row>
        <row r="50">
          <cell r="A50" t="str">
            <v>純工事費</v>
          </cell>
          <cell r="E50">
            <v>2136433480</v>
          </cell>
        </row>
        <row r="51">
          <cell r="C51" t="str">
            <v>二次製品×1/2</v>
          </cell>
          <cell r="E51">
            <v>-595886897</v>
          </cell>
        </row>
        <row r="52">
          <cell r="D52" t="str">
            <v>対象金額</v>
          </cell>
          <cell r="E52">
            <v>1540546583</v>
          </cell>
        </row>
        <row r="53">
          <cell r="A53" t="str">
            <v>現場管理費</v>
          </cell>
          <cell r="B53" t="str">
            <v>率計算</v>
          </cell>
          <cell r="C53">
            <v>1540546583</v>
          </cell>
          <cell r="D53" t="str">
            <v>× 0.075=</v>
          </cell>
          <cell r="E53">
            <v>115540993</v>
          </cell>
          <cell r="F53" t="str">
            <v>採用値</v>
          </cell>
        </row>
        <row r="54">
          <cell r="B54" t="str">
            <v xml:space="preserve">      限度額</v>
          </cell>
          <cell r="C54">
            <v>100000000</v>
          </cell>
          <cell r="D54" t="str">
            <v>× 0.075=</v>
          </cell>
          <cell r="E54">
            <v>7500000</v>
          </cell>
          <cell r="F54" t="str">
            <v/>
          </cell>
        </row>
        <row r="55">
          <cell r="D55" t="str">
            <v>採用金額</v>
          </cell>
          <cell r="E55">
            <v>115540993</v>
          </cell>
        </row>
        <row r="56">
          <cell r="A56" t="str">
            <v>工事原価</v>
          </cell>
          <cell r="E56">
            <v>2251974473</v>
          </cell>
        </row>
        <row r="57">
          <cell r="A57" t="str">
            <v>一般管理費</v>
          </cell>
          <cell r="B57" t="str">
            <v>率計算</v>
          </cell>
          <cell r="C57">
            <v>2251974473</v>
          </cell>
          <cell r="D57" t="str">
            <v>× 0.115=</v>
          </cell>
          <cell r="E57">
            <v>258977064</v>
          </cell>
          <cell r="F57" t="str">
            <v>採用値</v>
          </cell>
        </row>
        <row r="58">
          <cell r="B58" t="str">
            <v xml:space="preserve">      限度額</v>
          </cell>
          <cell r="C58">
            <v>200000000</v>
          </cell>
          <cell r="D58" t="str">
            <v>× 0.120=</v>
          </cell>
          <cell r="E58">
            <v>24000000</v>
          </cell>
          <cell r="F58" t="str">
            <v/>
          </cell>
        </row>
        <row r="59">
          <cell r="D59" t="str">
            <v>採用金額</v>
          </cell>
          <cell r="E59">
            <v>258977064</v>
          </cell>
        </row>
        <row r="60">
          <cell r="D60" t="str">
            <v>調整金額</v>
          </cell>
          <cell r="E60">
            <v>-537</v>
          </cell>
        </row>
        <row r="61">
          <cell r="D61" t="str">
            <v>計</v>
          </cell>
          <cell r="E61">
            <v>258976527</v>
          </cell>
        </row>
        <row r="62">
          <cell r="A62" t="str">
            <v>工事価格</v>
          </cell>
          <cell r="E62">
            <v>2510951000</v>
          </cell>
        </row>
        <row r="63">
          <cell r="A63" t="str">
            <v>消費税相当額</v>
          </cell>
          <cell r="E63">
            <v>125547550</v>
          </cell>
        </row>
        <row r="64">
          <cell r="A64" t="str">
            <v>本工事費</v>
          </cell>
          <cell r="E64">
            <v>2636498550</v>
          </cell>
        </row>
      </sheetData>
      <sheetData sheetId="2"/>
      <sheetData sheetId="3" refreshError="1"/>
      <sheetData sheetId="4"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
      <sheetName val="ブロック積工"/>
      <sheetName val="車道舗装"/>
      <sheetName val="歩道舗装"/>
      <sheetName val="安全施設"/>
      <sheetName val="区画線"/>
    </sheetNames>
    <sheetDataSet>
      <sheetData sheetId="0"/>
      <sheetData sheetId="1"/>
      <sheetData sheetId="2"/>
      <sheetData sheetId="3"/>
      <sheetData sheetId="4"/>
      <sheetData sheetId="5"/>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Ａ代価 "/>
      <sheetName val="内訳表"/>
      <sheetName val="本工事費内訳表"/>
      <sheetName val="諸経費"/>
      <sheetName val="代価一覧表"/>
    </sheetNames>
    <sheetDataSet>
      <sheetData sheetId="0" refreshError="1">
        <row r="3">
          <cell r="B3" t="str">
            <v>Ａ－１</v>
          </cell>
          <cell r="C3" t="str">
            <v>号 表</v>
          </cell>
          <cell r="E3" t="str">
            <v>場内整備工</v>
          </cell>
          <cell r="H3" t="str">
            <v>１式</v>
          </cell>
          <cell r="I3" t="str">
            <v>当 り 代 価 表</v>
          </cell>
        </row>
        <row r="5">
          <cell r="B5" t="str">
            <v>種　　目</v>
          </cell>
          <cell r="D5" t="str">
            <v>形状、寸法</v>
          </cell>
          <cell r="E5" t="str">
            <v>数　量</v>
          </cell>
          <cell r="F5" t="str">
            <v>単位</v>
          </cell>
          <cell r="G5" t="str">
            <v>単　　価</v>
          </cell>
          <cell r="H5" t="str">
            <v>金　　額</v>
          </cell>
          <cell r="I5" t="str">
            <v>摘　　　　要</v>
          </cell>
        </row>
        <row r="7">
          <cell r="B7" t="str">
            <v>雨水排水工</v>
          </cell>
          <cell r="E7">
            <v>1</v>
          </cell>
          <cell r="F7" t="str">
            <v>式</v>
          </cell>
          <cell r="H7">
            <v>2394182</v>
          </cell>
          <cell r="I7" t="str">
            <v>Ｂ－１</v>
          </cell>
          <cell r="J7" t="str">
            <v>号代価表</v>
          </cell>
        </row>
        <row r="9">
          <cell r="B9" t="str">
            <v>ｲﾝﾀｰﾛｯｷﾝｸﾞ舗装工</v>
          </cell>
          <cell r="E9">
            <v>1</v>
          </cell>
          <cell r="F9" t="str">
            <v>式</v>
          </cell>
          <cell r="H9">
            <v>5007916</v>
          </cell>
          <cell r="I9" t="str">
            <v>Ｂ－２</v>
          </cell>
          <cell r="J9" t="str">
            <v>号代価表</v>
          </cell>
        </row>
        <row r="11">
          <cell r="B11" t="str">
            <v>縁石工</v>
          </cell>
          <cell r="E11">
            <v>1</v>
          </cell>
          <cell r="F11" t="str">
            <v>式</v>
          </cell>
          <cell r="H11">
            <v>372229</v>
          </cell>
          <cell r="I11" t="str">
            <v>Ｂ－３</v>
          </cell>
          <cell r="J11" t="str">
            <v>号代価表</v>
          </cell>
        </row>
        <row r="13">
          <cell r="B13" t="str">
            <v>砕石路盤工</v>
          </cell>
          <cell r="E13">
            <v>1</v>
          </cell>
          <cell r="F13" t="str">
            <v>式</v>
          </cell>
          <cell r="H13">
            <v>286407</v>
          </cell>
          <cell r="I13" t="str">
            <v>Ｂ－４</v>
          </cell>
          <cell r="J13" t="str">
            <v>号代価表</v>
          </cell>
        </row>
        <row r="15">
          <cell r="B15" t="str">
            <v>消雪管布設工</v>
          </cell>
          <cell r="E15">
            <v>1</v>
          </cell>
          <cell r="F15" t="str">
            <v>式</v>
          </cell>
          <cell r="H15">
            <v>1306326</v>
          </cell>
          <cell r="I15" t="str">
            <v>Ｂ－５</v>
          </cell>
          <cell r="J15" t="str">
            <v>号代価表</v>
          </cell>
        </row>
        <row r="17">
          <cell r="B17" t="str">
            <v>　　　  計</v>
          </cell>
          <cell r="H17">
            <v>9367060</v>
          </cell>
        </row>
        <row r="34">
          <cell r="C34" t="str">
            <v>設　計　用　紙</v>
          </cell>
          <cell r="H34" t="str">
            <v>石 川 県 津 幡 町</v>
          </cell>
        </row>
        <row r="35">
          <cell r="C35" t="str">
            <v>号 表</v>
          </cell>
          <cell r="I35" t="str">
            <v>当 り 代 価 表</v>
          </cell>
        </row>
        <row r="36">
          <cell r="B36" t="str">
            <v>種　　目</v>
          </cell>
          <cell r="D36" t="str">
            <v>形状、寸法</v>
          </cell>
          <cell r="E36" t="str">
            <v>数　量</v>
          </cell>
          <cell r="F36" t="str">
            <v>単位</v>
          </cell>
          <cell r="G36" t="str">
            <v>単　　価</v>
          </cell>
          <cell r="H36" t="str">
            <v>金　　額</v>
          </cell>
          <cell r="I36" t="str">
            <v>摘　　　　要</v>
          </cell>
        </row>
      </sheetData>
      <sheetData sheetId="1" refreshError="1"/>
      <sheetData sheetId="2" refreshError="1"/>
      <sheetData sheetId="3" refreshError="1"/>
      <sheetData sheetId="4"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複１"/>
      <sheetName val="１号池"/>
      <sheetName val="電灯設備"/>
      <sheetName val="電話設備"/>
      <sheetName val="屋外灯"/>
      <sheetName val="２号池"/>
      <sheetName val="電灯設備(2)"/>
      <sheetName val="電話設備 (2)"/>
      <sheetName val="単価比較表"/>
      <sheetName val="見積比較表"/>
      <sheetName val="複２"/>
      <sheetName val="複３"/>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経費計算"/>
      <sheetName val="事業費明細書(納品用)"/>
      <sheetName val="運搬費"/>
      <sheetName val="機械運転費"/>
    </sheetNames>
    <sheetDataSet>
      <sheetData sheetId="0"/>
      <sheetData sheetId="1"/>
      <sheetData sheetId="2"/>
      <sheetData sheetId="3"/>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価格計算"/>
    </sheetNames>
    <definedNames>
      <definedName name="Anzen"/>
      <definedName name="AnzenHyouji"/>
      <definedName name="Eizen"/>
      <definedName name="EizenHyouji"/>
      <definedName name="GenbaKanri"/>
      <definedName name="GenbaKanriHyouji"/>
      <definedName name="IppanKanri"/>
      <definedName name="IppanKanriHyouji"/>
      <definedName name="Junbi"/>
      <definedName name="JunbiHyouji"/>
      <definedName name="Unnpan"/>
      <definedName name="Yusou"/>
      <definedName name="YusouHyouji"/>
    </definedNames>
    <sheetDataSet>
      <sheetData sheetId="0"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Ｂ代価 "/>
      <sheetName val="Ｃ代価(1)"/>
      <sheetName val="内訳表"/>
      <sheetName val="本工事費内訳表"/>
      <sheetName val="Ａ代価 "/>
    </sheetNames>
    <sheetDataSet>
      <sheetData sheetId="0"/>
      <sheetData sheetId="1"/>
      <sheetData sheetId="2"/>
      <sheetData sheetId="3"/>
      <sheetData sheetId="4"/>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条件"/>
      <sheetName val="容計"/>
      <sheetName val="Sheet5"/>
    </sheetNames>
    <sheetDataSet>
      <sheetData sheetId="0">
        <row r="8">
          <cell r="C8">
            <v>2</v>
          </cell>
        </row>
        <row r="9">
          <cell r="C9">
            <v>4</v>
          </cell>
        </row>
        <row r="11">
          <cell r="C11">
            <v>48</v>
          </cell>
        </row>
        <row r="14">
          <cell r="C14">
            <v>90.9</v>
          </cell>
        </row>
        <row r="16">
          <cell r="C16">
            <v>5</v>
          </cell>
        </row>
        <row r="21">
          <cell r="C21">
            <v>60</v>
          </cell>
          <cell r="E21">
            <v>16</v>
          </cell>
        </row>
        <row r="23">
          <cell r="C23">
            <v>180</v>
          </cell>
          <cell r="E23">
            <v>8</v>
          </cell>
        </row>
        <row r="24">
          <cell r="C24">
            <v>60</v>
          </cell>
        </row>
      </sheetData>
      <sheetData sheetId="1"/>
      <sheetData sheetId="2"/>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水槽"/>
      <sheetName val="容計（ﾕﾆｯﾄ）"/>
      <sheetName val="薬洗計"/>
      <sheetName val="排水処理計"/>
      <sheetName val="槽内濃度"/>
      <sheetName val="機器ﾘｽﾄ"/>
      <sheetName val="動力ﾘｽﾄ"/>
      <sheetName val="計装ﾘｽﾄ"/>
      <sheetName val="水槽容計"/>
      <sheetName val="容計"/>
      <sheetName val="IC計算"/>
      <sheetName val="建設費提出"/>
      <sheetName val="営業用IC割"/>
      <sheetName val="営業用IC最終"/>
      <sheetName val="１ページ"/>
      <sheetName val="２ページ"/>
      <sheetName val="３ページ"/>
      <sheetName val="提出用水槽容計"/>
      <sheetName val="×　水位作動，警報一覧"/>
    </sheetNames>
    <sheetDataSet>
      <sheetData sheetId="0" refreshError="1"/>
      <sheetData sheetId="1">
        <row r="33">
          <cell r="F33">
            <v>3</v>
          </cell>
        </row>
      </sheetData>
      <sheetData sheetId="2" refreshError="1"/>
      <sheetData sheetId="3"/>
      <sheetData sheetId="4" refreshError="1"/>
      <sheetData sheetId="5"/>
      <sheetData sheetId="6" refreshError="1"/>
      <sheetData sheetId="7" refreshError="1"/>
      <sheetData sheetId="8"/>
      <sheetData sheetId="9" refreshError="1"/>
      <sheetData sheetId="10" refreshError="1"/>
      <sheetData sheetId="11" refreshError="1"/>
      <sheetData sheetId="12" refreshError="1"/>
      <sheetData sheetId="13" refreshError="1"/>
      <sheetData sheetId="14">
        <row r="8">
          <cell r="F8">
            <v>7523</v>
          </cell>
        </row>
        <row r="9">
          <cell r="F9">
            <v>4</v>
          </cell>
        </row>
        <row r="10">
          <cell r="F10">
            <v>7500</v>
          </cell>
        </row>
        <row r="11">
          <cell r="F11">
            <v>24</v>
          </cell>
        </row>
        <row r="41">
          <cell r="J41">
            <v>1020.8</v>
          </cell>
        </row>
        <row r="58">
          <cell r="J58">
            <v>2527.1</v>
          </cell>
        </row>
      </sheetData>
      <sheetData sheetId="15">
        <row r="36">
          <cell r="I36">
            <v>21470</v>
          </cell>
        </row>
      </sheetData>
      <sheetData sheetId="16">
        <row r="9">
          <cell r="L9">
            <v>5416</v>
          </cell>
        </row>
        <row r="16">
          <cell r="G16">
            <v>40</v>
          </cell>
        </row>
        <row r="17">
          <cell r="L17">
            <v>1288</v>
          </cell>
        </row>
        <row r="54">
          <cell r="S54">
            <v>40000</v>
          </cell>
        </row>
        <row r="56">
          <cell r="S56">
            <v>72000</v>
          </cell>
        </row>
        <row r="66">
          <cell r="S66">
            <v>100000</v>
          </cell>
        </row>
        <row r="68">
          <cell r="S68">
            <v>15000</v>
          </cell>
        </row>
      </sheetData>
      <sheetData sheetId="17" refreshError="1"/>
      <sheetData sheetId="18"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動力ｹｰﾌﾞﾙ"/>
      <sheetName val="制御ｹｰﾌﾞﾙ"/>
      <sheetName val="動力電線管"/>
      <sheetName val="制御電線管"/>
      <sheetName val="ｹｰﾌﾞﾙ計"/>
      <sheetName val="電線管計"/>
      <sheetName val="複合"/>
      <sheetName val="機器据付"/>
      <sheetName val="試運転"/>
      <sheetName val="人工集計"/>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総括）"/>
      <sheetName val="本工事費（内訳）"/>
      <sheetName val="明細書"/>
      <sheetName val="代価表一覧"/>
      <sheetName val="代価表"/>
      <sheetName val="単価表一覧"/>
      <sheetName val="単価表"/>
      <sheetName val="数量一覧表"/>
      <sheetName val="一般労務員・機械設備据付工集計表"/>
      <sheetName val="機器据付工"/>
      <sheetName val="鋼製架台集計表"/>
      <sheetName val="鋼製架台計算書"/>
      <sheetName val="複合工集計表"/>
      <sheetName val="複合工計算書"/>
      <sheetName val="鋼管布設及接合工集計表"/>
      <sheetName val="鋼管数量表"/>
      <sheetName val="鋼管内訳"/>
      <sheetName val="塗装面積"/>
      <sheetName val="小配管据付工数"/>
      <sheetName val="配管類集計表"/>
      <sheetName val="小配管弁類材料"/>
      <sheetName val="スケルトン図"/>
      <sheetName val="配線据付工"/>
      <sheetName val="ｹｰﾌﾞﾙ労務"/>
      <sheetName val="電線管労務"/>
      <sheetName val="複合"/>
      <sheetName val="ｹｰﾌﾞﾙ集計"/>
      <sheetName val="電線管集計"/>
      <sheetName val="拾出根拠表 "/>
      <sheetName val="試運転"/>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書"/>
      <sheetName val="代価屋外給水"/>
      <sheetName val="代価屋内給水"/>
      <sheetName val="代価屋外排水"/>
      <sheetName val="代価屋内排水"/>
      <sheetName val="代価衛生器具"/>
      <sheetName val="代価冷暖房"/>
      <sheetName val="代価換気"/>
      <sheetName val="見積比較"/>
      <sheetName val="換気計算"/>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一位代価"/>
      <sheetName val="予定価格内訳"/>
      <sheetName val="工事総括"/>
      <sheetName val="内訳表紙"/>
      <sheetName val="官給品"/>
      <sheetName val="特定材料"/>
      <sheetName val="工程"/>
      <sheetName val="標識別内訳"/>
      <sheetName val="公開様式"/>
      <sheetName val="計算"/>
      <sheetName val="提出書類"/>
      <sheetName val="重量計算"/>
      <sheetName val="再使用品"/>
    </sheetNames>
    <sheetDataSet>
      <sheetData sheetId="0"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灯器</v>
          </cell>
          <cell r="C2" t="str">
            <v>取付</v>
          </cell>
          <cell r="D2" t="str">
            <v>LEDⅤ型</v>
          </cell>
          <cell r="E2" t="str">
            <v>組</v>
          </cell>
          <cell r="F2">
            <v>1</v>
          </cell>
          <cell r="H2">
            <v>95110.399999999994</v>
          </cell>
          <cell r="I2" t="str">
            <v>電通 P2-29</v>
          </cell>
          <cell r="T2">
            <v>10</v>
          </cell>
        </row>
        <row r="3">
          <cell r="C3" t="str">
            <v>灯器台</v>
          </cell>
          <cell r="D3" t="str">
            <v>SUS304</v>
          </cell>
          <cell r="E3" t="str">
            <v>台</v>
          </cell>
          <cell r="F3">
            <v>1</v>
          </cell>
          <cell r="G3">
            <v>70000</v>
          </cell>
          <cell r="H3">
            <v>70000</v>
          </cell>
          <cell r="I3" t="str">
            <v>市価</v>
          </cell>
        </row>
        <row r="4">
          <cell r="C4" t="str">
            <v>ケミカルアンカー</v>
          </cell>
          <cell r="D4" t="str">
            <v>R16</v>
          </cell>
          <cell r="E4" t="str">
            <v>個</v>
          </cell>
          <cell r="F4">
            <v>4</v>
          </cell>
          <cell r="G4">
            <v>475</v>
          </cell>
          <cell r="H4">
            <v>1900</v>
          </cell>
          <cell r="I4" t="str">
            <v>物 P49</v>
          </cell>
        </row>
        <row r="5">
          <cell r="C5" t="str">
            <v>電工</v>
          </cell>
          <cell r="E5" t="str">
            <v>人</v>
          </cell>
          <cell r="F5">
            <v>0.8</v>
          </cell>
          <cell r="G5">
            <v>16700</v>
          </cell>
          <cell r="H5">
            <v>13360</v>
          </cell>
          <cell r="I5" t="str">
            <v>長崎</v>
          </cell>
        </row>
        <row r="6">
          <cell r="C6" t="str">
            <v>普通作業員</v>
          </cell>
          <cell r="E6" t="str">
            <v>人</v>
          </cell>
          <cell r="F6">
            <v>0.5</v>
          </cell>
          <cell r="G6">
            <v>14000</v>
          </cell>
          <cell r="H6">
            <v>7000</v>
          </cell>
          <cell r="I6" t="str">
            <v>長崎</v>
          </cell>
        </row>
        <row r="7">
          <cell r="C7" t="str">
            <v>その他</v>
          </cell>
          <cell r="D7" t="str">
            <v>（労）×１４％</v>
          </cell>
          <cell r="E7" t="str">
            <v>式</v>
          </cell>
          <cell r="F7">
            <v>1</v>
          </cell>
          <cell r="H7">
            <v>2850.4</v>
          </cell>
          <cell r="I7">
            <v>20360</v>
          </cell>
          <cell r="K7" t="str">
            <v>×</v>
          </cell>
          <cell r="L7">
            <v>0.14000000000000001</v>
          </cell>
        </row>
        <row r="9">
          <cell r="A9">
            <v>2</v>
          </cell>
          <cell r="B9" t="str">
            <v>太陽電池架</v>
          </cell>
          <cell r="C9" t="str">
            <v>取付</v>
          </cell>
          <cell r="D9" t="str">
            <v>12V44W</v>
          </cell>
          <cell r="E9" t="str">
            <v>台</v>
          </cell>
          <cell r="F9">
            <v>1</v>
          </cell>
          <cell r="H9">
            <v>104834.54000000001</v>
          </cell>
          <cell r="I9" t="str">
            <v>電通 P2-30</v>
          </cell>
          <cell r="T9">
            <v>10</v>
          </cell>
        </row>
        <row r="10">
          <cell r="C10" t="str">
            <v>太陽電池架台</v>
          </cell>
          <cell r="D10" t="str">
            <v>SUS304</v>
          </cell>
          <cell r="E10" t="str">
            <v>台</v>
          </cell>
          <cell r="F10">
            <v>1</v>
          </cell>
          <cell r="G10">
            <v>77000</v>
          </cell>
          <cell r="H10">
            <v>77000</v>
          </cell>
          <cell r="I10" t="str">
            <v>市価</v>
          </cell>
        </row>
        <row r="11">
          <cell r="C11" t="str">
            <v>ケミカルアンカー</v>
          </cell>
          <cell r="D11" t="str">
            <v>R16</v>
          </cell>
          <cell r="E11" t="str">
            <v>個</v>
          </cell>
          <cell r="F11">
            <v>4</v>
          </cell>
          <cell r="G11">
            <v>475</v>
          </cell>
          <cell r="H11">
            <v>1900</v>
          </cell>
          <cell r="I11" t="str">
            <v>物 P49</v>
          </cell>
        </row>
        <row r="12">
          <cell r="C12" t="str">
            <v>電工</v>
          </cell>
          <cell r="E12" t="str">
            <v>人</v>
          </cell>
          <cell r="F12">
            <v>0.64800000000000002</v>
          </cell>
          <cell r="G12">
            <v>16700</v>
          </cell>
          <cell r="H12">
            <v>10821.6</v>
          </cell>
          <cell r="I12" t="str">
            <v>長崎</v>
          </cell>
          <cell r="J12">
            <v>1.2E-2</v>
          </cell>
          <cell r="K12" t="str">
            <v>×</v>
          </cell>
          <cell r="L12">
            <v>44</v>
          </cell>
          <cell r="M12" t="str">
            <v>＋</v>
          </cell>
          <cell r="N12">
            <v>0.12</v>
          </cell>
        </row>
        <row r="13">
          <cell r="C13" t="str">
            <v>普通作業員</v>
          </cell>
          <cell r="E13" t="str">
            <v>人</v>
          </cell>
          <cell r="F13">
            <v>0.85199999999999998</v>
          </cell>
          <cell r="G13">
            <v>14000</v>
          </cell>
          <cell r="H13">
            <v>11928</v>
          </cell>
          <cell r="I13" t="str">
            <v>長崎</v>
          </cell>
          <cell r="J13">
            <v>2.3E-2</v>
          </cell>
          <cell r="K13" t="str">
            <v>×</v>
          </cell>
          <cell r="L13">
            <v>44</v>
          </cell>
          <cell r="M13" t="str">
            <v>－</v>
          </cell>
          <cell r="N13">
            <v>0.16</v>
          </cell>
        </row>
        <row r="14">
          <cell r="C14" t="str">
            <v>その他</v>
          </cell>
          <cell r="D14" t="str">
            <v>（労）×１４％</v>
          </cell>
          <cell r="E14" t="str">
            <v>式</v>
          </cell>
          <cell r="F14">
            <v>1</v>
          </cell>
          <cell r="H14">
            <v>3184.94</v>
          </cell>
          <cell r="I14">
            <v>22749.599999999999</v>
          </cell>
          <cell r="K14" t="str">
            <v>×</v>
          </cell>
          <cell r="L14">
            <v>0.14000000000000001</v>
          </cell>
        </row>
        <row r="16">
          <cell r="A16">
            <v>3</v>
          </cell>
          <cell r="B16" t="str">
            <v>太陽電池装置用配電盤</v>
          </cell>
          <cell r="C16" t="str">
            <v>取付</v>
          </cell>
          <cell r="E16" t="str">
            <v>台</v>
          </cell>
          <cell r="F16">
            <v>1</v>
          </cell>
          <cell r="H16">
            <v>39232</v>
          </cell>
          <cell r="I16" t="str">
            <v>電通 P2-30</v>
          </cell>
        </row>
        <row r="17">
          <cell r="C17" t="str">
            <v>ホークアンカーボルト</v>
          </cell>
          <cell r="D17" t="str">
            <v>SUS304 B1070</v>
          </cell>
          <cell r="E17" t="str">
            <v>個</v>
          </cell>
          <cell r="F17">
            <v>4</v>
          </cell>
          <cell r="G17">
            <v>289</v>
          </cell>
          <cell r="H17">
            <v>1156</v>
          </cell>
          <cell r="I17" t="str">
            <v>物 P45</v>
          </cell>
        </row>
        <row r="18">
          <cell r="C18" t="str">
            <v>電工</v>
          </cell>
          <cell r="E18" t="str">
            <v>人</v>
          </cell>
          <cell r="F18">
            <v>2</v>
          </cell>
          <cell r="G18">
            <v>16700</v>
          </cell>
          <cell r="H18">
            <v>33400</v>
          </cell>
          <cell r="I18" t="str">
            <v>長崎</v>
          </cell>
        </row>
        <row r="19">
          <cell r="C19" t="str">
            <v>その他</v>
          </cell>
          <cell r="D19" t="str">
            <v>（労）×１４％</v>
          </cell>
          <cell r="E19" t="str">
            <v>式</v>
          </cell>
          <cell r="F19">
            <v>1</v>
          </cell>
          <cell r="H19">
            <v>4676</v>
          </cell>
          <cell r="I19">
            <v>33400</v>
          </cell>
          <cell r="K19" t="str">
            <v>×</v>
          </cell>
          <cell r="L19">
            <v>0.14000000000000001</v>
          </cell>
        </row>
        <row r="25">
          <cell r="A25">
            <v>4</v>
          </cell>
          <cell r="B25" t="str">
            <v>蓄電池</v>
          </cell>
          <cell r="C25" t="str">
            <v>取付</v>
          </cell>
          <cell r="D25" t="str">
            <v>CS-60-6E</v>
          </cell>
          <cell r="E25" t="str">
            <v>式</v>
          </cell>
          <cell r="F25">
            <v>1</v>
          </cell>
          <cell r="H25">
            <v>12459.6</v>
          </cell>
          <cell r="I25" t="str">
            <v>電通 P2-30</v>
          </cell>
        </row>
        <row r="26">
          <cell r="C26" t="str">
            <v>蓄電池転倒防止ベルト</v>
          </cell>
          <cell r="D26" t="str">
            <v>SUS304</v>
          </cell>
          <cell r="E26" t="str">
            <v>個</v>
          </cell>
          <cell r="F26">
            <v>1</v>
          </cell>
          <cell r="G26">
            <v>5000</v>
          </cell>
          <cell r="H26">
            <v>5000</v>
          </cell>
          <cell r="I26" t="str">
            <v>市価</v>
          </cell>
        </row>
        <row r="27">
          <cell r="C27" t="str">
            <v>ホークアンカーボルト</v>
          </cell>
          <cell r="D27" t="str">
            <v>SUS304 B870</v>
          </cell>
          <cell r="E27" t="str">
            <v>個</v>
          </cell>
          <cell r="F27">
            <v>2</v>
          </cell>
          <cell r="G27">
            <v>230</v>
          </cell>
          <cell r="H27">
            <v>460</v>
          </cell>
          <cell r="I27" t="str">
            <v>物 P45</v>
          </cell>
        </row>
        <row r="28">
          <cell r="C28" t="str">
            <v>電工</v>
          </cell>
          <cell r="E28" t="str">
            <v>人</v>
          </cell>
          <cell r="F28">
            <v>0.2</v>
          </cell>
          <cell r="G28">
            <v>16700</v>
          </cell>
          <cell r="H28">
            <v>3340</v>
          </cell>
          <cell r="I28" t="str">
            <v>長崎</v>
          </cell>
          <cell r="J28">
            <v>0.05</v>
          </cell>
          <cell r="K28" t="str">
            <v>×</v>
          </cell>
          <cell r="L28">
            <v>2</v>
          </cell>
          <cell r="M28" t="str">
            <v>×</v>
          </cell>
          <cell r="N28">
            <v>2</v>
          </cell>
          <cell r="O28" t="str">
            <v>個</v>
          </cell>
        </row>
        <row r="29">
          <cell r="C29" t="str">
            <v>普通作業員</v>
          </cell>
          <cell r="E29" t="str">
            <v>人</v>
          </cell>
          <cell r="F29">
            <v>0.2</v>
          </cell>
          <cell r="G29">
            <v>14000</v>
          </cell>
          <cell r="H29">
            <v>2800</v>
          </cell>
          <cell r="I29" t="str">
            <v>長崎</v>
          </cell>
          <cell r="J29">
            <v>0.05</v>
          </cell>
          <cell r="K29" t="str">
            <v>×</v>
          </cell>
          <cell r="L29">
            <v>2</v>
          </cell>
          <cell r="M29" t="str">
            <v>×</v>
          </cell>
          <cell r="N29">
            <v>2</v>
          </cell>
          <cell r="O29" t="str">
            <v>個</v>
          </cell>
        </row>
        <row r="30">
          <cell r="C30" t="str">
            <v>その他</v>
          </cell>
          <cell r="D30" t="str">
            <v>（労）×１４％</v>
          </cell>
          <cell r="E30" t="str">
            <v>式</v>
          </cell>
          <cell r="F30">
            <v>1</v>
          </cell>
          <cell r="H30">
            <v>859.6</v>
          </cell>
          <cell r="I30">
            <v>6140</v>
          </cell>
          <cell r="K30" t="str">
            <v>×</v>
          </cell>
          <cell r="L30">
            <v>0.14000000000000001</v>
          </cell>
        </row>
        <row r="32">
          <cell r="A32">
            <v>5</v>
          </cell>
          <cell r="B32" t="str">
            <v>電線管</v>
          </cell>
          <cell r="C32" t="str">
            <v>取付</v>
          </cell>
          <cell r="D32" t="str">
            <v>HIVE28</v>
          </cell>
          <cell r="E32" t="str">
            <v>ｍ</v>
          </cell>
          <cell r="F32">
            <v>1</v>
          </cell>
          <cell r="H32">
            <v>1738.78</v>
          </cell>
          <cell r="I32" t="str">
            <v>建 P578</v>
          </cell>
        </row>
        <row r="33">
          <cell r="C33" t="str">
            <v>電線管</v>
          </cell>
          <cell r="D33" t="str">
            <v>HIVE28</v>
          </cell>
          <cell r="E33" t="str">
            <v>ｍ</v>
          </cell>
          <cell r="F33">
            <v>1.1000000000000001</v>
          </cell>
          <cell r="G33">
            <v>177.5</v>
          </cell>
          <cell r="H33">
            <v>195.25</v>
          </cell>
          <cell r="I33" t="str">
            <v>積 P515</v>
          </cell>
          <cell r="L33">
            <v>710</v>
          </cell>
          <cell r="M33" t="str">
            <v>÷</v>
          </cell>
          <cell r="N33">
            <v>4</v>
          </cell>
        </row>
        <row r="34">
          <cell r="C34" t="str">
            <v>付属品</v>
          </cell>
          <cell r="D34" t="str">
            <v>（管）×３０％</v>
          </cell>
          <cell r="E34" t="str">
            <v>式</v>
          </cell>
          <cell r="F34">
            <v>1</v>
          </cell>
          <cell r="H34">
            <v>58.57</v>
          </cell>
          <cell r="I34">
            <v>195.25</v>
          </cell>
          <cell r="K34" t="str">
            <v>×</v>
          </cell>
          <cell r="L34">
            <v>0.3</v>
          </cell>
        </row>
        <row r="35">
          <cell r="C35" t="str">
            <v>雑材料</v>
          </cell>
          <cell r="D35" t="str">
            <v>（材）×５％</v>
          </cell>
          <cell r="E35" t="str">
            <v>式</v>
          </cell>
          <cell r="F35">
            <v>1</v>
          </cell>
          <cell r="H35">
            <v>12.69</v>
          </cell>
          <cell r="I35">
            <v>253.82</v>
          </cell>
          <cell r="K35" t="str">
            <v>×</v>
          </cell>
          <cell r="L35">
            <v>0.05</v>
          </cell>
        </row>
        <row r="36">
          <cell r="C36" t="str">
            <v>電工</v>
          </cell>
          <cell r="E36" t="str">
            <v>人</v>
          </cell>
          <cell r="F36">
            <v>7.5999999999999998E-2</v>
          </cell>
          <cell r="G36">
            <v>16700</v>
          </cell>
          <cell r="H36">
            <v>1269.2</v>
          </cell>
          <cell r="I36" t="str">
            <v>長崎</v>
          </cell>
          <cell r="J36">
            <v>6.4000000000000001E-2</v>
          </cell>
          <cell r="K36" t="str">
            <v>×</v>
          </cell>
          <cell r="L36">
            <v>1.2</v>
          </cell>
        </row>
        <row r="37">
          <cell r="C37" t="str">
            <v>その他</v>
          </cell>
          <cell r="D37" t="str">
            <v>（労）×１６％</v>
          </cell>
          <cell r="E37" t="str">
            <v>式</v>
          </cell>
          <cell r="F37">
            <v>1</v>
          </cell>
          <cell r="H37">
            <v>203.07</v>
          </cell>
          <cell r="I37">
            <v>1269.2</v>
          </cell>
          <cell r="K37" t="str">
            <v>×</v>
          </cell>
          <cell r="L37">
            <v>0.16</v>
          </cell>
        </row>
        <row r="39">
          <cell r="A39">
            <v>6</v>
          </cell>
          <cell r="B39" t="str">
            <v>電線管</v>
          </cell>
          <cell r="C39" t="str">
            <v>取付</v>
          </cell>
          <cell r="D39" t="str">
            <v>PF28（２重管）</v>
          </cell>
          <cell r="E39" t="str">
            <v>ｍ</v>
          </cell>
          <cell r="F39">
            <v>1</v>
          </cell>
          <cell r="H39">
            <v>1414.2400000000002</v>
          </cell>
          <cell r="I39" t="str">
            <v>建 P580</v>
          </cell>
        </row>
        <row r="40">
          <cell r="C40" t="str">
            <v>電線管</v>
          </cell>
          <cell r="D40" t="str">
            <v>PF28（２重管）</v>
          </cell>
          <cell r="E40" t="str">
            <v>ｍ</v>
          </cell>
          <cell r="F40">
            <v>1.1000000000000001</v>
          </cell>
          <cell r="G40">
            <v>152</v>
          </cell>
          <cell r="H40">
            <v>167.2</v>
          </cell>
          <cell r="I40" t="str">
            <v>物 P496・積 P516</v>
          </cell>
        </row>
        <row r="41">
          <cell r="C41" t="str">
            <v>付属品</v>
          </cell>
          <cell r="D41" t="str">
            <v>（管）×２５％</v>
          </cell>
          <cell r="E41" t="str">
            <v>式</v>
          </cell>
          <cell r="F41">
            <v>1</v>
          </cell>
          <cell r="H41">
            <v>41.8</v>
          </cell>
          <cell r="I41">
            <v>167.2</v>
          </cell>
          <cell r="K41" t="str">
            <v>×</v>
          </cell>
          <cell r="L41">
            <v>0.25</v>
          </cell>
        </row>
        <row r="42">
          <cell r="C42" t="str">
            <v>雑材料</v>
          </cell>
          <cell r="D42" t="str">
            <v>（材）×２％</v>
          </cell>
          <cell r="E42" t="str">
            <v>式</v>
          </cell>
          <cell r="F42">
            <v>1</v>
          </cell>
          <cell r="H42">
            <v>4.18</v>
          </cell>
          <cell r="I42">
            <v>209</v>
          </cell>
          <cell r="K42" t="str">
            <v>×</v>
          </cell>
          <cell r="L42">
            <v>0.02</v>
          </cell>
        </row>
        <row r="43">
          <cell r="C43" t="str">
            <v>電工</v>
          </cell>
          <cell r="E43" t="str">
            <v>人</v>
          </cell>
          <cell r="F43">
            <v>6.2E-2</v>
          </cell>
          <cell r="G43">
            <v>16700</v>
          </cell>
          <cell r="H43">
            <v>1035.4000000000001</v>
          </cell>
          <cell r="I43" t="str">
            <v>長崎</v>
          </cell>
          <cell r="J43">
            <v>5.1999999999999998E-2</v>
          </cell>
          <cell r="K43" t="str">
            <v>×</v>
          </cell>
          <cell r="L43">
            <v>1.2</v>
          </cell>
        </row>
        <row r="44">
          <cell r="C44" t="str">
            <v>その他</v>
          </cell>
          <cell r="D44" t="str">
            <v>（労）×１６％</v>
          </cell>
          <cell r="E44" t="str">
            <v>式</v>
          </cell>
          <cell r="F44">
            <v>1</v>
          </cell>
          <cell r="H44">
            <v>165.66</v>
          </cell>
          <cell r="I44">
            <v>1035.4000000000001</v>
          </cell>
          <cell r="K44" t="str">
            <v>×</v>
          </cell>
          <cell r="L44">
            <v>0.16</v>
          </cell>
        </row>
        <row r="48">
          <cell r="A48">
            <v>7</v>
          </cell>
          <cell r="B48" t="str">
            <v>電線管</v>
          </cell>
          <cell r="C48" t="str">
            <v>取付</v>
          </cell>
          <cell r="D48" t="str">
            <v>VE22</v>
          </cell>
          <cell r="E48" t="str">
            <v>ｍ</v>
          </cell>
          <cell r="F48">
            <v>1</v>
          </cell>
          <cell r="H48">
            <v>1337.3899999999999</v>
          </cell>
          <cell r="I48" t="str">
            <v>建 P578</v>
          </cell>
        </row>
        <row r="49">
          <cell r="C49" t="str">
            <v>電線管</v>
          </cell>
          <cell r="D49" t="str">
            <v>VE22</v>
          </cell>
          <cell r="E49" t="str">
            <v>ｍ</v>
          </cell>
          <cell r="F49">
            <v>1.1000000000000001</v>
          </cell>
          <cell r="G49">
            <v>65</v>
          </cell>
          <cell r="H49">
            <v>71.5</v>
          </cell>
          <cell r="I49" t="str">
            <v>積 P515</v>
          </cell>
          <cell r="L49">
            <v>260</v>
          </cell>
          <cell r="M49" t="str">
            <v>÷</v>
          </cell>
          <cell r="N49">
            <v>4</v>
          </cell>
        </row>
        <row r="50">
          <cell r="C50" t="str">
            <v>付属品</v>
          </cell>
          <cell r="D50" t="str">
            <v>（管）×３０％</v>
          </cell>
          <cell r="E50" t="str">
            <v>式</v>
          </cell>
          <cell r="F50">
            <v>1</v>
          </cell>
          <cell r="H50">
            <v>21.45</v>
          </cell>
          <cell r="I50">
            <v>71.5</v>
          </cell>
          <cell r="K50" t="str">
            <v>×</v>
          </cell>
          <cell r="L50">
            <v>0.3</v>
          </cell>
        </row>
        <row r="51">
          <cell r="C51" t="str">
            <v>雑材料</v>
          </cell>
          <cell r="D51" t="str">
            <v>（材）×５％</v>
          </cell>
          <cell r="E51" t="str">
            <v>式</v>
          </cell>
          <cell r="F51">
            <v>1</v>
          </cell>
          <cell r="H51">
            <v>4.6399999999999997</v>
          </cell>
          <cell r="I51">
            <v>92.95</v>
          </cell>
          <cell r="K51" t="str">
            <v>×</v>
          </cell>
          <cell r="L51">
            <v>0.05</v>
          </cell>
        </row>
        <row r="52">
          <cell r="C52" t="str">
            <v>電工</v>
          </cell>
          <cell r="E52" t="str">
            <v>人</v>
          </cell>
          <cell r="F52">
            <v>6.4000000000000001E-2</v>
          </cell>
          <cell r="G52">
            <v>16700</v>
          </cell>
          <cell r="H52">
            <v>1068.8</v>
          </cell>
          <cell r="I52" t="str">
            <v>長崎</v>
          </cell>
          <cell r="J52">
            <v>5.3999999999999999E-2</v>
          </cell>
          <cell r="K52" t="str">
            <v>×</v>
          </cell>
          <cell r="L52">
            <v>1.2</v>
          </cell>
        </row>
        <row r="53">
          <cell r="C53" t="str">
            <v>その他</v>
          </cell>
          <cell r="D53" t="str">
            <v>（労）×１６％</v>
          </cell>
          <cell r="E53" t="str">
            <v>式</v>
          </cell>
          <cell r="F53">
            <v>1</v>
          </cell>
          <cell r="H53">
            <v>171</v>
          </cell>
          <cell r="I53">
            <v>1068.8</v>
          </cell>
          <cell r="K53" t="str">
            <v>×</v>
          </cell>
          <cell r="L53">
            <v>0.16</v>
          </cell>
        </row>
        <row r="55">
          <cell r="A55">
            <v>8</v>
          </cell>
          <cell r="B55" t="str">
            <v>電線</v>
          </cell>
          <cell r="C55" t="str">
            <v>取付</v>
          </cell>
          <cell r="D55" t="str">
            <v>VVR5.5sq×2C</v>
          </cell>
          <cell r="E55" t="str">
            <v>ｍ</v>
          </cell>
          <cell r="F55">
            <v>1</v>
          </cell>
          <cell r="H55">
            <v>524.62</v>
          </cell>
          <cell r="I55" t="str">
            <v>建 P206</v>
          </cell>
          <cell r="T55">
            <v>1</v>
          </cell>
        </row>
        <row r="56">
          <cell r="C56" t="str">
            <v>電線</v>
          </cell>
          <cell r="D56" t="str">
            <v>VVR5.5sq×2C</v>
          </cell>
          <cell r="E56" t="str">
            <v>ｍ</v>
          </cell>
          <cell r="F56">
            <v>1.1000000000000001</v>
          </cell>
          <cell r="G56">
            <v>102</v>
          </cell>
          <cell r="H56">
            <v>112.2</v>
          </cell>
          <cell r="I56" t="str">
            <v>積 P481</v>
          </cell>
        </row>
        <row r="57">
          <cell r="C57" t="str">
            <v>雑材料</v>
          </cell>
          <cell r="D57" t="str">
            <v>（材）×５％</v>
          </cell>
          <cell r="E57" t="str">
            <v>式</v>
          </cell>
          <cell r="F57">
            <v>1</v>
          </cell>
          <cell r="H57">
            <v>5.61</v>
          </cell>
          <cell r="I57">
            <v>112.2</v>
          </cell>
          <cell r="K57" t="str">
            <v>×</v>
          </cell>
          <cell r="L57">
            <v>0.05</v>
          </cell>
        </row>
        <row r="58">
          <cell r="C58" t="str">
            <v>電工</v>
          </cell>
          <cell r="E58" t="str">
            <v>人</v>
          </cell>
          <cell r="F58">
            <v>2.1000000000000001E-2</v>
          </cell>
          <cell r="G58">
            <v>16700</v>
          </cell>
          <cell r="H58">
            <v>350.7</v>
          </cell>
          <cell r="I58" t="str">
            <v>長崎</v>
          </cell>
        </row>
        <row r="59">
          <cell r="C59" t="str">
            <v>その他</v>
          </cell>
          <cell r="D59" t="str">
            <v>（労）×１６％</v>
          </cell>
          <cell r="E59" t="str">
            <v>式</v>
          </cell>
          <cell r="F59">
            <v>1</v>
          </cell>
          <cell r="H59">
            <v>56.11</v>
          </cell>
          <cell r="I59">
            <v>350.7</v>
          </cell>
          <cell r="K59" t="str">
            <v>×</v>
          </cell>
          <cell r="L59">
            <v>0.16</v>
          </cell>
        </row>
        <row r="61">
          <cell r="A61">
            <v>9</v>
          </cell>
          <cell r="B61" t="str">
            <v>配管</v>
          </cell>
          <cell r="C61" t="str">
            <v>取付</v>
          </cell>
          <cell r="D61" t="str">
            <v>引込み</v>
          </cell>
          <cell r="E61" t="str">
            <v>式</v>
          </cell>
          <cell r="F61">
            <v>1</v>
          </cell>
          <cell r="H61">
            <v>61767.32</v>
          </cell>
        </row>
        <row r="62">
          <cell r="C62" t="str">
            <v>電線管</v>
          </cell>
          <cell r="D62" t="str">
            <v>HIVE28</v>
          </cell>
          <cell r="E62" t="str">
            <v>ｍ</v>
          </cell>
          <cell r="F62">
            <v>7.5</v>
          </cell>
          <cell r="G62">
            <v>1738.78</v>
          </cell>
          <cell r="H62">
            <v>13040.85</v>
          </cell>
          <cell r="I62" t="str">
            <v>一位代価5</v>
          </cell>
        </row>
        <row r="63">
          <cell r="C63" t="str">
            <v>電線管</v>
          </cell>
          <cell r="D63" t="str">
            <v>PF28（２重管）</v>
          </cell>
          <cell r="E63" t="str">
            <v>ｍ</v>
          </cell>
          <cell r="F63">
            <v>1.2</v>
          </cell>
          <cell r="G63">
            <v>1414.2400000000002</v>
          </cell>
          <cell r="H63">
            <v>1697.08</v>
          </cell>
          <cell r="I63" t="str">
            <v>一位代価6</v>
          </cell>
        </row>
        <row r="64">
          <cell r="C64" t="str">
            <v>電線管</v>
          </cell>
          <cell r="D64" t="str">
            <v>VE22</v>
          </cell>
          <cell r="E64" t="str">
            <v>ｍ</v>
          </cell>
          <cell r="F64">
            <v>1</v>
          </cell>
          <cell r="G64">
            <v>1337.3899999999999</v>
          </cell>
          <cell r="H64">
            <v>1337.39</v>
          </cell>
          <cell r="I64" t="str">
            <v>一位代価7</v>
          </cell>
        </row>
        <row r="65">
          <cell r="C65" t="str">
            <v>エントランスキャップ</v>
          </cell>
          <cell r="D65" t="str">
            <v>HIVE28用</v>
          </cell>
          <cell r="E65" t="str">
            <v>個</v>
          </cell>
          <cell r="F65">
            <v>1</v>
          </cell>
          <cell r="G65">
            <v>372</v>
          </cell>
          <cell r="H65">
            <v>372</v>
          </cell>
          <cell r="I65" t="str">
            <v>積 P519</v>
          </cell>
        </row>
        <row r="66">
          <cell r="C66" t="str">
            <v>ステンレスサドル</v>
          </cell>
          <cell r="D66" t="str">
            <v>SUS304</v>
          </cell>
          <cell r="E66" t="str">
            <v>個</v>
          </cell>
          <cell r="F66">
            <v>22</v>
          </cell>
          <cell r="G66">
            <v>1600</v>
          </cell>
          <cell r="H66">
            <v>35200</v>
          </cell>
          <cell r="I66" t="str">
            <v>市価</v>
          </cell>
        </row>
        <row r="67">
          <cell r="C67" t="str">
            <v>ホークアンカーボルト</v>
          </cell>
          <cell r="D67" t="str">
            <v>SUS304 B870</v>
          </cell>
          <cell r="E67" t="str">
            <v>個</v>
          </cell>
          <cell r="F67">
            <v>44</v>
          </cell>
          <cell r="G67">
            <v>230</v>
          </cell>
          <cell r="H67">
            <v>10120</v>
          </cell>
          <cell r="I67" t="str">
            <v>物 P45</v>
          </cell>
        </row>
        <row r="71">
          <cell r="A71">
            <v>10</v>
          </cell>
          <cell r="B71" t="str">
            <v>機械はつり</v>
          </cell>
          <cell r="D71" t="str">
            <v>50φ×200mm</v>
          </cell>
          <cell r="E71" t="str">
            <v>箇所</v>
          </cell>
          <cell r="F71">
            <v>1</v>
          </cell>
          <cell r="H71">
            <v>6755.84</v>
          </cell>
          <cell r="I71" t="str">
            <v>建 P428</v>
          </cell>
        </row>
        <row r="72">
          <cell r="C72" t="str">
            <v>特殊作業員</v>
          </cell>
          <cell r="E72" t="str">
            <v>人</v>
          </cell>
          <cell r="F72">
            <v>0.32</v>
          </cell>
          <cell r="G72">
            <v>18200</v>
          </cell>
          <cell r="H72">
            <v>5824</v>
          </cell>
          <cell r="I72" t="str">
            <v>長崎</v>
          </cell>
        </row>
        <row r="73">
          <cell r="C73" t="str">
            <v>その他</v>
          </cell>
          <cell r="D73" t="str">
            <v>（労）×１６％</v>
          </cell>
          <cell r="E73" t="str">
            <v>式</v>
          </cell>
          <cell r="F73">
            <v>1</v>
          </cell>
          <cell r="H73">
            <v>931.84</v>
          </cell>
          <cell r="I73">
            <v>5824</v>
          </cell>
          <cell r="K73" t="str">
            <v>×</v>
          </cell>
          <cell r="L73">
            <v>0.16</v>
          </cell>
        </row>
        <row r="75">
          <cell r="A75">
            <v>11</v>
          </cell>
          <cell r="B75" t="str">
            <v>手摺切断</v>
          </cell>
          <cell r="D75" t="str">
            <v>踊り場手摺</v>
          </cell>
          <cell r="E75" t="str">
            <v>式</v>
          </cell>
          <cell r="F75">
            <v>1</v>
          </cell>
          <cell r="H75">
            <v>4063.44</v>
          </cell>
        </row>
        <row r="76">
          <cell r="C76" t="str">
            <v>予備管用フタ</v>
          </cell>
          <cell r="D76" t="str">
            <v>MFB-22C</v>
          </cell>
          <cell r="E76" t="str">
            <v>個</v>
          </cell>
          <cell r="F76">
            <v>4</v>
          </cell>
          <cell r="G76">
            <v>234</v>
          </cell>
          <cell r="H76">
            <v>936</v>
          </cell>
          <cell r="I76" t="str">
            <v>市価</v>
          </cell>
          <cell r="J76">
            <v>260</v>
          </cell>
          <cell r="L76" t="str">
            <v>×</v>
          </cell>
          <cell r="M76">
            <v>0.9</v>
          </cell>
        </row>
        <row r="77">
          <cell r="C77" t="str">
            <v>予備管用フタ</v>
          </cell>
          <cell r="D77" t="str">
            <v>MFB-36C</v>
          </cell>
          <cell r="E77" t="str">
            <v>個</v>
          </cell>
          <cell r="F77">
            <v>2</v>
          </cell>
          <cell r="G77">
            <v>297</v>
          </cell>
          <cell r="H77">
            <v>594</v>
          </cell>
          <cell r="I77" t="str">
            <v>市価</v>
          </cell>
          <cell r="J77">
            <v>330</v>
          </cell>
          <cell r="L77" t="str">
            <v>×</v>
          </cell>
          <cell r="M77">
            <v>0.9</v>
          </cell>
        </row>
        <row r="78">
          <cell r="C78" t="str">
            <v>特殊作業員</v>
          </cell>
          <cell r="E78" t="str">
            <v>人</v>
          </cell>
          <cell r="F78">
            <v>0.12</v>
          </cell>
          <cell r="G78">
            <v>18200</v>
          </cell>
          <cell r="H78">
            <v>2184</v>
          </cell>
          <cell r="I78" t="str">
            <v>長崎</v>
          </cell>
          <cell r="J78">
            <v>0.02</v>
          </cell>
          <cell r="K78" t="str">
            <v>×</v>
          </cell>
          <cell r="L78">
            <v>6</v>
          </cell>
          <cell r="M78" t="str">
            <v>箇所</v>
          </cell>
        </row>
        <row r="79">
          <cell r="C79" t="str">
            <v>その他</v>
          </cell>
          <cell r="D79" t="str">
            <v>（労）×１６％</v>
          </cell>
          <cell r="E79" t="str">
            <v>式</v>
          </cell>
          <cell r="F79">
            <v>1</v>
          </cell>
          <cell r="H79">
            <v>349.44</v>
          </cell>
          <cell r="I79">
            <v>2184</v>
          </cell>
          <cell r="K79" t="str">
            <v>×</v>
          </cell>
          <cell r="L79">
            <v>0.16</v>
          </cell>
        </row>
        <row r="81">
          <cell r="A81">
            <v>12</v>
          </cell>
          <cell r="B81" t="str">
            <v>灯ろう</v>
          </cell>
          <cell r="C81" t="str">
            <v>整備</v>
          </cell>
          <cell r="D81" t="str">
            <v>300ｍｍ</v>
          </cell>
          <cell r="E81" t="str">
            <v>個</v>
          </cell>
          <cell r="F81">
            <v>1</v>
          </cell>
          <cell r="G81">
            <v>207000</v>
          </cell>
          <cell r="H81">
            <v>207000</v>
          </cell>
          <cell r="I81" t="str">
            <v>市価</v>
          </cell>
        </row>
        <row r="83">
          <cell r="A83">
            <v>13</v>
          </cell>
          <cell r="B83" t="str">
            <v>灯ろう・レンズ</v>
          </cell>
          <cell r="C83" t="str">
            <v>取付</v>
          </cell>
          <cell r="D83" t="str">
            <v>300ｍｍ</v>
          </cell>
          <cell r="E83" t="str">
            <v>式</v>
          </cell>
          <cell r="F83">
            <v>1</v>
          </cell>
          <cell r="H83">
            <v>58938</v>
          </cell>
          <cell r="I83" t="str">
            <v>電通 P2-29</v>
          </cell>
          <cell r="T83">
            <v>6</v>
          </cell>
        </row>
        <row r="84">
          <cell r="C84" t="str">
            <v>電工</v>
          </cell>
          <cell r="E84" t="str">
            <v>人</v>
          </cell>
          <cell r="F84">
            <v>1</v>
          </cell>
          <cell r="G84">
            <v>16700</v>
          </cell>
          <cell r="H84">
            <v>16700</v>
          </cell>
          <cell r="I84" t="str">
            <v>長崎</v>
          </cell>
        </row>
        <row r="85">
          <cell r="C85" t="str">
            <v>普通作業員</v>
          </cell>
          <cell r="E85" t="str">
            <v>人</v>
          </cell>
          <cell r="F85">
            <v>2.5</v>
          </cell>
          <cell r="G85">
            <v>14000</v>
          </cell>
          <cell r="H85">
            <v>35000</v>
          </cell>
          <cell r="I85" t="str">
            <v>長崎</v>
          </cell>
        </row>
        <row r="86">
          <cell r="C86" t="str">
            <v>その他</v>
          </cell>
          <cell r="D86" t="str">
            <v>（労）×１４％</v>
          </cell>
          <cell r="E86" t="str">
            <v>式</v>
          </cell>
          <cell r="F86">
            <v>1</v>
          </cell>
          <cell r="H86">
            <v>7238</v>
          </cell>
          <cell r="I86">
            <v>51700</v>
          </cell>
          <cell r="K86" t="str">
            <v>×</v>
          </cell>
          <cell r="L86">
            <v>0.14000000000000001</v>
          </cell>
        </row>
        <row r="88">
          <cell r="A88">
            <v>14</v>
          </cell>
          <cell r="B88" t="str">
            <v>灯ろう台</v>
          </cell>
          <cell r="C88" t="str">
            <v>取付</v>
          </cell>
          <cell r="D88" t="str">
            <v>300ｍｍ</v>
          </cell>
          <cell r="E88" t="str">
            <v>個</v>
          </cell>
          <cell r="F88">
            <v>1</v>
          </cell>
          <cell r="H88">
            <v>198359</v>
          </cell>
          <cell r="I88" t="str">
            <v>電通 P2-29</v>
          </cell>
        </row>
        <row r="89">
          <cell r="C89" t="str">
            <v>灯ろう台</v>
          </cell>
          <cell r="D89" t="str">
            <v>300ｍｍ</v>
          </cell>
          <cell r="E89" t="str">
            <v>個</v>
          </cell>
          <cell r="F89">
            <v>1</v>
          </cell>
          <cell r="G89">
            <v>163000</v>
          </cell>
          <cell r="H89">
            <v>163000</v>
          </cell>
          <cell r="I89" t="str">
            <v>市価</v>
          </cell>
        </row>
        <row r="90">
          <cell r="C90" t="str">
            <v>ケミカルアンカー</v>
          </cell>
          <cell r="D90" t="str">
            <v>R16</v>
          </cell>
          <cell r="E90" t="str">
            <v>個</v>
          </cell>
          <cell r="F90">
            <v>4</v>
          </cell>
          <cell r="G90">
            <v>475</v>
          </cell>
          <cell r="H90">
            <v>1900</v>
          </cell>
          <cell r="I90" t="str">
            <v>物 P49</v>
          </cell>
        </row>
        <row r="91">
          <cell r="C91" t="str">
            <v>電工</v>
          </cell>
          <cell r="E91" t="str">
            <v>人</v>
          </cell>
          <cell r="F91">
            <v>0.5</v>
          </cell>
          <cell r="G91">
            <v>16700</v>
          </cell>
          <cell r="H91">
            <v>8350</v>
          </cell>
          <cell r="I91" t="str">
            <v>長崎</v>
          </cell>
          <cell r="T91">
            <v>6</v>
          </cell>
        </row>
        <row r="92">
          <cell r="C92" t="str">
            <v>普通作業員</v>
          </cell>
          <cell r="E92" t="str">
            <v>人</v>
          </cell>
          <cell r="F92">
            <v>1.5</v>
          </cell>
          <cell r="G92">
            <v>14000</v>
          </cell>
          <cell r="H92">
            <v>21000</v>
          </cell>
          <cell r="I92" t="str">
            <v>長崎</v>
          </cell>
        </row>
        <row r="93">
          <cell r="C93" t="str">
            <v>その他</v>
          </cell>
          <cell r="D93" t="str">
            <v>（労）×１４％</v>
          </cell>
          <cell r="E93" t="str">
            <v>式</v>
          </cell>
          <cell r="F93">
            <v>1</v>
          </cell>
          <cell r="H93">
            <v>4109</v>
          </cell>
          <cell r="I93">
            <v>29350</v>
          </cell>
          <cell r="K93" t="str">
            <v>×</v>
          </cell>
          <cell r="L93">
            <v>0.14000000000000001</v>
          </cell>
        </row>
        <row r="94">
          <cell r="A94">
            <v>15</v>
          </cell>
          <cell r="B94" t="str">
            <v>碍子</v>
          </cell>
          <cell r="C94" t="str">
            <v>取付</v>
          </cell>
          <cell r="D94" t="str">
            <v>低圧引留</v>
          </cell>
          <cell r="E94" t="str">
            <v>個</v>
          </cell>
          <cell r="F94">
            <v>1</v>
          </cell>
          <cell r="H94">
            <v>2076.14</v>
          </cell>
          <cell r="I94" t="str">
            <v>電通 P2-17</v>
          </cell>
        </row>
        <row r="95">
          <cell r="C95" t="str">
            <v>碍子</v>
          </cell>
          <cell r="D95" t="str">
            <v>低圧引留</v>
          </cell>
          <cell r="E95" t="str">
            <v>個</v>
          </cell>
          <cell r="F95">
            <v>1</v>
          </cell>
          <cell r="G95">
            <v>185</v>
          </cell>
          <cell r="H95">
            <v>185</v>
          </cell>
          <cell r="I95" t="str">
            <v>積 P572</v>
          </cell>
        </row>
        <row r="96">
          <cell r="C96" t="str">
            <v>ストラップ</v>
          </cell>
          <cell r="D96" t="str">
            <v>3t×38×280</v>
          </cell>
          <cell r="E96" t="str">
            <v>個</v>
          </cell>
          <cell r="F96">
            <v>2</v>
          </cell>
          <cell r="G96">
            <v>79</v>
          </cell>
          <cell r="H96">
            <v>158</v>
          </cell>
          <cell r="I96" t="str">
            <v>積 P564</v>
          </cell>
        </row>
        <row r="97">
          <cell r="C97" t="str">
            <v>ボルトナット</v>
          </cell>
          <cell r="D97" t="str">
            <v>M16×120</v>
          </cell>
          <cell r="E97" t="str">
            <v>本</v>
          </cell>
          <cell r="F97">
            <v>2</v>
          </cell>
          <cell r="G97">
            <v>166</v>
          </cell>
          <cell r="H97">
            <v>332</v>
          </cell>
          <cell r="I97" t="str">
            <v>物 P553</v>
          </cell>
        </row>
        <row r="98">
          <cell r="C98" t="str">
            <v>コ型金物</v>
          </cell>
          <cell r="D98" t="str">
            <v>碍子金具</v>
          </cell>
          <cell r="E98" t="str">
            <v>個</v>
          </cell>
          <cell r="F98">
            <v>1</v>
          </cell>
          <cell r="G98">
            <v>670</v>
          </cell>
          <cell r="H98">
            <v>670</v>
          </cell>
          <cell r="I98" t="str">
            <v>積 P566</v>
          </cell>
        </row>
        <row r="99">
          <cell r="C99" t="str">
            <v>バインド線</v>
          </cell>
          <cell r="D99" t="str">
            <v>IV1.6φ</v>
          </cell>
          <cell r="E99" t="str">
            <v>ｍ</v>
          </cell>
          <cell r="F99">
            <v>1.8</v>
          </cell>
          <cell r="G99">
            <v>10.5</v>
          </cell>
          <cell r="H99">
            <v>18.899999999999999</v>
          </cell>
          <cell r="I99" t="str">
            <v>物 P466・積 P479</v>
          </cell>
        </row>
        <row r="100">
          <cell r="C100" t="str">
            <v>電工</v>
          </cell>
          <cell r="E100" t="str">
            <v>人</v>
          </cell>
          <cell r="F100">
            <v>0.02</v>
          </cell>
          <cell r="G100">
            <v>16700</v>
          </cell>
          <cell r="H100">
            <v>334</v>
          </cell>
          <cell r="I100" t="str">
            <v>長崎</v>
          </cell>
        </row>
        <row r="101">
          <cell r="C101" t="str">
            <v>普通作業員</v>
          </cell>
          <cell r="E101" t="str">
            <v>人</v>
          </cell>
          <cell r="F101">
            <v>0.02</v>
          </cell>
          <cell r="G101">
            <v>14000</v>
          </cell>
          <cell r="H101">
            <v>280</v>
          </cell>
          <cell r="I101" t="str">
            <v>長崎</v>
          </cell>
        </row>
        <row r="102">
          <cell r="C102" t="str">
            <v>その他</v>
          </cell>
          <cell r="D102" t="str">
            <v>（労）×１６％</v>
          </cell>
          <cell r="E102" t="str">
            <v>式</v>
          </cell>
          <cell r="F102">
            <v>1</v>
          </cell>
          <cell r="H102">
            <v>98.24</v>
          </cell>
          <cell r="I102">
            <v>614</v>
          </cell>
          <cell r="K102" t="str">
            <v>×</v>
          </cell>
          <cell r="L102">
            <v>0.16</v>
          </cell>
        </row>
        <row r="104">
          <cell r="A104">
            <v>16</v>
          </cell>
          <cell r="B104" t="str">
            <v>碍子</v>
          </cell>
          <cell r="C104" t="str">
            <v>取付</v>
          </cell>
          <cell r="D104" t="str">
            <v>低圧引留</v>
          </cell>
          <cell r="E104" t="str">
            <v>個</v>
          </cell>
          <cell r="F104">
            <v>1</v>
          </cell>
          <cell r="H104">
            <v>2219.54</v>
          </cell>
          <cell r="I104" t="str">
            <v>電通 P2-17</v>
          </cell>
        </row>
        <row r="105">
          <cell r="C105" t="str">
            <v>碍子</v>
          </cell>
          <cell r="D105" t="str">
            <v>低圧引留</v>
          </cell>
          <cell r="E105" t="str">
            <v>個</v>
          </cell>
          <cell r="F105">
            <v>1</v>
          </cell>
          <cell r="G105">
            <v>185</v>
          </cell>
          <cell r="H105">
            <v>185</v>
          </cell>
          <cell r="I105" t="str">
            <v>積 P572</v>
          </cell>
        </row>
        <row r="106">
          <cell r="C106" t="str">
            <v>ストラップ</v>
          </cell>
          <cell r="D106" t="str">
            <v>3t×38×280</v>
          </cell>
          <cell r="E106" t="str">
            <v>個</v>
          </cell>
          <cell r="F106">
            <v>2</v>
          </cell>
          <cell r="G106">
            <v>79</v>
          </cell>
          <cell r="H106">
            <v>158</v>
          </cell>
          <cell r="I106" t="str">
            <v>積 P564</v>
          </cell>
        </row>
        <row r="107">
          <cell r="C107" t="str">
            <v>ボルトナット</v>
          </cell>
          <cell r="D107" t="str">
            <v>M16×120</v>
          </cell>
          <cell r="E107" t="str">
            <v>本</v>
          </cell>
          <cell r="F107">
            <v>2</v>
          </cell>
          <cell r="G107">
            <v>166</v>
          </cell>
          <cell r="H107">
            <v>332</v>
          </cell>
          <cell r="I107" t="str">
            <v>物 P553</v>
          </cell>
        </row>
        <row r="108">
          <cell r="C108" t="str">
            <v>ステンレスボルト</v>
          </cell>
          <cell r="D108" t="str">
            <v>M16×50</v>
          </cell>
          <cell r="E108" t="str">
            <v>本</v>
          </cell>
          <cell r="F108">
            <v>1</v>
          </cell>
          <cell r="G108">
            <v>77.400000000000006</v>
          </cell>
          <cell r="H108">
            <v>77.400000000000006</v>
          </cell>
          <cell r="I108" t="str">
            <v>物 P53</v>
          </cell>
        </row>
        <row r="109">
          <cell r="C109" t="str">
            <v>ステンレスナット</v>
          </cell>
          <cell r="D109" t="str">
            <v>M16</v>
          </cell>
          <cell r="E109" t="str">
            <v>個</v>
          </cell>
          <cell r="F109">
            <v>2</v>
          </cell>
          <cell r="G109">
            <v>28.1</v>
          </cell>
          <cell r="H109">
            <v>56.2</v>
          </cell>
          <cell r="I109" t="str">
            <v>積 P53</v>
          </cell>
        </row>
        <row r="110">
          <cell r="C110" t="str">
            <v>ステンレス座金</v>
          </cell>
          <cell r="D110" t="str">
            <v>M16</v>
          </cell>
          <cell r="E110" t="str">
            <v>枚</v>
          </cell>
          <cell r="F110">
            <v>1</v>
          </cell>
          <cell r="G110">
            <v>9.8000000000000007</v>
          </cell>
          <cell r="H110">
            <v>9.8000000000000007</v>
          </cell>
          <cell r="I110" t="str">
            <v>積 P53</v>
          </cell>
        </row>
        <row r="111">
          <cell r="C111" t="str">
            <v>コ型金物</v>
          </cell>
          <cell r="D111" t="str">
            <v>碍子金具</v>
          </cell>
          <cell r="E111" t="str">
            <v>個</v>
          </cell>
          <cell r="F111">
            <v>1</v>
          </cell>
          <cell r="G111">
            <v>670</v>
          </cell>
          <cell r="H111">
            <v>670</v>
          </cell>
          <cell r="I111" t="str">
            <v>積 P566</v>
          </cell>
        </row>
        <row r="112">
          <cell r="C112" t="str">
            <v>バインド線</v>
          </cell>
          <cell r="D112" t="str">
            <v>IV1.6φ</v>
          </cell>
          <cell r="E112" t="str">
            <v>ｍ</v>
          </cell>
          <cell r="F112">
            <v>1.8</v>
          </cell>
          <cell r="G112">
            <v>10.5</v>
          </cell>
          <cell r="H112">
            <v>18.899999999999999</v>
          </cell>
          <cell r="I112" t="str">
            <v>物 P466・積 P479</v>
          </cell>
        </row>
        <row r="113">
          <cell r="C113" t="str">
            <v>電工</v>
          </cell>
          <cell r="E113" t="str">
            <v>人</v>
          </cell>
          <cell r="F113">
            <v>0.02</v>
          </cell>
          <cell r="G113">
            <v>16700</v>
          </cell>
          <cell r="H113">
            <v>334</v>
          </cell>
          <cell r="I113" t="str">
            <v>長崎</v>
          </cell>
        </row>
        <row r="114">
          <cell r="C114" t="str">
            <v>普通作業員</v>
          </cell>
          <cell r="E114" t="str">
            <v>人</v>
          </cell>
          <cell r="F114">
            <v>0.02</v>
          </cell>
          <cell r="G114">
            <v>14000</v>
          </cell>
          <cell r="H114">
            <v>280</v>
          </cell>
          <cell r="I114" t="str">
            <v>長崎</v>
          </cell>
        </row>
        <row r="115">
          <cell r="C115" t="str">
            <v>その他</v>
          </cell>
          <cell r="D115" t="str">
            <v>（労）×１６％</v>
          </cell>
          <cell r="E115" t="str">
            <v>式</v>
          </cell>
          <cell r="F115">
            <v>1</v>
          </cell>
          <cell r="H115">
            <v>98.24</v>
          </cell>
          <cell r="I115">
            <v>614</v>
          </cell>
          <cell r="K115" t="str">
            <v>×</v>
          </cell>
          <cell r="L115">
            <v>0.16</v>
          </cell>
        </row>
        <row r="117">
          <cell r="A117">
            <v>17</v>
          </cell>
          <cell r="B117" t="str">
            <v>電線管</v>
          </cell>
          <cell r="C117" t="str">
            <v>補修</v>
          </cell>
          <cell r="E117" t="str">
            <v>式</v>
          </cell>
          <cell r="F117">
            <v>1</v>
          </cell>
          <cell r="H117">
            <v>794.24</v>
          </cell>
        </row>
        <row r="118">
          <cell r="C118" t="str">
            <v>エントランスキャップ</v>
          </cell>
          <cell r="D118" t="str">
            <v>HIVE28用</v>
          </cell>
          <cell r="E118" t="str">
            <v>個</v>
          </cell>
          <cell r="F118">
            <v>1</v>
          </cell>
          <cell r="G118">
            <v>372</v>
          </cell>
          <cell r="H118">
            <v>372</v>
          </cell>
          <cell r="I118" t="str">
            <v>積 P519</v>
          </cell>
        </row>
        <row r="119">
          <cell r="C119" t="str">
            <v>特殊作業員</v>
          </cell>
          <cell r="E119" t="str">
            <v>人</v>
          </cell>
          <cell r="F119">
            <v>0.02</v>
          </cell>
          <cell r="G119">
            <v>18200</v>
          </cell>
          <cell r="H119">
            <v>364</v>
          </cell>
          <cell r="I119" t="str">
            <v>長崎</v>
          </cell>
          <cell r="X119">
            <v>255</v>
          </cell>
        </row>
        <row r="120">
          <cell r="C120" t="str">
            <v>その他</v>
          </cell>
          <cell r="D120" t="str">
            <v>（労）×１６％</v>
          </cell>
          <cell r="E120" t="str">
            <v>式</v>
          </cell>
          <cell r="F120">
            <v>1</v>
          </cell>
          <cell r="H120">
            <v>58.24</v>
          </cell>
          <cell r="I120">
            <v>364</v>
          </cell>
          <cell r="K120" t="str">
            <v>×</v>
          </cell>
          <cell r="L120">
            <v>0.16</v>
          </cell>
        </row>
        <row r="122">
          <cell r="A122">
            <v>18</v>
          </cell>
          <cell r="B122" t="str">
            <v>架線</v>
          </cell>
          <cell r="C122" t="str">
            <v>弛度調整</v>
          </cell>
          <cell r="D122" t="str">
            <v>OW5.0φ</v>
          </cell>
          <cell r="E122" t="str">
            <v>ｋｍ</v>
          </cell>
          <cell r="F122">
            <v>1</v>
          </cell>
          <cell r="H122">
            <v>141858.72</v>
          </cell>
          <cell r="I122" t="str">
            <v>電通 P2-17</v>
          </cell>
          <cell r="T122">
            <v>10</v>
          </cell>
        </row>
        <row r="123">
          <cell r="C123" t="str">
            <v>電工</v>
          </cell>
          <cell r="E123" t="str">
            <v>人</v>
          </cell>
          <cell r="F123">
            <v>5.16</v>
          </cell>
          <cell r="G123">
            <v>16700</v>
          </cell>
          <cell r="H123">
            <v>86172</v>
          </cell>
          <cell r="I123" t="str">
            <v>長崎</v>
          </cell>
          <cell r="J123">
            <v>8.6</v>
          </cell>
          <cell r="K123" t="str">
            <v>×</v>
          </cell>
          <cell r="L123">
            <v>0.6</v>
          </cell>
        </row>
        <row r="124">
          <cell r="C124" t="str">
            <v>普通作業員</v>
          </cell>
          <cell r="E124" t="str">
            <v>人</v>
          </cell>
          <cell r="F124">
            <v>2.58</v>
          </cell>
          <cell r="G124">
            <v>14000</v>
          </cell>
          <cell r="H124">
            <v>36120</v>
          </cell>
          <cell r="I124" t="str">
            <v>長崎</v>
          </cell>
          <cell r="J124">
            <v>4.3</v>
          </cell>
          <cell r="K124" t="str">
            <v>×</v>
          </cell>
          <cell r="L124">
            <v>0.6</v>
          </cell>
        </row>
        <row r="125">
          <cell r="C125" t="str">
            <v>その他</v>
          </cell>
          <cell r="D125" t="str">
            <v>（労）×１６％</v>
          </cell>
          <cell r="E125" t="str">
            <v>式</v>
          </cell>
          <cell r="F125">
            <v>1</v>
          </cell>
          <cell r="H125">
            <v>19566.72</v>
          </cell>
          <cell r="I125">
            <v>122292</v>
          </cell>
          <cell r="K125" t="str">
            <v>×</v>
          </cell>
          <cell r="L125">
            <v>0.16</v>
          </cell>
        </row>
        <row r="127">
          <cell r="A127">
            <v>19</v>
          </cell>
          <cell r="B127" t="str">
            <v>架線</v>
          </cell>
          <cell r="C127" t="str">
            <v>弛度調整</v>
          </cell>
          <cell r="D127" t="str">
            <v>OW38sq</v>
          </cell>
          <cell r="E127" t="str">
            <v>ｋｍ</v>
          </cell>
          <cell r="F127">
            <v>1</v>
          </cell>
          <cell r="H127">
            <v>184934.16</v>
          </cell>
          <cell r="I127" t="str">
            <v>電通 P2-17</v>
          </cell>
        </row>
        <row r="128">
          <cell r="C128" t="str">
            <v>電工</v>
          </cell>
          <cell r="E128" t="str">
            <v>人</v>
          </cell>
          <cell r="F128">
            <v>6.78</v>
          </cell>
          <cell r="G128">
            <v>16700</v>
          </cell>
          <cell r="H128">
            <v>113226</v>
          </cell>
          <cell r="I128" t="str">
            <v>長崎</v>
          </cell>
          <cell r="J128">
            <v>11.3</v>
          </cell>
          <cell r="K128" t="str">
            <v>×</v>
          </cell>
          <cell r="L128">
            <v>0.6</v>
          </cell>
        </row>
        <row r="129">
          <cell r="C129" t="str">
            <v>普通作業員</v>
          </cell>
          <cell r="E129" t="str">
            <v>人</v>
          </cell>
          <cell r="F129">
            <v>3.3</v>
          </cell>
          <cell r="G129">
            <v>14000</v>
          </cell>
          <cell r="H129">
            <v>46200</v>
          </cell>
          <cell r="I129" t="str">
            <v>長崎</v>
          </cell>
          <cell r="J129">
            <v>5.5</v>
          </cell>
          <cell r="K129" t="str">
            <v>×</v>
          </cell>
          <cell r="L129">
            <v>0.6</v>
          </cell>
        </row>
        <row r="130">
          <cell r="C130" t="str">
            <v>その他</v>
          </cell>
          <cell r="D130" t="str">
            <v>（労）×１６％</v>
          </cell>
          <cell r="E130" t="str">
            <v>式</v>
          </cell>
          <cell r="F130">
            <v>1</v>
          </cell>
          <cell r="H130">
            <v>25508.16</v>
          </cell>
          <cell r="I130">
            <v>159426</v>
          </cell>
          <cell r="K130" t="str">
            <v>×</v>
          </cell>
          <cell r="L130">
            <v>0.16</v>
          </cell>
        </row>
        <row r="132">
          <cell r="A132">
            <v>20</v>
          </cell>
          <cell r="B132" t="str">
            <v>機械はつり</v>
          </cell>
          <cell r="D132" t="str">
            <v>50φ×250mm</v>
          </cell>
          <cell r="E132" t="str">
            <v>箇所</v>
          </cell>
          <cell r="F132">
            <v>1</v>
          </cell>
          <cell r="H132">
            <v>8444.7999999999993</v>
          </cell>
          <cell r="I132" t="str">
            <v>建 P428</v>
          </cell>
        </row>
        <row r="133">
          <cell r="C133" t="str">
            <v>特殊作業員</v>
          </cell>
          <cell r="E133" t="str">
            <v>人</v>
          </cell>
          <cell r="F133">
            <v>0.4</v>
          </cell>
          <cell r="G133">
            <v>18200</v>
          </cell>
          <cell r="H133">
            <v>7280</v>
          </cell>
          <cell r="I133" t="str">
            <v>長崎</v>
          </cell>
        </row>
        <row r="134">
          <cell r="C134" t="str">
            <v>その他</v>
          </cell>
          <cell r="D134" t="str">
            <v>（労）×１６％</v>
          </cell>
          <cell r="E134" t="str">
            <v>式</v>
          </cell>
          <cell r="F134">
            <v>1</v>
          </cell>
          <cell r="H134">
            <v>1164.8</v>
          </cell>
          <cell r="I134">
            <v>7280</v>
          </cell>
          <cell r="K134" t="str">
            <v>×</v>
          </cell>
          <cell r="L134">
            <v>0.16</v>
          </cell>
        </row>
        <row r="140">
          <cell r="A140">
            <v>21</v>
          </cell>
          <cell r="B140" t="str">
            <v>電線</v>
          </cell>
          <cell r="C140" t="str">
            <v>取付</v>
          </cell>
          <cell r="D140" t="str">
            <v>VVR8.0sq×2C</v>
          </cell>
          <cell r="E140" t="str">
            <v>ｍ</v>
          </cell>
          <cell r="F140">
            <v>1</v>
          </cell>
          <cell r="H140">
            <v>592.23</v>
          </cell>
          <cell r="I140" t="str">
            <v>建 P206</v>
          </cell>
          <cell r="T140">
            <v>1</v>
          </cell>
        </row>
        <row r="141">
          <cell r="C141" t="str">
            <v>電線</v>
          </cell>
          <cell r="D141" t="str">
            <v>VVR8.0sq×2C</v>
          </cell>
          <cell r="E141" t="str">
            <v>ｍ</v>
          </cell>
          <cell r="F141">
            <v>1.1000000000000001</v>
          </cell>
          <cell r="G141">
            <v>127</v>
          </cell>
          <cell r="H141">
            <v>139.69999999999999</v>
          </cell>
          <cell r="I141" t="str">
            <v>積 P481</v>
          </cell>
        </row>
        <row r="142">
          <cell r="C142" t="str">
            <v>雑材料</v>
          </cell>
          <cell r="D142" t="str">
            <v>（材）×５％</v>
          </cell>
          <cell r="E142" t="str">
            <v>式</v>
          </cell>
          <cell r="F142">
            <v>1</v>
          </cell>
          <cell r="H142">
            <v>6.98</v>
          </cell>
          <cell r="I142">
            <v>139.69999999999999</v>
          </cell>
          <cell r="K142" t="str">
            <v>×</v>
          </cell>
          <cell r="L142">
            <v>0.05</v>
          </cell>
        </row>
        <row r="143">
          <cell r="C143" t="str">
            <v>電工</v>
          </cell>
          <cell r="E143" t="str">
            <v>人</v>
          </cell>
          <cell r="F143">
            <v>2.3E-2</v>
          </cell>
          <cell r="G143">
            <v>16700</v>
          </cell>
          <cell r="H143">
            <v>384.1</v>
          </cell>
          <cell r="I143" t="str">
            <v>長崎</v>
          </cell>
        </row>
        <row r="144">
          <cell r="C144" t="str">
            <v>その他</v>
          </cell>
          <cell r="D144" t="str">
            <v>（労）×１６％</v>
          </cell>
          <cell r="E144" t="str">
            <v>式</v>
          </cell>
          <cell r="F144">
            <v>1</v>
          </cell>
          <cell r="H144">
            <v>61.45</v>
          </cell>
          <cell r="I144">
            <v>384.1</v>
          </cell>
          <cell r="K144" t="str">
            <v>×</v>
          </cell>
          <cell r="L144">
            <v>0.16</v>
          </cell>
        </row>
        <row r="146">
          <cell r="A146">
            <v>22</v>
          </cell>
          <cell r="B146" t="str">
            <v>配管</v>
          </cell>
          <cell r="C146" t="str">
            <v>取付</v>
          </cell>
          <cell r="D146" t="str">
            <v>引込み</v>
          </cell>
          <cell r="E146" t="str">
            <v>式</v>
          </cell>
          <cell r="F146">
            <v>1</v>
          </cell>
          <cell r="H146">
            <v>48115.63</v>
          </cell>
          <cell r="X146">
            <v>6</v>
          </cell>
          <cell r="Y146">
            <v>21</v>
          </cell>
        </row>
        <row r="147">
          <cell r="C147" t="str">
            <v>電線管</v>
          </cell>
          <cell r="D147" t="str">
            <v>HIVE28</v>
          </cell>
          <cell r="E147" t="str">
            <v>ｍ</v>
          </cell>
          <cell r="F147">
            <v>7</v>
          </cell>
          <cell r="G147">
            <v>1738.78</v>
          </cell>
          <cell r="H147">
            <v>12171.46</v>
          </cell>
          <cell r="I147" t="str">
            <v>一位代価5</v>
          </cell>
          <cell r="Y147">
            <v>892.5</v>
          </cell>
        </row>
        <row r="148">
          <cell r="C148" t="str">
            <v>電線管</v>
          </cell>
          <cell r="D148" t="str">
            <v>VE22</v>
          </cell>
          <cell r="E148" t="str">
            <v>ｍ</v>
          </cell>
          <cell r="F148">
            <v>3</v>
          </cell>
          <cell r="G148">
            <v>1337.3899999999999</v>
          </cell>
          <cell r="H148">
            <v>4012.17</v>
          </cell>
          <cell r="I148" t="str">
            <v>一位代価7</v>
          </cell>
          <cell r="X148">
            <v>255</v>
          </cell>
        </row>
        <row r="149">
          <cell r="C149" t="str">
            <v>エントランスキャップ</v>
          </cell>
          <cell r="D149" t="str">
            <v>HIVE28用</v>
          </cell>
          <cell r="E149" t="str">
            <v>個</v>
          </cell>
          <cell r="F149">
            <v>1</v>
          </cell>
          <cell r="G149">
            <v>372</v>
          </cell>
          <cell r="H149">
            <v>372</v>
          </cell>
          <cell r="I149" t="str">
            <v>積 P519</v>
          </cell>
        </row>
        <row r="150">
          <cell r="C150" t="str">
            <v>ステンレスサドル</v>
          </cell>
          <cell r="D150" t="str">
            <v>SUS304</v>
          </cell>
          <cell r="E150" t="str">
            <v>個</v>
          </cell>
          <cell r="F150">
            <v>15</v>
          </cell>
          <cell r="G150">
            <v>1600</v>
          </cell>
          <cell r="H150">
            <v>24000</v>
          </cell>
          <cell r="I150" t="str">
            <v>市価</v>
          </cell>
        </row>
        <row r="151">
          <cell r="C151" t="str">
            <v>ホークアンカーボルト</v>
          </cell>
          <cell r="D151" t="str">
            <v>SUS304 B870</v>
          </cell>
          <cell r="E151" t="str">
            <v>個</v>
          </cell>
          <cell r="F151">
            <v>30</v>
          </cell>
          <cell r="G151">
            <v>230</v>
          </cell>
          <cell r="H151">
            <v>6900</v>
          </cell>
          <cell r="I151" t="str">
            <v>物 P45</v>
          </cell>
        </row>
        <row r="152">
          <cell r="C152" t="str">
            <v>プルボックス</v>
          </cell>
          <cell r="D152" t="str">
            <v>樹脂製 150×150×100</v>
          </cell>
          <cell r="E152" t="str">
            <v>個</v>
          </cell>
          <cell r="F152">
            <v>1</v>
          </cell>
          <cell r="G152">
            <v>660</v>
          </cell>
          <cell r="H152">
            <v>660</v>
          </cell>
          <cell r="I152" t="str">
            <v>物 P519</v>
          </cell>
        </row>
        <row r="154">
          <cell r="A154">
            <v>23</v>
          </cell>
          <cell r="B154" t="str">
            <v>架線</v>
          </cell>
          <cell r="C154" t="str">
            <v>弛度調整</v>
          </cell>
          <cell r="D154" t="str">
            <v>DV2.6φ</v>
          </cell>
          <cell r="E154" t="str">
            <v>ｋｍ</v>
          </cell>
          <cell r="F154">
            <v>1</v>
          </cell>
          <cell r="H154">
            <v>105757.2</v>
          </cell>
          <cell r="I154" t="str">
            <v>電通 P2-17</v>
          </cell>
        </row>
        <row r="155">
          <cell r="C155" t="str">
            <v>電工</v>
          </cell>
          <cell r="E155" t="str">
            <v>人</v>
          </cell>
          <cell r="F155">
            <v>3.9</v>
          </cell>
          <cell r="G155">
            <v>16700</v>
          </cell>
          <cell r="H155">
            <v>65130</v>
          </cell>
          <cell r="I155" t="str">
            <v>長崎</v>
          </cell>
          <cell r="J155">
            <v>6.5</v>
          </cell>
          <cell r="K155" t="str">
            <v>×</v>
          </cell>
          <cell r="L155">
            <v>0.6</v>
          </cell>
        </row>
        <row r="156">
          <cell r="C156" t="str">
            <v>普通作業員</v>
          </cell>
          <cell r="E156" t="str">
            <v>人</v>
          </cell>
          <cell r="F156">
            <v>1.86</v>
          </cell>
          <cell r="G156">
            <v>14000</v>
          </cell>
          <cell r="H156">
            <v>26040</v>
          </cell>
          <cell r="I156" t="str">
            <v>長崎</v>
          </cell>
          <cell r="J156">
            <v>3.1</v>
          </cell>
          <cell r="K156" t="str">
            <v>×</v>
          </cell>
          <cell r="L156">
            <v>0.6</v>
          </cell>
        </row>
        <row r="157">
          <cell r="C157" t="str">
            <v>その他</v>
          </cell>
          <cell r="D157" t="str">
            <v>（労）×１６％</v>
          </cell>
          <cell r="E157" t="str">
            <v>式</v>
          </cell>
          <cell r="F157">
            <v>1</v>
          </cell>
          <cell r="H157">
            <v>14587.2</v>
          </cell>
          <cell r="I157">
            <v>91170</v>
          </cell>
          <cell r="K157" t="str">
            <v>×</v>
          </cell>
          <cell r="L157">
            <v>0.16</v>
          </cell>
        </row>
        <row r="159">
          <cell r="A159">
            <v>24</v>
          </cell>
          <cell r="B159" t="str">
            <v>架線</v>
          </cell>
          <cell r="C159" t="str">
            <v>弛度調整</v>
          </cell>
          <cell r="D159" t="str">
            <v>OW5.0φ・DV2.6φ</v>
          </cell>
          <cell r="E159" t="str">
            <v>式</v>
          </cell>
          <cell r="F159">
            <v>1</v>
          </cell>
          <cell r="H159">
            <v>178422.79</v>
          </cell>
        </row>
        <row r="160">
          <cell r="C160" t="str">
            <v>弛度調整</v>
          </cell>
          <cell r="D160" t="str">
            <v>OW5.0φ</v>
          </cell>
          <cell r="E160" t="str">
            <v>km</v>
          </cell>
          <cell r="F160">
            <v>1.232</v>
          </cell>
          <cell r="G160">
            <v>141858.72</v>
          </cell>
          <cell r="H160">
            <v>174769.94</v>
          </cell>
          <cell r="I160" t="str">
            <v>一位代価18</v>
          </cell>
        </row>
        <row r="161">
          <cell r="C161" t="str">
            <v>弛度調整</v>
          </cell>
          <cell r="D161" t="str">
            <v>DV2.6φ</v>
          </cell>
          <cell r="E161" t="str">
            <v>km</v>
          </cell>
          <cell r="F161">
            <v>2.9000000000000001E-2</v>
          </cell>
          <cell r="G161">
            <v>105757.2</v>
          </cell>
          <cell r="H161">
            <v>3066.95</v>
          </cell>
          <cell r="I161" t="str">
            <v>一位代価23</v>
          </cell>
        </row>
        <row r="162">
          <cell r="C162" t="str">
            <v>バインド線</v>
          </cell>
          <cell r="D162" t="str">
            <v>IV1.6φ</v>
          </cell>
          <cell r="E162" t="str">
            <v>ｍ</v>
          </cell>
          <cell r="F162">
            <v>55.8</v>
          </cell>
          <cell r="G162">
            <v>10.5</v>
          </cell>
          <cell r="H162">
            <v>585.9</v>
          </cell>
          <cell r="I162" t="str">
            <v>物 P466・積 P479</v>
          </cell>
        </row>
        <row r="163">
          <cell r="A163">
            <v>25</v>
          </cell>
          <cell r="B163" t="str">
            <v>灯ろう・レンズ</v>
          </cell>
          <cell r="C163" t="str">
            <v>撤去</v>
          </cell>
          <cell r="D163" t="str">
            <v>375ｍｍ</v>
          </cell>
          <cell r="E163" t="str">
            <v>式</v>
          </cell>
          <cell r="F163">
            <v>1</v>
          </cell>
          <cell r="H163">
            <v>19861.650000000001</v>
          </cell>
          <cell r="I163" t="str">
            <v>電通 P2-29</v>
          </cell>
        </row>
        <row r="164">
          <cell r="C164" t="str">
            <v>電工</v>
          </cell>
          <cell r="E164" t="str">
            <v>人</v>
          </cell>
          <cell r="F164">
            <v>0.33</v>
          </cell>
          <cell r="G164">
            <v>16700</v>
          </cell>
          <cell r="H164">
            <v>5511</v>
          </cell>
          <cell r="I164" t="str">
            <v>長崎</v>
          </cell>
          <cell r="J164">
            <v>1.1000000000000001</v>
          </cell>
          <cell r="K164" t="str">
            <v>×</v>
          </cell>
          <cell r="L164">
            <v>0.3</v>
          </cell>
        </row>
        <row r="165">
          <cell r="C165" t="str">
            <v>普通作業員</v>
          </cell>
          <cell r="E165" t="str">
            <v>人</v>
          </cell>
          <cell r="F165">
            <v>0.84</v>
          </cell>
          <cell r="G165">
            <v>14000</v>
          </cell>
          <cell r="H165">
            <v>11760</v>
          </cell>
          <cell r="I165" t="str">
            <v>長崎</v>
          </cell>
          <cell r="J165">
            <v>2.8</v>
          </cell>
          <cell r="K165" t="str">
            <v>×</v>
          </cell>
          <cell r="L165">
            <v>0.3</v>
          </cell>
        </row>
        <row r="166">
          <cell r="C166" t="str">
            <v>その他</v>
          </cell>
          <cell r="D166" t="str">
            <v>（労）×１５％</v>
          </cell>
          <cell r="E166" t="str">
            <v>式</v>
          </cell>
          <cell r="F166">
            <v>1</v>
          </cell>
          <cell r="H166">
            <v>2590.65</v>
          </cell>
          <cell r="I166">
            <v>17271</v>
          </cell>
          <cell r="K166" t="str">
            <v>×</v>
          </cell>
          <cell r="L166">
            <v>0.15</v>
          </cell>
        </row>
        <row r="168">
          <cell r="A168">
            <v>26</v>
          </cell>
          <cell r="B168" t="str">
            <v>灯ろう台</v>
          </cell>
          <cell r="C168" t="str">
            <v>撤去</v>
          </cell>
          <cell r="D168" t="str">
            <v>375ｍｍ</v>
          </cell>
          <cell r="E168" t="str">
            <v>式</v>
          </cell>
          <cell r="F168">
            <v>1</v>
          </cell>
          <cell r="H168">
            <v>12633.9</v>
          </cell>
          <cell r="I168" t="str">
            <v>電通 P2-29</v>
          </cell>
        </row>
        <row r="169">
          <cell r="C169" t="str">
            <v>電工</v>
          </cell>
          <cell r="E169" t="str">
            <v>人</v>
          </cell>
          <cell r="F169">
            <v>0.18</v>
          </cell>
          <cell r="G169">
            <v>16700</v>
          </cell>
          <cell r="H169">
            <v>3006</v>
          </cell>
          <cell r="I169" t="str">
            <v>長崎</v>
          </cell>
          <cell r="J169">
            <v>0.6</v>
          </cell>
          <cell r="K169" t="str">
            <v>×</v>
          </cell>
          <cell r="L169">
            <v>0.3</v>
          </cell>
        </row>
        <row r="170">
          <cell r="C170" t="str">
            <v>普通作業員</v>
          </cell>
          <cell r="E170" t="str">
            <v>人</v>
          </cell>
          <cell r="F170">
            <v>0.56999999999999995</v>
          </cell>
          <cell r="G170">
            <v>14000</v>
          </cell>
          <cell r="H170">
            <v>7980</v>
          </cell>
          <cell r="I170" t="str">
            <v>長崎</v>
          </cell>
          <cell r="J170">
            <v>1.9</v>
          </cell>
          <cell r="K170" t="str">
            <v>×</v>
          </cell>
          <cell r="L170">
            <v>0.3</v>
          </cell>
        </row>
        <row r="171">
          <cell r="C171" t="str">
            <v>その他</v>
          </cell>
          <cell r="D171" t="str">
            <v>（労）×１５％</v>
          </cell>
          <cell r="E171" t="str">
            <v>式</v>
          </cell>
          <cell r="F171">
            <v>1</v>
          </cell>
          <cell r="H171">
            <v>1647.9</v>
          </cell>
          <cell r="I171">
            <v>10986</v>
          </cell>
          <cell r="K171" t="str">
            <v>×</v>
          </cell>
          <cell r="L171">
            <v>0.15</v>
          </cell>
        </row>
        <row r="173">
          <cell r="A173">
            <v>27</v>
          </cell>
          <cell r="B173" t="str">
            <v>管制器</v>
          </cell>
          <cell r="C173" t="str">
            <v>撤去</v>
          </cell>
          <cell r="D173" t="str">
            <v>LD-Ⅱ</v>
          </cell>
          <cell r="E173" t="str">
            <v>台</v>
          </cell>
          <cell r="F173">
            <v>1</v>
          </cell>
          <cell r="H173">
            <v>9904.9500000000007</v>
          </cell>
          <cell r="I173" t="str">
            <v>電通 P2-29</v>
          </cell>
        </row>
        <row r="174">
          <cell r="C174" t="str">
            <v>電工</v>
          </cell>
          <cell r="E174" t="str">
            <v>人</v>
          </cell>
          <cell r="F174">
            <v>0.39</v>
          </cell>
          <cell r="G174">
            <v>16700</v>
          </cell>
          <cell r="H174">
            <v>6513</v>
          </cell>
          <cell r="I174" t="str">
            <v>長崎</v>
          </cell>
          <cell r="J174">
            <v>1.3</v>
          </cell>
          <cell r="K174" t="str">
            <v>×</v>
          </cell>
          <cell r="L174">
            <v>0.3</v>
          </cell>
        </row>
        <row r="175">
          <cell r="C175" t="str">
            <v>普通作業員</v>
          </cell>
          <cell r="E175" t="str">
            <v>人</v>
          </cell>
          <cell r="F175">
            <v>0.15</v>
          </cell>
          <cell r="G175">
            <v>14000</v>
          </cell>
          <cell r="H175">
            <v>2100</v>
          </cell>
          <cell r="I175" t="str">
            <v>長崎</v>
          </cell>
          <cell r="J175">
            <v>0.5</v>
          </cell>
          <cell r="K175" t="str">
            <v>×</v>
          </cell>
          <cell r="L175">
            <v>0.3</v>
          </cell>
        </row>
        <row r="176">
          <cell r="C176" t="str">
            <v>その他</v>
          </cell>
          <cell r="D176" t="str">
            <v>（労）×１５％</v>
          </cell>
          <cell r="E176" t="str">
            <v>式</v>
          </cell>
          <cell r="F176">
            <v>1</v>
          </cell>
          <cell r="H176">
            <v>1291.95</v>
          </cell>
          <cell r="I176">
            <v>8613</v>
          </cell>
          <cell r="K176" t="str">
            <v>×</v>
          </cell>
          <cell r="L176">
            <v>0.15</v>
          </cell>
        </row>
        <row r="178">
          <cell r="A178">
            <v>28</v>
          </cell>
          <cell r="B178" t="str">
            <v>空気電池</v>
          </cell>
          <cell r="C178" t="str">
            <v>撤去</v>
          </cell>
          <cell r="D178" t="str">
            <v>AWZ-2000N</v>
          </cell>
          <cell r="E178" t="str">
            <v>組</v>
          </cell>
          <cell r="F178">
            <v>1</v>
          </cell>
          <cell r="H178">
            <v>5720.67</v>
          </cell>
          <cell r="I178" t="str">
            <v>電通 P2-30</v>
          </cell>
        </row>
        <row r="179">
          <cell r="C179" t="str">
            <v>電工</v>
          </cell>
          <cell r="E179" t="str">
            <v>人</v>
          </cell>
          <cell r="F179">
            <v>0.23499999999999999</v>
          </cell>
          <cell r="G179">
            <v>16700</v>
          </cell>
          <cell r="H179">
            <v>3924.5</v>
          </cell>
          <cell r="I179" t="str">
            <v>長崎</v>
          </cell>
          <cell r="J179">
            <v>0.47</v>
          </cell>
          <cell r="K179" t="str">
            <v>×</v>
          </cell>
          <cell r="L179">
            <v>0.5</v>
          </cell>
        </row>
        <row r="180">
          <cell r="C180" t="str">
            <v>普通作業員</v>
          </cell>
          <cell r="E180" t="str">
            <v>人</v>
          </cell>
          <cell r="F180">
            <v>7.4999999999999997E-2</v>
          </cell>
          <cell r="G180">
            <v>14000</v>
          </cell>
          <cell r="H180">
            <v>1050</v>
          </cell>
          <cell r="I180" t="str">
            <v>長崎</v>
          </cell>
          <cell r="J180">
            <v>0.15</v>
          </cell>
          <cell r="K180" t="str">
            <v>×</v>
          </cell>
          <cell r="L180">
            <v>0.5</v>
          </cell>
        </row>
        <row r="181">
          <cell r="C181" t="str">
            <v>その他</v>
          </cell>
          <cell r="D181" t="str">
            <v>（労）×１５％</v>
          </cell>
          <cell r="E181" t="str">
            <v>式</v>
          </cell>
          <cell r="F181">
            <v>1</v>
          </cell>
          <cell r="H181">
            <v>746.17</v>
          </cell>
          <cell r="I181">
            <v>4974.5</v>
          </cell>
          <cell r="K181" t="str">
            <v>×</v>
          </cell>
          <cell r="L181">
            <v>0.15</v>
          </cell>
        </row>
        <row r="186">
          <cell r="A186">
            <v>29</v>
          </cell>
          <cell r="B186" t="str">
            <v>灯ろう・レンズ</v>
          </cell>
          <cell r="C186" t="str">
            <v>撤去</v>
          </cell>
          <cell r="D186" t="str">
            <v>300ｍｍ</v>
          </cell>
          <cell r="E186" t="str">
            <v>式</v>
          </cell>
          <cell r="F186">
            <v>1</v>
          </cell>
          <cell r="H186">
            <v>17836.5</v>
          </cell>
          <cell r="I186" t="str">
            <v>電通 P2-29</v>
          </cell>
        </row>
        <row r="187">
          <cell r="C187" t="str">
            <v>電工</v>
          </cell>
          <cell r="E187" t="str">
            <v>人</v>
          </cell>
          <cell r="F187">
            <v>0.3</v>
          </cell>
          <cell r="G187">
            <v>16700</v>
          </cell>
          <cell r="H187">
            <v>5010</v>
          </cell>
          <cell r="I187" t="str">
            <v>長崎</v>
          </cell>
          <cell r="J187">
            <v>1</v>
          </cell>
          <cell r="K187" t="str">
            <v>×</v>
          </cell>
          <cell r="L187">
            <v>0.3</v>
          </cell>
        </row>
        <row r="188">
          <cell r="C188" t="str">
            <v>普通作業員</v>
          </cell>
          <cell r="E188" t="str">
            <v>人</v>
          </cell>
          <cell r="F188">
            <v>0.75</v>
          </cell>
          <cell r="G188">
            <v>14000</v>
          </cell>
          <cell r="H188">
            <v>10500</v>
          </cell>
          <cell r="I188" t="str">
            <v>長崎</v>
          </cell>
          <cell r="J188">
            <v>2.5</v>
          </cell>
          <cell r="K188" t="str">
            <v>×</v>
          </cell>
          <cell r="L188">
            <v>0.3</v>
          </cell>
        </row>
        <row r="189">
          <cell r="C189" t="str">
            <v>その他</v>
          </cell>
          <cell r="D189" t="str">
            <v>（労）×１５％</v>
          </cell>
          <cell r="E189" t="str">
            <v>式</v>
          </cell>
          <cell r="F189">
            <v>1</v>
          </cell>
          <cell r="H189">
            <v>2326.5</v>
          </cell>
          <cell r="I189">
            <v>15510</v>
          </cell>
          <cell r="K189" t="str">
            <v>×</v>
          </cell>
          <cell r="L189">
            <v>0.15</v>
          </cell>
        </row>
        <row r="191">
          <cell r="A191">
            <v>30</v>
          </cell>
          <cell r="B191" t="str">
            <v>灯ろう・レンズ</v>
          </cell>
          <cell r="C191" t="str">
            <v>撤去</v>
          </cell>
          <cell r="D191" t="str">
            <v>300ｍｍ</v>
          </cell>
          <cell r="E191" t="str">
            <v>式</v>
          </cell>
          <cell r="F191">
            <v>1</v>
          </cell>
          <cell r="H191">
            <v>29727.5</v>
          </cell>
          <cell r="I191" t="str">
            <v>電通 P2-29</v>
          </cell>
        </row>
        <row r="192">
          <cell r="C192" t="str">
            <v>電工</v>
          </cell>
          <cell r="E192" t="str">
            <v>人</v>
          </cell>
          <cell r="F192">
            <v>0.5</v>
          </cell>
          <cell r="G192">
            <v>16700</v>
          </cell>
          <cell r="H192">
            <v>8350</v>
          </cell>
          <cell r="I192" t="str">
            <v>長崎</v>
          </cell>
          <cell r="J192">
            <v>1</v>
          </cell>
          <cell r="K192" t="str">
            <v>×</v>
          </cell>
          <cell r="L192">
            <v>0.5</v>
          </cell>
        </row>
        <row r="193">
          <cell r="C193" t="str">
            <v>普通作業員</v>
          </cell>
          <cell r="E193" t="str">
            <v>人</v>
          </cell>
          <cell r="F193">
            <v>1.25</v>
          </cell>
          <cell r="G193">
            <v>14000</v>
          </cell>
          <cell r="H193">
            <v>17500</v>
          </cell>
          <cell r="I193" t="str">
            <v>長崎</v>
          </cell>
          <cell r="J193">
            <v>2.5</v>
          </cell>
          <cell r="K193" t="str">
            <v>×</v>
          </cell>
          <cell r="L193">
            <v>0.5</v>
          </cell>
        </row>
        <row r="194">
          <cell r="C194" t="str">
            <v>その他</v>
          </cell>
          <cell r="D194" t="str">
            <v>（労）×１５％</v>
          </cell>
          <cell r="E194" t="str">
            <v>式</v>
          </cell>
          <cell r="F194">
            <v>1</v>
          </cell>
          <cell r="H194">
            <v>3877.5</v>
          </cell>
          <cell r="I194">
            <v>25850</v>
          </cell>
          <cell r="K194" t="str">
            <v>×</v>
          </cell>
          <cell r="L194">
            <v>0.15</v>
          </cell>
        </row>
        <row r="196">
          <cell r="A196">
            <v>31</v>
          </cell>
          <cell r="B196" t="str">
            <v>灯ろう台</v>
          </cell>
          <cell r="C196" t="str">
            <v>撤去</v>
          </cell>
          <cell r="D196" t="str">
            <v>300ｍｍ</v>
          </cell>
          <cell r="E196" t="str">
            <v>個</v>
          </cell>
          <cell r="F196">
            <v>1</v>
          </cell>
          <cell r="H196">
            <v>10125.75</v>
          </cell>
          <cell r="I196" t="str">
            <v>電通 P2-29</v>
          </cell>
        </row>
        <row r="197">
          <cell r="C197" t="str">
            <v>電工</v>
          </cell>
          <cell r="E197" t="str">
            <v>人</v>
          </cell>
          <cell r="F197">
            <v>0.15</v>
          </cell>
          <cell r="G197">
            <v>16700</v>
          </cell>
          <cell r="H197">
            <v>2505</v>
          </cell>
          <cell r="I197" t="str">
            <v>長崎</v>
          </cell>
          <cell r="J197">
            <v>0.5</v>
          </cell>
          <cell r="K197" t="str">
            <v>×</v>
          </cell>
          <cell r="L197">
            <v>0.3</v>
          </cell>
        </row>
        <row r="198">
          <cell r="C198" t="str">
            <v>普通作業員</v>
          </cell>
          <cell r="E198" t="str">
            <v>人</v>
          </cell>
          <cell r="F198">
            <v>0.45</v>
          </cell>
          <cell r="G198">
            <v>14000</v>
          </cell>
          <cell r="H198">
            <v>6300</v>
          </cell>
          <cell r="I198" t="str">
            <v>長崎</v>
          </cell>
          <cell r="J198">
            <v>1.5</v>
          </cell>
          <cell r="K198" t="str">
            <v>×</v>
          </cell>
          <cell r="L198">
            <v>0.3</v>
          </cell>
        </row>
        <row r="199">
          <cell r="C199" t="str">
            <v>その他</v>
          </cell>
          <cell r="D199" t="str">
            <v>（労）×１５％</v>
          </cell>
          <cell r="E199" t="str">
            <v>式</v>
          </cell>
          <cell r="F199">
            <v>1</v>
          </cell>
          <cell r="H199">
            <v>1320.75</v>
          </cell>
          <cell r="I199">
            <v>8805</v>
          </cell>
          <cell r="K199" t="str">
            <v>×</v>
          </cell>
          <cell r="L199">
            <v>0.15</v>
          </cell>
        </row>
        <row r="201">
          <cell r="A201">
            <v>32</v>
          </cell>
          <cell r="B201" t="str">
            <v>電線管</v>
          </cell>
          <cell r="C201" t="str">
            <v>撤去</v>
          </cell>
          <cell r="D201" t="str">
            <v>VE16</v>
          </cell>
          <cell r="E201" t="str">
            <v>ｍ</v>
          </cell>
          <cell r="F201">
            <v>1</v>
          </cell>
          <cell r="H201">
            <v>192.05</v>
          </cell>
          <cell r="I201" t="str">
            <v>建 P578</v>
          </cell>
        </row>
        <row r="202">
          <cell r="C202" t="str">
            <v>電工</v>
          </cell>
          <cell r="E202" t="str">
            <v>人</v>
          </cell>
          <cell r="F202">
            <v>0.01</v>
          </cell>
          <cell r="G202">
            <v>16700</v>
          </cell>
          <cell r="H202">
            <v>167</v>
          </cell>
          <cell r="I202" t="str">
            <v>長崎</v>
          </cell>
          <cell r="J202">
            <v>4.3999999999999997E-2</v>
          </cell>
          <cell r="K202" t="str">
            <v>×</v>
          </cell>
          <cell r="L202">
            <v>1.2</v>
          </cell>
          <cell r="M202" t="str">
            <v>×</v>
          </cell>
          <cell r="N202">
            <v>0.2</v>
          </cell>
        </row>
        <row r="203">
          <cell r="C203" t="str">
            <v>その他</v>
          </cell>
          <cell r="D203" t="str">
            <v>（労）×１５％</v>
          </cell>
          <cell r="E203" t="str">
            <v>式</v>
          </cell>
          <cell r="F203">
            <v>1</v>
          </cell>
          <cell r="H203">
            <v>25.05</v>
          </cell>
          <cell r="I203">
            <v>167</v>
          </cell>
          <cell r="K203" t="str">
            <v>×</v>
          </cell>
          <cell r="L203">
            <v>0.15</v>
          </cell>
        </row>
        <row r="205">
          <cell r="A205">
            <v>33</v>
          </cell>
          <cell r="B205" t="str">
            <v>電線</v>
          </cell>
          <cell r="C205" t="str">
            <v>撤去</v>
          </cell>
          <cell r="D205" t="str">
            <v>2RNCT5.5sq×2C</v>
          </cell>
          <cell r="E205" t="str">
            <v>ｍ</v>
          </cell>
          <cell r="F205">
            <v>1</v>
          </cell>
          <cell r="H205">
            <v>76.819999999999993</v>
          </cell>
          <cell r="I205" t="str">
            <v>建 P206</v>
          </cell>
        </row>
        <row r="206">
          <cell r="C206" t="str">
            <v>電工</v>
          </cell>
          <cell r="E206" t="str">
            <v>人</v>
          </cell>
          <cell r="F206">
            <v>4.0000000000000001E-3</v>
          </cell>
          <cell r="G206">
            <v>16700</v>
          </cell>
          <cell r="H206">
            <v>66.8</v>
          </cell>
          <cell r="I206" t="str">
            <v>長崎</v>
          </cell>
          <cell r="J206">
            <v>2.1000000000000001E-2</v>
          </cell>
          <cell r="K206" t="str">
            <v>×</v>
          </cell>
          <cell r="L206">
            <v>0.2</v>
          </cell>
        </row>
        <row r="207">
          <cell r="C207" t="str">
            <v>その他</v>
          </cell>
          <cell r="D207" t="str">
            <v>（労）×１５％</v>
          </cell>
          <cell r="E207" t="str">
            <v>式</v>
          </cell>
          <cell r="F207">
            <v>1</v>
          </cell>
          <cell r="H207">
            <v>10.02</v>
          </cell>
          <cell r="I207">
            <v>66.8</v>
          </cell>
          <cell r="K207" t="str">
            <v>×</v>
          </cell>
          <cell r="L207">
            <v>0.15</v>
          </cell>
        </row>
        <row r="209">
          <cell r="A209">
            <v>34</v>
          </cell>
          <cell r="B209" t="str">
            <v>電線</v>
          </cell>
          <cell r="C209" t="str">
            <v>撤去</v>
          </cell>
          <cell r="D209" t="str">
            <v>VSRF2.0sq×2C</v>
          </cell>
          <cell r="E209" t="str">
            <v>ｍ</v>
          </cell>
          <cell r="F209">
            <v>1</v>
          </cell>
          <cell r="H209">
            <v>38.409999999999997</v>
          </cell>
          <cell r="I209" t="str">
            <v>建 P206</v>
          </cell>
        </row>
        <row r="210">
          <cell r="C210" t="str">
            <v>電工</v>
          </cell>
          <cell r="E210" t="str">
            <v>人</v>
          </cell>
          <cell r="F210">
            <v>2E-3</v>
          </cell>
          <cell r="G210">
            <v>16700</v>
          </cell>
          <cell r="H210">
            <v>33.4</v>
          </cell>
          <cell r="I210" t="str">
            <v>長崎</v>
          </cell>
          <cell r="J210">
            <v>1.2999999999999999E-2</v>
          </cell>
          <cell r="K210" t="str">
            <v>×</v>
          </cell>
          <cell r="L210">
            <v>0.2</v>
          </cell>
        </row>
        <row r="211">
          <cell r="C211" t="str">
            <v>その他</v>
          </cell>
          <cell r="D211" t="str">
            <v>（労）×１５％</v>
          </cell>
          <cell r="E211" t="str">
            <v>式</v>
          </cell>
          <cell r="F211">
            <v>1</v>
          </cell>
          <cell r="H211">
            <v>5.01</v>
          </cell>
          <cell r="I211">
            <v>33.4</v>
          </cell>
          <cell r="K211" t="str">
            <v>×</v>
          </cell>
          <cell r="L211">
            <v>0.15</v>
          </cell>
        </row>
        <row r="213">
          <cell r="A213">
            <v>35</v>
          </cell>
          <cell r="B213" t="str">
            <v>電線管</v>
          </cell>
          <cell r="C213" t="str">
            <v>撤去</v>
          </cell>
          <cell r="D213" t="str">
            <v>VE22</v>
          </cell>
          <cell r="E213" t="str">
            <v>ｍ</v>
          </cell>
          <cell r="F213">
            <v>1</v>
          </cell>
          <cell r="H213">
            <v>230.46</v>
          </cell>
          <cell r="I213" t="str">
            <v>建 P578</v>
          </cell>
        </row>
        <row r="214">
          <cell r="C214" t="str">
            <v>電工</v>
          </cell>
          <cell r="E214" t="str">
            <v>人</v>
          </cell>
          <cell r="F214">
            <v>1.2E-2</v>
          </cell>
          <cell r="G214">
            <v>16700</v>
          </cell>
          <cell r="H214">
            <v>200.4</v>
          </cell>
          <cell r="I214" t="str">
            <v>長崎</v>
          </cell>
          <cell r="J214">
            <v>5.3999999999999999E-2</v>
          </cell>
          <cell r="K214" t="str">
            <v>×</v>
          </cell>
          <cell r="L214">
            <v>1.2</v>
          </cell>
          <cell r="M214" t="str">
            <v>×</v>
          </cell>
          <cell r="N214">
            <v>0.2</v>
          </cell>
        </row>
        <row r="215">
          <cell r="C215" t="str">
            <v>その他</v>
          </cell>
          <cell r="D215" t="str">
            <v>（労）×１５％</v>
          </cell>
          <cell r="E215" t="str">
            <v>式</v>
          </cell>
          <cell r="F215">
            <v>1</v>
          </cell>
          <cell r="H215">
            <v>30.06</v>
          </cell>
          <cell r="I215">
            <v>200.4</v>
          </cell>
          <cell r="K215" t="str">
            <v>×</v>
          </cell>
          <cell r="L215">
            <v>0.15</v>
          </cell>
        </row>
        <row r="217">
          <cell r="A217">
            <v>36</v>
          </cell>
          <cell r="B217" t="str">
            <v>電線</v>
          </cell>
          <cell r="C217" t="str">
            <v>撤去</v>
          </cell>
          <cell r="D217" t="str">
            <v>VVR8.0sq×2C</v>
          </cell>
          <cell r="E217" t="str">
            <v>ｍ</v>
          </cell>
          <cell r="F217">
            <v>1</v>
          </cell>
          <cell r="H217">
            <v>76.819999999999993</v>
          </cell>
          <cell r="I217" t="str">
            <v>建 P206</v>
          </cell>
        </row>
        <row r="218">
          <cell r="C218" t="str">
            <v>電工</v>
          </cell>
          <cell r="E218" t="str">
            <v>人</v>
          </cell>
          <cell r="F218">
            <v>4.0000000000000001E-3</v>
          </cell>
          <cell r="G218">
            <v>16700</v>
          </cell>
          <cell r="H218">
            <v>66.8</v>
          </cell>
          <cell r="I218" t="str">
            <v>長崎</v>
          </cell>
          <cell r="J218">
            <v>2.3E-2</v>
          </cell>
          <cell r="K218" t="str">
            <v>×</v>
          </cell>
          <cell r="L218">
            <v>0.2</v>
          </cell>
        </row>
        <row r="219">
          <cell r="C219" t="str">
            <v>その他</v>
          </cell>
          <cell r="D219" t="str">
            <v>（労）×１５％</v>
          </cell>
          <cell r="E219" t="str">
            <v>式</v>
          </cell>
          <cell r="F219">
            <v>1</v>
          </cell>
          <cell r="H219">
            <v>10.02</v>
          </cell>
          <cell r="I219">
            <v>66.8</v>
          </cell>
          <cell r="K219" t="str">
            <v>×</v>
          </cell>
          <cell r="L219">
            <v>0.15</v>
          </cell>
        </row>
        <row r="221">
          <cell r="A221">
            <v>37</v>
          </cell>
          <cell r="B221" t="str">
            <v>碍子</v>
          </cell>
          <cell r="C221" t="str">
            <v>撤去</v>
          </cell>
          <cell r="D221" t="str">
            <v>低圧引留</v>
          </cell>
          <cell r="E221" t="str">
            <v>個</v>
          </cell>
          <cell r="F221">
            <v>1</v>
          </cell>
          <cell r="H221">
            <v>564.88</v>
          </cell>
          <cell r="I221" t="str">
            <v>電通 P2-17</v>
          </cell>
        </row>
        <row r="222">
          <cell r="C222" t="str">
            <v>電工</v>
          </cell>
          <cell r="E222" t="str">
            <v>人</v>
          </cell>
          <cell r="F222">
            <v>1.6E-2</v>
          </cell>
          <cell r="G222">
            <v>16700</v>
          </cell>
          <cell r="H222">
            <v>267.2</v>
          </cell>
          <cell r="I222" t="str">
            <v>長崎</v>
          </cell>
          <cell r="J222">
            <v>0.02</v>
          </cell>
          <cell r="K222" t="str">
            <v>×</v>
          </cell>
          <cell r="L222">
            <v>0.8</v>
          </cell>
        </row>
        <row r="223">
          <cell r="C223" t="str">
            <v>普通作業員</v>
          </cell>
          <cell r="E223" t="str">
            <v>人</v>
          </cell>
          <cell r="F223">
            <v>1.6E-2</v>
          </cell>
          <cell r="G223">
            <v>14000</v>
          </cell>
          <cell r="H223">
            <v>224</v>
          </cell>
          <cell r="I223" t="str">
            <v>長崎</v>
          </cell>
          <cell r="J223">
            <v>0.02</v>
          </cell>
          <cell r="K223" t="str">
            <v>×</v>
          </cell>
          <cell r="L223">
            <v>0.8</v>
          </cell>
        </row>
        <row r="224">
          <cell r="C224" t="str">
            <v>その他</v>
          </cell>
          <cell r="D224" t="str">
            <v>（労）×１５％</v>
          </cell>
          <cell r="E224" t="str">
            <v>式</v>
          </cell>
          <cell r="F224">
            <v>1</v>
          </cell>
          <cell r="H224">
            <v>73.680000000000007</v>
          </cell>
          <cell r="I224">
            <v>491.2</v>
          </cell>
          <cell r="K224" t="str">
            <v>×</v>
          </cell>
          <cell r="L224">
            <v>0.15</v>
          </cell>
        </row>
        <row r="226">
          <cell r="A226">
            <v>38</v>
          </cell>
          <cell r="B226" t="str">
            <v>ライトバン</v>
          </cell>
          <cell r="C226" t="str">
            <v>2000CC 94ps</v>
          </cell>
          <cell r="E226" t="str">
            <v>日</v>
          </cell>
          <cell r="F226">
            <v>1</v>
          </cell>
          <cell r="H226">
            <v>3767.13</v>
          </cell>
          <cell r="I226" t="str">
            <v>単 P53</v>
          </cell>
        </row>
        <row r="227">
          <cell r="C227" t="str">
            <v>主燃料</v>
          </cell>
          <cell r="D227" t="str">
            <v>ガソリン</v>
          </cell>
          <cell r="E227" t="str">
            <v>㍑</v>
          </cell>
          <cell r="F227">
            <v>3.5</v>
          </cell>
          <cell r="G227">
            <v>100</v>
          </cell>
          <cell r="H227">
            <v>350</v>
          </cell>
          <cell r="I227" t="str">
            <v>県Ⅰ-1（長崎）・（大瀬戸）</v>
          </cell>
        </row>
        <row r="228">
          <cell r="C228" t="str">
            <v>一般運転手</v>
          </cell>
          <cell r="E228" t="str">
            <v>人</v>
          </cell>
          <cell r="F228">
            <v>0.125</v>
          </cell>
          <cell r="G228">
            <v>16900</v>
          </cell>
          <cell r="H228">
            <v>2112.5</v>
          </cell>
          <cell r="I228" t="str">
            <v>長崎</v>
          </cell>
        </row>
        <row r="229">
          <cell r="C229" t="str">
            <v>損料</v>
          </cell>
          <cell r="D229" t="str">
            <v>運転</v>
          </cell>
          <cell r="E229" t="str">
            <v>時間</v>
          </cell>
          <cell r="F229">
            <v>1</v>
          </cell>
          <cell r="G229">
            <v>230</v>
          </cell>
          <cell r="H229">
            <v>230</v>
          </cell>
          <cell r="I229" t="str">
            <v>損機178</v>
          </cell>
        </row>
        <row r="230">
          <cell r="C230" t="str">
            <v>損料</v>
          </cell>
          <cell r="D230" t="str">
            <v>供用</v>
          </cell>
          <cell r="E230" t="str">
            <v>日</v>
          </cell>
          <cell r="F230">
            <v>1.1299999999999999</v>
          </cell>
          <cell r="G230">
            <v>951</v>
          </cell>
          <cell r="H230">
            <v>1074.6300000000001</v>
          </cell>
          <cell r="I230" t="str">
            <v>損機178</v>
          </cell>
        </row>
        <row r="232">
          <cell r="A232">
            <v>39</v>
          </cell>
          <cell r="B232" t="str">
            <v>交通船</v>
          </cell>
          <cell r="C232" t="str">
            <v>鋼D 50PS 4.9t</v>
          </cell>
          <cell r="E232" t="str">
            <v>日</v>
          </cell>
          <cell r="F232">
            <v>1</v>
          </cell>
          <cell r="H232">
            <v>63539.5</v>
          </cell>
          <cell r="I232" t="str">
            <v>単 P50</v>
          </cell>
        </row>
        <row r="233">
          <cell r="C233" t="str">
            <v>主燃料</v>
          </cell>
          <cell r="D233" t="str">
            <v>重油A</v>
          </cell>
          <cell r="E233" t="str">
            <v>㍑</v>
          </cell>
          <cell r="F233">
            <v>45</v>
          </cell>
          <cell r="G233">
            <v>32</v>
          </cell>
          <cell r="H233">
            <v>1440</v>
          </cell>
          <cell r="I233" t="str">
            <v>県Ⅰ-1（長崎）</v>
          </cell>
        </row>
        <row r="234">
          <cell r="C234" t="str">
            <v>高級船員</v>
          </cell>
          <cell r="E234" t="str">
            <v>人</v>
          </cell>
          <cell r="F234">
            <v>1.2</v>
          </cell>
          <cell r="G234">
            <v>26200</v>
          </cell>
          <cell r="H234">
            <v>31440</v>
          </cell>
          <cell r="I234" t="str">
            <v>長崎</v>
          </cell>
          <cell r="K234" t="str">
            <v>β＝1.2</v>
          </cell>
        </row>
        <row r="235">
          <cell r="C235" t="str">
            <v>普通船員</v>
          </cell>
          <cell r="E235" t="str">
            <v>人</v>
          </cell>
          <cell r="F235">
            <v>1.2</v>
          </cell>
          <cell r="G235">
            <v>19100</v>
          </cell>
          <cell r="H235">
            <v>22920</v>
          </cell>
          <cell r="I235" t="str">
            <v>長崎</v>
          </cell>
          <cell r="K235" t="str">
            <v>β＝1.2</v>
          </cell>
        </row>
        <row r="236">
          <cell r="C236" t="str">
            <v>損料</v>
          </cell>
          <cell r="D236" t="str">
            <v>運転</v>
          </cell>
          <cell r="E236" t="str">
            <v>日</v>
          </cell>
          <cell r="F236">
            <v>1</v>
          </cell>
          <cell r="G236">
            <v>2740</v>
          </cell>
          <cell r="H236">
            <v>2740</v>
          </cell>
          <cell r="I236" t="str">
            <v>損船13</v>
          </cell>
        </row>
        <row r="237">
          <cell r="C237" t="str">
            <v>損料</v>
          </cell>
          <cell r="D237" t="str">
            <v>供用</v>
          </cell>
          <cell r="E237" t="str">
            <v>日</v>
          </cell>
          <cell r="F237">
            <v>1.65</v>
          </cell>
          <cell r="G237">
            <v>3030</v>
          </cell>
          <cell r="H237">
            <v>4999.5</v>
          </cell>
          <cell r="I237" t="str">
            <v>損船13</v>
          </cell>
          <cell r="K237" t="str">
            <v>α＝1.65</v>
          </cell>
        </row>
        <row r="239">
          <cell r="A239">
            <v>40</v>
          </cell>
          <cell r="B239" t="str">
            <v>交通船</v>
          </cell>
          <cell r="C239" t="str">
            <v>船外機船</v>
          </cell>
          <cell r="E239" t="str">
            <v>日</v>
          </cell>
          <cell r="F239">
            <v>1</v>
          </cell>
          <cell r="H239">
            <v>28270.05</v>
          </cell>
          <cell r="I239" t="str">
            <v>単 P51</v>
          </cell>
        </row>
        <row r="240">
          <cell r="C240" t="str">
            <v>主燃料</v>
          </cell>
          <cell r="D240" t="str">
            <v>ガソリン</v>
          </cell>
          <cell r="E240" t="str">
            <v>㍑</v>
          </cell>
          <cell r="F240">
            <v>38</v>
          </cell>
          <cell r="G240">
            <v>100</v>
          </cell>
          <cell r="H240">
            <v>3800</v>
          </cell>
          <cell r="I240" t="str">
            <v>県Ⅰ-1（長崎）</v>
          </cell>
        </row>
        <row r="241">
          <cell r="C241" t="str">
            <v>普通船員</v>
          </cell>
          <cell r="E241" t="str">
            <v>人</v>
          </cell>
          <cell r="F241">
            <v>1.2</v>
          </cell>
          <cell r="G241">
            <v>19100</v>
          </cell>
          <cell r="H241">
            <v>22920</v>
          </cell>
          <cell r="I241" t="str">
            <v>長崎</v>
          </cell>
          <cell r="K241" t="str">
            <v>β＝1.2</v>
          </cell>
        </row>
        <row r="242">
          <cell r="C242" t="str">
            <v>損料</v>
          </cell>
          <cell r="D242" t="str">
            <v>運転</v>
          </cell>
          <cell r="E242" t="str">
            <v>日</v>
          </cell>
          <cell r="F242">
            <v>1</v>
          </cell>
          <cell r="G242">
            <v>466</v>
          </cell>
          <cell r="H242">
            <v>466</v>
          </cell>
          <cell r="I242" t="str">
            <v>損運3</v>
          </cell>
        </row>
        <row r="243">
          <cell r="C243" t="str">
            <v>損料</v>
          </cell>
          <cell r="D243" t="str">
            <v>供用</v>
          </cell>
          <cell r="E243" t="str">
            <v>日</v>
          </cell>
          <cell r="F243">
            <v>1.65</v>
          </cell>
          <cell r="G243">
            <v>657</v>
          </cell>
          <cell r="H243">
            <v>1084.05</v>
          </cell>
          <cell r="I243" t="str">
            <v>損運3</v>
          </cell>
          <cell r="K243" t="str">
            <v>α＝1.65</v>
          </cell>
        </row>
        <row r="245">
          <cell r="A245">
            <v>41</v>
          </cell>
          <cell r="B245" t="str">
            <v>交通船</v>
          </cell>
          <cell r="C245" t="str">
            <v>船外機船</v>
          </cell>
          <cell r="E245" t="str">
            <v>日</v>
          </cell>
          <cell r="F245">
            <v>1</v>
          </cell>
          <cell r="H245">
            <v>30278.6</v>
          </cell>
          <cell r="I245" t="str">
            <v>単 P51</v>
          </cell>
          <cell r="K245" t="str">
            <v>長崎港</v>
          </cell>
        </row>
        <row r="246">
          <cell r="C246" t="str">
            <v>主燃料</v>
          </cell>
          <cell r="D246" t="str">
            <v>ガソリン</v>
          </cell>
          <cell r="E246" t="str">
            <v>㍑</v>
          </cell>
          <cell r="F246">
            <v>38</v>
          </cell>
          <cell r="G246">
            <v>100</v>
          </cell>
          <cell r="H246">
            <v>3800</v>
          </cell>
          <cell r="I246" t="str">
            <v>県Ⅰ-1（長崎）</v>
          </cell>
        </row>
        <row r="247">
          <cell r="C247" t="str">
            <v>普通船員</v>
          </cell>
          <cell r="E247" t="str">
            <v>人</v>
          </cell>
          <cell r="F247">
            <v>1.3</v>
          </cell>
          <cell r="G247">
            <v>19100</v>
          </cell>
          <cell r="H247">
            <v>24830</v>
          </cell>
          <cell r="I247" t="str">
            <v>長崎</v>
          </cell>
          <cell r="K247" t="str">
            <v>β＝1.3</v>
          </cell>
        </row>
        <row r="248">
          <cell r="C248" t="str">
            <v>損料</v>
          </cell>
          <cell r="D248" t="str">
            <v>運転</v>
          </cell>
          <cell r="E248" t="str">
            <v>日</v>
          </cell>
          <cell r="F248">
            <v>1</v>
          </cell>
          <cell r="G248">
            <v>466</v>
          </cell>
          <cell r="H248">
            <v>466</v>
          </cell>
          <cell r="I248" t="str">
            <v>損運3</v>
          </cell>
        </row>
        <row r="249">
          <cell r="C249" t="str">
            <v>損料</v>
          </cell>
          <cell r="D249" t="str">
            <v>供用</v>
          </cell>
          <cell r="E249" t="str">
            <v>日</v>
          </cell>
          <cell r="F249">
            <v>1.8</v>
          </cell>
          <cell r="G249">
            <v>657</v>
          </cell>
          <cell r="H249">
            <v>1182.5999999999999</v>
          </cell>
          <cell r="I249" t="str">
            <v>損運3</v>
          </cell>
          <cell r="K249" t="str">
            <v>α＝1.8</v>
          </cell>
        </row>
        <row r="251">
          <cell r="A251">
            <v>42</v>
          </cell>
          <cell r="B251" t="str">
            <v>産廃処理費</v>
          </cell>
          <cell r="C251" t="str">
            <v>廃棄機器</v>
          </cell>
          <cell r="E251" t="str">
            <v>㎏</v>
          </cell>
          <cell r="F251">
            <v>1</v>
          </cell>
          <cell r="H251">
            <v>20</v>
          </cell>
        </row>
        <row r="252">
          <cell r="C252" t="str">
            <v>産廃処理費</v>
          </cell>
          <cell r="D252" t="str">
            <v>廃棄機器</v>
          </cell>
          <cell r="E252" t="str">
            <v>㎏</v>
          </cell>
          <cell r="F252">
            <v>1</v>
          </cell>
          <cell r="G252">
            <v>20</v>
          </cell>
          <cell r="H252">
            <v>20</v>
          </cell>
          <cell r="I252" t="str">
            <v>市価</v>
          </cell>
        </row>
        <row r="255">
          <cell r="A255">
            <v>43</v>
          </cell>
          <cell r="B255" t="str">
            <v>廃材運搬</v>
          </cell>
          <cell r="C255" t="str">
            <v>　</v>
          </cell>
          <cell r="D255" t="str">
            <v>　</v>
          </cell>
          <cell r="E255" t="str">
            <v>式</v>
          </cell>
          <cell r="F255">
            <v>1</v>
          </cell>
          <cell r="H255">
            <v>3800</v>
          </cell>
        </row>
        <row r="256">
          <cell r="C256" t="str">
            <v>トラック</v>
          </cell>
          <cell r="D256" t="str">
            <v>１t車、10km以内</v>
          </cell>
          <cell r="E256" t="str">
            <v>台</v>
          </cell>
          <cell r="F256">
            <v>1</v>
          </cell>
          <cell r="G256">
            <v>3800</v>
          </cell>
          <cell r="H256">
            <v>3800</v>
          </cell>
          <cell r="I256" t="str">
            <v>物 P853・積 P794九州　端数処理（3,770円）</v>
          </cell>
        </row>
        <row r="258">
          <cell r="A258">
            <v>44</v>
          </cell>
          <cell r="B258" t="str">
            <v>小車運搬</v>
          </cell>
          <cell r="C258" t="str">
            <v>距離100ｍ・二次製品</v>
          </cell>
          <cell r="D258" t="str">
            <v>空気電池(AWZ-2000)</v>
          </cell>
          <cell r="E258" t="str">
            <v>ｔ</v>
          </cell>
          <cell r="F258">
            <v>1</v>
          </cell>
          <cell r="H258">
            <v>2898</v>
          </cell>
          <cell r="I258" t="str">
            <v>建築 P4-13</v>
          </cell>
        </row>
        <row r="259">
          <cell r="C259" t="str">
            <v>普通作業員</v>
          </cell>
          <cell r="E259" t="str">
            <v>人</v>
          </cell>
          <cell r="F259">
            <v>0.18</v>
          </cell>
          <cell r="G259">
            <v>14000</v>
          </cell>
          <cell r="H259">
            <v>2520</v>
          </cell>
          <cell r="I259" t="str">
            <v>長崎</v>
          </cell>
        </row>
        <row r="260">
          <cell r="C260" t="str">
            <v>その他</v>
          </cell>
          <cell r="D260" t="str">
            <v>（労）×１５％</v>
          </cell>
          <cell r="E260" t="str">
            <v>式</v>
          </cell>
          <cell r="F260">
            <v>1</v>
          </cell>
          <cell r="H260">
            <v>378</v>
          </cell>
          <cell r="I260">
            <v>2520</v>
          </cell>
          <cell r="K260" t="str">
            <v>×</v>
          </cell>
          <cell r="L260">
            <v>0.15</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表紙"/>
      <sheetName val="鏡"/>
      <sheetName val="内訳(撤去工事)"/>
      <sheetName val="代価表紙"/>
      <sheetName val="物価･ｶﾀﾛｸﾞ "/>
      <sheetName val="歩掛(撤去工事)"/>
      <sheetName val="拾･ﾌﾞﾛｱｰ室"/>
      <sheetName val="拾･処理施設"/>
      <sheetName val="拾･屋外幹線"/>
      <sheetName val="拾･集計"/>
      <sheetName val="拾い"/>
      <sheetName val="拾い (2)"/>
      <sheetName val="拾い (3)"/>
      <sheetName val="拾い (4)"/>
      <sheetName val="#REF"/>
      <sheetName val="大鏡"/>
      <sheetName val="内・屋外"/>
      <sheetName val="歩・屋"/>
      <sheetName val="拾・幹線(屋)"/>
      <sheetName val="愛駿寮公共下水道接続工事"/>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新規Microsoft Excel ワークシート"/>
      <sheetName val="本管土工"/>
      <sheetName val="１号ＭＨ"/>
      <sheetName val="汚水枡材料"/>
      <sheetName val="仮復旧"/>
      <sheetName val="#REF"/>
      <sheetName val="M見積表"/>
      <sheetName val="代価表"/>
      <sheetName val="単価一覧表 "/>
      <sheetName val="試運転費"/>
      <sheetName val="共通仮設費"/>
      <sheetName val="一般管理費"/>
      <sheetName val="補助材料"/>
      <sheetName val="内訳書 "/>
    </sheetNames>
    <definedNames>
      <definedName name="ピクチャ5_Click"/>
    </defined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役務費あ"/>
      <sheetName val="共通仮設費あ"/>
      <sheetName val="補材水光仮設率あ"/>
      <sheetName val="水光役務工期あ"/>
      <sheetName val="仮設費あ"/>
      <sheetName val="特別経費あ"/>
      <sheetName val="総合試運転あ"/>
      <sheetName val="機械経費あ"/>
      <sheetName val="水道光熱あ"/>
      <sheetName val="複合工あ"/>
      <sheetName val="技術労務費あ"/>
      <sheetName val="一般労務費あ"/>
      <sheetName val="補助材料あ"/>
      <sheetName val="鋼製品類あ"/>
      <sheetName val="小配管弁類あ"/>
      <sheetName val="鋼管弁類あ"/>
      <sheetName val="小口鋳鉄算あ"/>
      <sheetName val="鋳鉄管弁類あ"/>
      <sheetName val="直接材料あ"/>
      <sheetName val="輸送費計算書あ"/>
      <sheetName val="輸送費計算あ"/>
      <sheetName val="輸送費あ"/>
      <sheetName val="機器費あ"/>
      <sheetName val="内訳甲乙あ"/>
      <sheetName val="表紙あ"/>
      <sheetName val="入力"/>
      <sheetName val="入力内訳"/>
      <sheetName val="入力直接工事"/>
      <sheetName val="入力試運転"/>
      <sheetName val="入力共通仮設"/>
      <sheetName val="入力一般管理"/>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sheetData sheetId="26" refreshError="1"/>
      <sheetData sheetId="27" refreshError="1"/>
      <sheetData sheetId="28" refreshError="1"/>
      <sheetData sheetId="29" refreshError="1"/>
      <sheetData sheetId="30"/>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総括)"/>
      <sheetName val="内訳 "/>
      <sheetName val="代価 表"/>
      <sheetName val="単価表"/>
      <sheetName val="除見比較 （設計用）"/>
      <sheetName val="見積査定率根拠 (2)"/>
      <sheetName val="労務集計"/>
      <sheetName val="据付工"/>
      <sheetName val="複合工"/>
      <sheetName val="し渣吊上機基礎(1)"/>
      <sheetName val="し渣吊上機基礎(2)"/>
      <sheetName val="除塵機基礎(2)"/>
      <sheetName val="し渣搬出機基礎(3)"/>
      <sheetName val="点検歩廊基礎(4)"/>
      <sheetName val="歩廊階段基礎(5)"/>
      <sheetName val="点検歩廊(6)"/>
      <sheetName val="塗装(7)"/>
      <sheetName val="Sheet8"/>
      <sheetName val="Sheet9"/>
      <sheetName val="Sheet10"/>
      <sheetName val="Sheet11"/>
      <sheetName val="Sheet12"/>
      <sheetName val="Sheet13"/>
      <sheetName val="Sheet14"/>
      <sheetName val="Sheet15"/>
      <sheetName val="Sheet16"/>
    </sheetNames>
    <sheetDataSet>
      <sheetData sheetId="0"/>
      <sheetData sheetId="1" refreshError="1"/>
      <sheetData sheetId="2" refreshError="1"/>
      <sheetData sheetId="3" refreshError="1"/>
      <sheetData sheetId="4"/>
      <sheetData sheetId="5" refreshError="1"/>
      <sheetData sheetId="6" refreshError="1"/>
      <sheetData sheetId="7"/>
      <sheetData sheetId="8"/>
      <sheetData sheetId="9"/>
      <sheetData sheetId="10"/>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経費"/>
      <sheetName val="内訳"/>
      <sheetName val="屋外給水"/>
      <sheetName val="外給)代価"/>
      <sheetName val="屋内給水"/>
      <sheetName val="内給)代価"/>
      <sheetName val="屋外排水"/>
      <sheetName val="外排)代価"/>
      <sheetName val="屋内排水"/>
      <sheetName val="衛生"/>
      <sheetName val="衛)代価"/>
      <sheetName val="雨水"/>
      <sheetName val="雨)代価"/>
      <sheetName val="ｶﾞｽ"/>
      <sheetName val="空調"/>
      <sheetName val="空調代価"/>
      <sheetName val="換気"/>
      <sheetName val="換気代価"/>
      <sheetName val="代価表 "/>
      <sheetName val="見比衛生"/>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１"/>
      <sheetName val="土工"/>
      <sheetName val="切盛"/>
      <sheetName val="床集"/>
      <sheetName val="床堀"/>
      <sheetName val="法面整形"/>
      <sheetName val="法面工"/>
      <sheetName val="法面"/>
      <sheetName val="舗装工"/>
      <sheetName val="舗装"/>
      <sheetName val="集計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集計"/>
      <sheetName val="路面復旧"/>
      <sheetName val="材料表"/>
      <sheetName val="排水材料"/>
      <sheetName val="切管表"/>
      <sheetName val="布設工"/>
      <sheetName val="消火栓土工"/>
      <sheetName val="消火栓路面復旧"/>
      <sheetName val="消火栓材料表"/>
      <sheetName val="消火栓布設工"/>
      <sheetName val="Sheet1"/>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容計（ﾕﾆｯﾄ）"/>
      <sheetName val="機器ﾘｽﾄ"/>
      <sheetName val="動力ﾘｽﾄ"/>
      <sheetName val="高宮"/>
      <sheetName val="IC計算"/>
      <sheetName val="建設費"/>
      <sheetName val="１ページ"/>
      <sheetName val="２ページ"/>
      <sheetName val="３ページ"/>
      <sheetName val="容計"/>
      <sheetName val="薬品洗浄薬品費"/>
      <sheetName val="計装ﾘｽﾄ"/>
      <sheetName val="水位作動，警報一覧"/>
      <sheetName val="沈砂池、浄水池、配水池"/>
    </sheetNames>
    <sheetDataSet>
      <sheetData sheetId="0"/>
      <sheetData sheetId="1" refreshError="1"/>
      <sheetData sheetId="2" refreshError="1"/>
      <sheetData sheetId="3" refreshError="1"/>
      <sheetData sheetId="4" refreshError="1"/>
      <sheetData sheetId="5" refreshError="1"/>
      <sheetData sheetId="6"/>
      <sheetData sheetId="7"/>
      <sheetData sheetId="8">
        <row r="38">
          <cell r="G38">
            <v>4000</v>
          </cell>
        </row>
      </sheetData>
      <sheetData sheetId="9" refreshError="1"/>
      <sheetData sheetId="10" refreshError="1"/>
      <sheetData sheetId="11" refreshError="1"/>
      <sheetData sheetId="12" refreshError="1"/>
      <sheetData sheetId="13"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数量・１"/>
      <sheetName val="数量・２ "/>
      <sheetName val="数量・３"/>
      <sheetName val="数量・４"/>
      <sheetName val="数量・５"/>
      <sheetName val="数量・６"/>
      <sheetName val="数量・７"/>
      <sheetName val="数量・８"/>
      <sheetName val="数量・9"/>
      <sheetName val="数量・10"/>
      <sheetName val="数量・11"/>
      <sheetName val="数量・12"/>
      <sheetName val="数量・13"/>
      <sheetName val="数量・14"/>
      <sheetName val="数量・15"/>
      <sheetName val="Sheet1"/>
      <sheetName val="#REF"/>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事後公表"/>
      <sheetName val="内訳書"/>
      <sheetName val="諸経費計算"/>
      <sheetName val="明細書1"/>
      <sheetName val="明細書2"/>
      <sheetName val="明細書3"/>
      <sheetName val="明細書4"/>
      <sheetName val="明細書5"/>
      <sheetName val="明細書6"/>
      <sheetName val="別紙明細書１"/>
      <sheetName val="別紙明細書２"/>
      <sheetName val="別紙明細書３"/>
      <sheetName val="別紙明細書４"/>
      <sheetName val="別紙明細書５"/>
      <sheetName val="別紙明細書６"/>
      <sheetName val="別紙明細書７"/>
      <sheetName val="代価表１"/>
      <sheetName val="代価表２"/>
      <sheetName val="代価表３"/>
      <sheetName val="代価表４"/>
      <sheetName val="代価表５"/>
      <sheetName val="代価表６"/>
      <sheetName val="代価表７"/>
      <sheetName val="代価表８"/>
      <sheetName val="代価表９"/>
      <sheetName val="代価表１０"/>
      <sheetName val="輸送費，役務費"/>
      <sheetName val="設計単価"/>
      <sheetName val="見積比較表（機器）"/>
      <sheetName val="見積比較表 (材料)"/>
      <sheetName val="人工集計表"/>
      <sheetName val="歩掛分類表"/>
      <sheetName val="機器等据付工"/>
      <sheetName val="機器等据付重量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sheetData sheetId="33" refreshError="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15年度4月-企業庁・県建設部単価表　設計書貼付用"/>
      <sheetName val="H15年度4月-企業庁・県建設部単価表"/>
      <sheetName val="佐久島－表紙"/>
      <sheetName val="佐久島－総括表"/>
      <sheetName val="佐久島－代価表(打込有)"/>
      <sheetName val="7残土As（半島部）今回不採用"/>
      <sheetName val="7残土Co（半島部）今回不採用"/>
      <sheetName val="★7.13-14残土As（離島部）不採用"/>
      <sheetName val="★7.15-16残土Co（離島部）不採用"/>
      <sheetName val="14舗設工（今回不採用）"/>
      <sheetName val="空１"/>
      <sheetName val="空２"/>
      <sheetName val="1.舗装切断工(不要)"/>
      <sheetName val="2.取壊As+Co-0.35(今回不要)"/>
    </sheetNames>
    <sheetDataSet>
      <sheetData sheetId="0" refreshError="1"/>
      <sheetData sheetId="1">
        <row r="5">
          <cell r="B5" t="str">
            <v>ダクタイル鋳鉄管　２受Ｔ字管</v>
          </cell>
          <cell r="D5" t="str">
            <v>φ 75×φ 75</v>
          </cell>
          <cell r="E5">
            <v>1</v>
          </cell>
          <cell r="F5" t="str">
            <v>本</v>
          </cell>
          <cell r="G5">
            <v>10249</v>
          </cell>
          <cell r="H5" t="str">
            <v>Ⅳ-256</v>
          </cell>
        </row>
        <row r="6">
          <cell r="B6" t="str">
            <v>ダクタイル鋳鉄管　２受Ｔ字管</v>
          </cell>
          <cell r="D6" t="str">
            <v>φ100×φ 75</v>
          </cell>
          <cell r="E6">
            <v>1</v>
          </cell>
          <cell r="F6" t="str">
            <v>本</v>
          </cell>
          <cell r="G6">
            <v>13104</v>
          </cell>
          <cell r="H6" t="str">
            <v>Ⅳ-256</v>
          </cell>
        </row>
        <row r="7">
          <cell r="B7" t="str">
            <v>ダクタイル鋳鉄管　２受Ｔ字管</v>
          </cell>
          <cell r="D7" t="str">
            <v>φ100×φ100</v>
          </cell>
          <cell r="E7">
            <v>1</v>
          </cell>
          <cell r="F7" t="str">
            <v>本</v>
          </cell>
          <cell r="G7">
            <v>13993</v>
          </cell>
          <cell r="H7" t="str">
            <v>Ⅳ-256</v>
          </cell>
        </row>
        <row r="8">
          <cell r="B8" t="str">
            <v>ダクタイル鋳鉄管　２受Ｔ字管</v>
          </cell>
          <cell r="D8" t="str">
            <v>φ150×φ 75</v>
          </cell>
          <cell r="E8">
            <v>1</v>
          </cell>
          <cell r="F8" t="str">
            <v>本</v>
          </cell>
          <cell r="G8">
            <v>19468</v>
          </cell>
          <cell r="H8" t="str">
            <v>Ⅳ-256</v>
          </cell>
        </row>
        <row r="9">
          <cell r="B9" t="str">
            <v>ダクタイル鋳鉄管　２受Ｔ字管</v>
          </cell>
          <cell r="D9" t="str">
            <v>φ150×φ100</v>
          </cell>
          <cell r="E9">
            <v>1</v>
          </cell>
          <cell r="F9" t="str">
            <v>本</v>
          </cell>
          <cell r="G9">
            <v>20311</v>
          </cell>
          <cell r="H9" t="str">
            <v>Ⅳ-256</v>
          </cell>
        </row>
        <row r="10">
          <cell r="B10" t="str">
            <v>ダクタイル鋳鉄管　２受Ｔ字管</v>
          </cell>
          <cell r="D10" t="str">
            <v>φ150×φ150</v>
          </cell>
          <cell r="E10">
            <v>1</v>
          </cell>
          <cell r="F10" t="str">
            <v>本</v>
          </cell>
          <cell r="G10">
            <v>22136</v>
          </cell>
          <cell r="H10" t="str">
            <v>Ⅳ-256</v>
          </cell>
        </row>
        <row r="11">
          <cell r="B11" t="str">
            <v>ダクタイル鋳鉄管　２受Ｔ字管</v>
          </cell>
          <cell r="D11" t="str">
            <v>φ200×φ100</v>
          </cell>
          <cell r="E11">
            <v>1</v>
          </cell>
          <cell r="F11" t="str">
            <v>本</v>
          </cell>
          <cell r="G11">
            <v>28267</v>
          </cell>
          <cell r="H11" t="str">
            <v>Ⅳ-256</v>
          </cell>
        </row>
        <row r="12">
          <cell r="B12" t="str">
            <v>ダクタイル鋳鉄管　２受Ｔ字管</v>
          </cell>
          <cell r="D12" t="str">
            <v>φ200×φ150</v>
          </cell>
          <cell r="E12">
            <v>1</v>
          </cell>
          <cell r="F12" t="str">
            <v>本</v>
          </cell>
          <cell r="G12">
            <v>33555</v>
          </cell>
          <cell r="H12" t="str">
            <v>Ⅳ-256</v>
          </cell>
        </row>
        <row r="13">
          <cell r="B13" t="str">
            <v>ダクタイル鋳鉄管　２受Ｔ字管</v>
          </cell>
          <cell r="D13" t="str">
            <v>φ200×φ200</v>
          </cell>
          <cell r="E13">
            <v>1</v>
          </cell>
          <cell r="F13" t="str">
            <v>本</v>
          </cell>
          <cell r="G13">
            <v>35474</v>
          </cell>
          <cell r="H13" t="str">
            <v>Ⅳ-256</v>
          </cell>
        </row>
        <row r="14">
          <cell r="B14" t="str">
            <v>ダクタイル鋳鉄管　２受Ｔ字管</v>
          </cell>
          <cell r="D14" t="str">
            <v>φ250×φ100</v>
          </cell>
          <cell r="E14">
            <v>1</v>
          </cell>
          <cell r="F14" t="str">
            <v>本</v>
          </cell>
          <cell r="G14">
            <v>38376</v>
          </cell>
          <cell r="H14" t="str">
            <v>Ⅳ-256</v>
          </cell>
        </row>
        <row r="15">
          <cell r="B15" t="str">
            <v>ダクタイル鋳鉄管　２受Ｔ字管</v>
          </cell>
          <cell r="D15" t="str">
            <v>φ250×φ150</v>
          </cell>
          <cell r="E15">
            <v>1</v>
          </cell>
          <cell r="F15" t="str">
            <v>本</v>
          </cell>
          <cell r="G15">
            <v>40294</v>
          </cell>
          <cell r="H15" t="str">
            <v>Ⅳ-256</v>
          </cell>
        </row>
        <row r="16">
          <cell r="B16" t="str">
            <v>ダクタイル鋳鉄管　２受Ｔ字管</v>
          </cell>
          <cell r="D16" t="str">
            <v>φ250×φ250</v>
          </cell>
          <cell r="E16">
            <v>1</v>
          </cell>
          <cell r="F16" t="str">
            <v>本</v>
          </cell>
          <cell r="G16">
            <v>48204</v>
          </cell>
          <cell r="H16" t="str">
            <v>Ⅳ-256</v>
          </cell>
        </row>
        <row r="17">
          <cell r="B17" t="str">
            <v>ダクタイル鋳鉄管用Ｆ付Ｔ字管</v>
          </cell>
          <cell r="D17" t="str">
            <v>φ 75×φ 75</v>
          </cell>
          <cell r="E17">
            <v>1</v>
          </cell>
          <cell r="F17" t="str">
            <v>本</v>
          </cell>
          <cell r="G17">
            <v>11588</v>
          </cell>
          <cell r="H17" t="str">
            <v>Ⅳ-256</v>
          </cell>
        </row>
        <row r="18">
          <cell r="B18" t="str">
            <v>ダクタイル鋳鉄管用Ｆ付Ｔ字管</v>
          </cell>
          <cell r="D18" t="str">
            <v>φ100×φ 75</v>
          </cell>
          <cell r="E18">
            <v>1</v>
          </cell>
          <cell r="F18" t="str">
            <v>本</v>
          </cell>
          <cell r="G18">
            <v>14146</v>
          </cell>
          <cell r="H18" t="str">
            <v>Ⅳ-256</v>
          </cell>
        </row>
        <row r="19">
          <cell r="B19" t="str">
            <v>ダクタイル鋳鉄管用Ｆ付Ｔ字管</v>
          </cell>
          <cell r="D19" t="str">
            <v>φ150×φ 75</v>
          </cell>
          <cell r="E19">
            <v>1</v>
          </cell>
          <cell r="F19" t="str">
            <v>本</v>
          </cell>
          <cell r="G19">
            <v>20097</v>
          </cell>
          <cell r="H19" t="str">
            <v>Ⅳ-256</v>
          </cell>
        </row>
        <row r="20">
          <cell r="B20" t="str">
            <v>ダクタイル鋳鉄管用Ｆ付Ｔ字管</v>
          </cell>
          <cell r="D20" t="str">
            <v>φ150×φ100</v>
          </cell>
          <cell r="E20">
            <v>1</v>
          </cell>
          <cell r="F20" t="str">
            <v>本</v>
          </cell>
          <cell r="G20">
            <v>21454</v>
          </cell>
          <cell r="H20" t="str">
            <v>Ⅳ-256</v>
          </cell>
        </row>
        <row r="21">
          <cell r="B21" t="str">
            <v>ダクタイル鋳鉄管用Ｆ付Ｔ字管</v>
          </cell>
          <cell r="D21" t="str">
            <v>φ200×φ 75</v>
          </cell>
          <cell r="E21">
            <v>1</v>
          </cell>
          <cell r="F21" t="str">
            <v>本</v>
          </cell>
          <cell r="G21">
            <v>29127</v>
          </cell>
          <cell r="H21" t="str">
            <v>Ⅳ-256</v>
          </cell>
        </row>
        <row r="22">
          <cell r="B22" t="str">
            <v>ダクタイル鋳鉄管用Ｆ付Ｔ字管</v>
          </cell>
          <cell r="D22" t="str">
            <v>φ200×φ100</v>
          </cell>
          <cell r="E22">
            <v>1</v>
          </cell>
          <cell r="F22" t="str">
            <v>本</v>
          </cell>
          <cell r="G22">
            <v>30537</v>
          </cell>
          <cell r="H22" t="str">
            <v>Ⅳ-256</v>
          </cell>
        </row>
        <row r="23">
          <cell r="B23" t="str">
            <v>ダクタイル鋳鉄管用Ｆ付Ｔ字管</v>
          </cell>
          <cell r="D23" t="str">
            <v>φ250×φ 75</v>
          </cell>
          <cell r="E23">
            <v>1</v>
          </cell>
          <cell r="F23" t="str">
            <v>本</v>
          </cell>
          <cell r="G23">
            <v>38262</v>
          </cell>
          <cell r="H23" t="str">
            <v>Ⅳ-256</v>
          </cell>
        </row>
        <row r="24">
          <cell r="B24" t="str">
            <v>ダクタイル鋳鉄管用Ｆ付Ｔ字管</v>
          </cell>
          <cell r="D24" t="str">
            <v>φ250×φ100</v>
          </cell>
          <cell r="E24">
            <v>1</v>
          </cell>
          <cell r="F24" t="str">
            <v>本</v>
          </cell>
          <cell r="G24">
            <v>39828</v>
          </cell>
          <cell r="H24" t="str">
            <v>Ⅳ-256</v>
          </cell>
        </row>
        <row r="25">
          <cell r="B25" t="str">
            <v>ダクタイル鋳鉄管　９０°　曲 管</v>
          </cell>
          <cell r="D25" t="str">
            <v>K形　φ 75</v>
          </cell>
          <cell r="E25">
            <v>1</v>
          </cell>
          <cell r="F25" t="str">
            <v>本</v>
          </cell>
          <cell r="G25">
            <v>6786</v>
          </cell>
          <cell r="H25" t="str">
            <v>Ⅳ-256</v>
          </cell>
        </row>
        <row r="26">
          <cell r="B26" t="str">
            <v>ダクタイル鋳鉄管　９０°　曲 管</v>
          </cell>
          <cell r="D26" t="str">
            <v>K形　φ100</v>
          </cell>
          <cell r="E26">
            <v>1</v>
          </cell>
          <cell r="F26" t="str">
            <v>本</v>
          </cell>
          <cell r="G26">
            <v>8798</v>
          </cell>
          <cell r="H26" t="str">
            <v>Ⅳ-256</v>
          </cell>
        </row>
        <row r="27">
          <cell r="B27" t="str">
            <v>ダクタイル鋳鉄管　９０°　曲 管</v>
          </cell>
          <cell r="D27" t="str">
            <v>K形　φ150</v>
          </cell>
          <cell r="E27">
            <v>1</v>
          </cell>
          <cell r="F27" t="str">
            <v>本</v>
          </cell>
          <cell r="G27">
            <v>15210</v>
          </cell>
          <cell r="H27" t="str">
            <v>Ⅳ-256</v>
          </cell>
        </row>
        <row r="28">
          <cell r="B28" t="str">
            <v>ダクタイル鋳鉄管　９０°　曲 管</v>
          </cell>
          <cell r="D28" t="str">
            <v>K形　φ200</v>
          </cell>
          <cell r="E28">
            <v>1</v>
          </cell>
          <cell r="F28" t="str">
            <v>本</v>
          </cell>
          <cell r="G28">
            <v>26722</v>
          </cell>
          <cell r="H28" t="str">
            <v>Ⅳ-256</v>
          </cell>
        </row>
        <row r="29">
          <cell r="B29" t="str">
            <v>ダクタイル鋳鉄管　９０°　曲 管</v>
          </cell>
          <cell r="D29" t="str">
            <v>K形　φ250</v>
          </cell>
          <cell r="E29">
            <v>1</v>
          </cell>
          <cell r="F29" t="str">
            <v>本</v>
          </cell>
          <cell r="G29">
            <v>37299</v>
          </cell>
          <cell r="H29" t="str">
            <v>Ⅳ-256</v>
          </cell>
        </row>
        <row r="30">
          <cell r="B30" t="str">
            <v>ダクタイル鋳鉄管　４５°　曲 管</v>
          </cell>
          <cell r="D30" t="str">
            <v>K形　φ 75</v>
          </cell>
          <cell r="E30">
            <v>1</v>
          </cell>
          <cell r="F30" t="str">
            <v>本</v>
          </cell>
          <cell r="G30">
            <v>6177</v>
          </cell>
          <cell r="H30" t="str">
            <v>Ⅳ-256</v>
          </cell>
        </row>
        <row r="31">
          <cell r="B31" t="str">
            <v>ダクタイル鋳鉄管　４５°　曲 管</v>
          </cell>
          <cell r="D31" t="str">
            <v>K形　φ100</v>
          </cell>
          <cell r="E31">
            <v>1</v>
          </cell>
          <cell r="F31" t="str">
            <v>本</v>
          </cell>
          <cell r="G31">
            <v>8002</v>
          </cell>
          <cell r="H31" t="str">
            <v>Ⅳ-256</v>
          </cell>
        </row>
        <row r="32">
          <cell r="B32" t="str">
            <v>ダクタイル鋳鉄管　４５°　曲 管</v>
          </cell>
          <cell r="D32" t="str">
            <v>K形　φ150</v>
          </cell>
          <cell r="E32">
            <v>1</v>
          </cell>
          <cell r="F32" t="str">
            <v>本</v>
          </cell>
          <cell r="G32">
            <v>14040</v>
          </cell>
          <cell r="H32" t="str">
            <v>Ⅳ-256</v>
          </cell>
        </row>
        <row r="33">
          <cell r="B33" t="str">
            <v>ダクタイル鋳鉄管　４５°　曲 管</v>
          </cell>
          <cell r="D33" t="str">
            <v>K形　φ200</v>
          </cell>
          <cell r="E33">
            <v>1</v>
          </cell>
          <cell r="F33" t="str">
            <v>本</v>
          </cell>
          <cell r="G33">
            <v>22932</v>
          </cell>
          <cell r="H33" t="str">
            <v>Ⅳ-256</v>
          </cell>
        </row>
        <row r="34">
          <cell r="B34" t="str">
            <v>ダクタイル鋳鉄管　４５°　曲 管</v>
          </cell>
          <cell r="D34" t="str">
            <v>K形　φ250</v>
          </cell>
          <cell r="E34">
            <v>1</v>
          </cell>
          <cell r="F34" t="str">
            <v>本</v>
          </cell>
          <cell r="G34">
            <v>30513</v>
          </cell>
          <cell r="H34" t="str">
            <v>Ⅳ-256</v>
          </cell>
        </row>
        <row r="35">
          <cell r="B35" t="str">
            <v>ダクタイル鋳鉄管　２２ １/２°　曲 管</v>
          </cell>
          <cell r="D35" t="str">
            <v>K形　φ 75</v>
          </cell>
          <cell r="E35">
            <v>1</v>
          </cell>
          <cell r="F35" t="str">
            <v>本</v>
          </cell>
          <cell r="G35">
            <v>6177</v>
          </cell>
          <cell r="H35" t="str">
            <v>Ⅳ-256</v>
          </cell>
        </row>
        <row r="36">
          <cell r="B36" t="str">
            <v>ダクタイル鋳鉄管　２２ １/２°　曲 管</v>
          </cell>
          <cell r="D36" t="str">
            <v>K形　φ100</v>
          </cell>
          <cell r="E36">
            <v>1</v>
          </cell>
          <cell r="F36" t="str">
            <v>本</v>
          </cell>
          <cell r="G36">
            <v>8002</v>
          </cell>
          <cell r="H36" t="str">
            <v>Ⅳ-256</v>
          </cell>
        </row>
        <row r="37">
          <cell r="B37" t="str">
            <v>ダクタイル鋳鉄管　２２ １/２°　曲 管</v>
          </cell>
          <cell r="D37" t="str">
            <v>K形　φ150</v>
          </cell>
          <cell r="E37">
            <v>1</v>
          </cell>
          <cell r="F37" t="str">
            <v>本</v>
          </cell>
          <cell r="G37">
            <v>13244</v>
          </cell>
          <cell r="H37" t="str">
            <v>Ⅳ-256</v>
          </cell>
        </row>
        <row r="38">
          <cell r="B38" t="str">
            <v>ダクタイル鋳鉄管　２２ １/２°　曲 管</v>
          </cell>
          <cell r="D38" t="str">
            <v>K形　φ200</v>
          </cell>
          <cell r="E38">
            <v>1</v>
          </cell>
          <cell r="F38" t="str">
            <v>本</v>
          </cell>
          <cell r="G38">
            <v>21715</v>
          </cell>
          <cell r="H38" t="str">
            <v>Ⅳ-256</v>
          </cell>
        </row>
        <row r="39">
          <cell r="B39" t="str">
            <v>ダクタイル鋳鉄管　２２ １/２°　曲 管</v>
          </cell>
          <cell r="D39" t="str">
            <v>K形　φ250</v>
          </cell>
          <cell r="E39">
            <v>1</v>
          </cell>
          <cell r="F39" t="str">
            <v>本</v>
          </cell>
          <cell r="G39">
            <v>28875</v>
          </cell>
          <cell r="H39" t="str">
            <v>Ⅳ-256</v>
          </cell>
        </row>
        <row r="40">
          <cell r="B40" t="str">
            <v>ダクタイル鋳鉄管　１１ １/４°　曲 管</v>
          </cell>
          <cell r="D40" t="str">
            <v>K形　φ 75</v>
          </cell>
          <cell r="E40">
            <v>1</v>
          </cell>
          <cell r="F40" t="str">
            <v>本</v>
          </cell>
          <cell r="G40">
            <v>8283</v>
          </cell>
          <cell r="H40" t="str">
            <v>Ⅳ-256</v>
          </cell>
        </row>
        <row r="41">
          <cell r="B41" t="str">
            <v>ダクタイル鋳鉄管　１１ １/４°　曲 管</v>
          </cell>
          <cell r="D41" t="str">
            <v>K形　φ100</v>
          </cell>
          <cell r="E41">
            <v>1</v>
          </cell>
          <cell r="F41" t="str">
            <v>本</v>
          </cell>
          <cell r="G41">
            <v>10717</v>
          </cell>
          <cell r="H41" t="str">
            <v>Ⅳ-256</v>
          </cell>
        </row>
        <row r="42">
          <cell r="B42" t="str">
            <v>ダクタイル鋳鉄管　１１ １/４°　曲 管</v>
          </cell>
          <cell r="D42" t="str">
            <v>K形　φ150</v>
          </cell>
          <cell r="E42">
            <v>1</v>
          </cell>
          <cell r="F42" t="str">
            <v>本</v>
          </cell>
          <cell r="G42">
            <v>16239</v>
          </cell>
          <cell r="H42" t="str">
            <v>Ⅳ-256</v>
          </cell>
        </row>
        <row r="43">
          <cell r="B43" t="str">
            <v>ダクタイル鋳鉄管　１１ １/４°　曲 管</v>
          </cell>
          <cell r="D43" t="str">
            <v>K形　φ200</v>
          </cell>
          <cell r="E43">
            <v>1</v>
          </cell>
          <cell r="F43" t="str">
            <v>本</v>
          </cell>
          <cell r="G43">
            <v>29296</v>
          </cell>
          <cell r="H43" t="str">
            <v>Ⅳ-256</v>
          </cell>
        </row>
        <row r="44">
          <cell r="B44" t="str">
            <v>ダクタイル鋳鉄管　１１ １/４°　曲 管</v>
          </cell>
          <cell r="D44" t="str">
            <v>K形　φ250</v>
          </cell>
          <cell r="E44">
            <v>1</v>
          </cell>
          <cell r="F44" t="str">
            <v>本</v>
          </cell>
          <cell r="G44">
            <v>39171</v>
          </cell>
          <cell r="H44" t="str">
            <v>Ⅳ-256</v>
          </cell>
        </row>
        <row r="45">
          <cell r="B45" t="str">
            <v>ダクタイル鋳鉄管　短管１号</v>
          </cell>
          <cell r="D45" t="str">
            <v>φ 75</v>
          </cell>
          <cell r="E45">
            <v>1</v>
          </cell>
          <cell r="F45" t="str">
            <v>本</v>
          </cell>
          <cell r="G45">
            <v>5054</v>
          </cell>
          <cell r="H45" t="str">
            <v>Ⅳ-256</v>
          </cell>
        </row>
        <row r="46">
          <cell r="B46" t="str">
            <v>ダクタイル鋳鉄管　短管１号</v>
          </cell>
          <cell r="D46" t="str">
            <v>φ100</v>
          </cell>
          <cell r="E46">
            <v>1</v>
          </cell>
          <cell r="F46" t="str">
            <v>本</v>
          </cell>
          <cell r="G46">
            <v>6364</v>
          </cell>
          <cell r="H46" t="str">
            <v>Ⅳ-256</v>
          </cell>
        </row>
        <row r="47">
          <cell r="B47" t="str">
            <v>ダクタイル鋳鉄管　短管１号</v>
          </cell>
          <cell r="D47" t="str">
            <v>φ150</v>
          </cell>
          <cell r="E47">
            <v>1</v>
          </cell>
          <cell r="F47" t="str">
            <v>本</v>
          </cell>
          <cell r="G47">
            <v>9172</v>
          </cell>
          <cell r="H47" t="str">
            <v>Ⅳ-256</v>
          </cell>
        </row>
        <row r="48">
          <cell r="B48" t="str">
            <v>ダクタイル鋳鉄管　短管１号</v>
          </cell>
          <cell r="D48" t="str">
            <v>φ200</v>
          </cell>
          <cell r="E48">
            <v>1</v>
          </cell>
          <cell r="F48" t="str">
            <v>本</v>
          </cell>
          <cell r="G48">
            <v>12355</v>
          </cell>
          <cell r="H48" t="str">
            <v>Ⅳ-256</v>
          </cell>
        </row>
        <row r="49">
          <cell r="B49" t="str">
            <v>ダクタイル鋳鉄管　短管１号</v>
          </cell>
          <cell r="D49" t="str">
            <v>φ250</v>
          </cell>
          <cell r="E49">
            <v>1</v>
          </cell>
          <cell r="F49" t="str">
            <v>本</v>
          </cell>
          <cell r="G49">
            <v>18018</v>
          </cell>
          <cell r="H49" t="str">
            <v>Ⅳ-256</v>
          </cell>
        </row>
        <row r="50">
          <cell r="B50" t="str">
            <v>ダクタイル鋳鉄管　短管２号</v>
          </cell>
          <cell r="D50" t="str">
            <v>φ 75</v>
          </cell>
          <cell r="E50">
            <v>1</v>
          </cell>
          <cell r="F50" t="str">
            <v>本</v>
          </cell>
          <cell r="G50">
            <v>7066</v>
          </cell>
          <cell r="H50" t="str">
            <v>Ⅳ-256</v>
          </cell>
        </row>
        <row r="51">
          <cell r="B51" t="str">
            <v>ダクタイル鋳鉄管　短管２号</v>
          </cell>
          <cell r="D51" t="str">
            <v>φ100</v>
          </cell>
          <cell r="E51">
            <v>1</v>
          </cell>
          <cell r="F51" t="str">
            <v>本</v>
          </cell>
          <cell r="G51">
            <v>8985</v>
          </cell>
          <cell r="H51" t="str">
            <v>Ⅳ-256</v>
          </cell>
        </row>
        <row r="52">
          <cell r="B52" t="str">
            <v>ダクタイル鋳鉄管　短管２号</v>
          </cell>
          <cell r="D52" t="str">
            <v>φ150</v>
          </cell>
          <cell r="E52">
            <v>1</v>
          </cell>
          <cell r="F52" t="str">
            <v>本</v>
          </cell>
          <cell r="G52">
            <v>13525</v>
          </cell>
          <cell r="H52" t="str">
            <v>Ⅳ-256</v>
          </cell>
        </row>
        <row r="53">
          <cell r="B53" t="str">
            <v>ダクタイル鋳鉄管　短管２号</v>
          </cell>
          <cell r="D53" t="str">
            <v>φ200</v>
          </cell>
          <cell r="E53">
            <v>1</v>
          </cell>
          <cell r="F53" t="str">
            <v>本</v>
          </cell>
          <cell r="G53">
            <v>20685</v>
          </cell>
          <cell r="H53" t="str">
            <v>Ⅳ-256</v>
          </cell>
        </row>
        <row r="54">
          <cell r="B54" t="str">
            <v>ダクタイル鋳鉄管　短管２号</v>
          </cell>
          <cell r="D54" t="str">
            <v>φ250</v>
          </cell>
          <cell r="E54">
            <v>1</v>
          </cell>
          <cell r="F54" t="str">
            <v>本</v>
          </cell>
          <cell r="G54">
            <v>28314</v>
          </cell>
          <cell r="H54" t="str">
            <v>Ⅳ-256</v>
          </cell>
        </row>
        <row r="55">
          <cell r="B55" t="str">
            <v>ダクタイル鋳鉄管　継ぎ輪</v>
          </cell>
          <cell r="D55" t="str">
            <v>K形　φ 75</v>
          </cell>
          <cell r="E55">
            <v>1</v>
          </cell>
          <cell r="F55" t="str">
            <v>本</v>
          </cell>
          <cell r="G55">
            <v>6645</v>
          </cell>
          <cell r="H55" t="str">
            <v>Ⅳ-256</v>
          </cell>
        </row>
        <row r="56">
          <cell r="B56" t="str">
            <v>ダクタイル鋳鉄管　継ぎ輪</v>
          </cell>
          <cell r="D56" t="str">
            <v>K形　φ100</v>
          </cell>
          <cell r="E56">
            <v>1</v>
          </cell>
          <cell r="F56" t="str">
            <v>本</v>
          </cell>
          <cell r="G56">
            <v>8377</v>
          </cell>
          <cell r="H56" t="str">
            <v>Ⅳ-256</v>
          </cell>
        </row>
        <row r="57">
          <cell r="B57" t="str">
            <v>ダクタイル鋳鉄管　継ぎ輪</v>
          </cell>
          <cell r="D57" t="str">
            <v>K形　φ150</v>
          </cell>
          <cell r="E57">
            <v>1</v>
          </cell>
          <cell r="F57" t="str">
            <v>本</v>
          </cell>
          <cell r="G57">
            <v>11746</v>
          </cell>
          <cell r="H57" t="str">
            <v>Ⅳ-256</v>
          </cell>
        </row>
        <row r="58">
          <cell r="B58" t="str">
            <v>ダクタイル鋳鉄管　継ぎ輪</v>
          </cell>
          <cell r="D58" t="str">
            <v>K形　φ200</v>
          </cell>
          <cell r="E58">
            <v>1</v>
          </cell>
          <cell r="F58" t="str">
            <v>本</v>
          </cell>
          <cell r="G58">
            <v>14695</v>
          </cell>
          <cell r="H58" t="str">
            <v>Ⅳ-256</v>
          </cell>
        </row>
        <row r="59">
          <cell r="B59" t="str">
            <v>ダクタイル鋳鉄管　継ぎ輪</v>
          </cell>
          <cell r="D59" t="str">
            <v>K形　φ250</v>
          </cell>
          <cell r="E59">
            <v>1</v>
          </cell>
          <cell r="F59" t="str">
            <v>本</v>
          </cell>
          <cell r="G59">
            <v>18205</v>
          </cell>
          <cell r="H59" t="str">
            <v>Ⅳ-256</v>
          </cell>
        </row>
        <row r="60">
          <cell r="B60" t="str">
            <v>ダクタイル鋳鉄管用受挿し片落管</v>
          </cell>
          <cell r="D60" t="str">
            <v>φ100×φ 75</v>
          </cell>
          <cell r="E60">
            <v>1</v>
          </cell>
          <cell r="F60" t="str">
            <v>本</v>
          </cell>
          <cell r="G60">
            <v>8456</v>
          </cell>
          <cell r="H60" t="str">
            <v>Ⅳ-256</v>
          </cell>
        </row>
        <row r="61">
          <cell r="B61" t="str">
            <v>ダクタイル鋳鉄管用受挿し片落管</v>
          </cell>
          <cell r="D61" t="str">
            <v>φ150×φ100</v>
          </cell>
          <cell r="E61">
            <v>1</v>
          </cell>
          <cell r="F61" t="str">
            <v>本</v>
          </cell>
          <cell r="G61">
            <v>11953</v>
          </cell>
          <cell r="H61" t="str">
            <v>Ⅳ-256</v>
          </cell>
        </row>
        <row r="62">
          <cell r="B62" t="str">
            <v>ダクタイル鋳鉄管用受挿し片落管</v>
          </cell>
          <cell r="D62" t="str">
            <v>φ200×φ100</v>
          </cell>
          <cell r="E62">
            <v>1</v>
          </cell>
          <cell r="F62" t="str">
            <v>本</v>
          </cell>
          <cell r="G62">
            <v>15921</v>
          </cell>
          <cell r="H62" t="str">
            <v>Ⅳ-256</v>
          </cell>
        </row>
        <row r="63">
          <cell r="B63" t="str">
            <v>ダクタイル鋳鉄管用受挿し片落管</v>
          </cell>
          <cell r="D63" t="str">
            <v>φ200×φ150</v>
          </cell>
          <cell r="E63">
            <v>1</v>
          </cell>
          <cell r="F63" t="str">
            <v>本</v>
          </cell>
          <cell r="G63">
            <v>18844</v>
          </cell>
          <cell r="H63" t="str">
            <v>Ⅳ-256</v>
          </cell>
        </row>
        <row r="64">
          <cell r="B64" t="str">
            <v>ダクタイル鋳鉄管用受挿し片落管</v>
          </cell>
          <cell r="D64" t="str">
            <v>φ250×φ100</v>
          </cell>
          <cell r="E64">
            <v>1</v>
          </cell>
          <cell r="F64" t="str">
            <v>本</v>
          </cell>
          <cell r="G64">
            <v>21610</v>
          </cell>
          <cell r="H64" t="str">
            <v>Ⅳ-256</v>
          </cell>
        </row>
        <row r="65">
          <cell r="B65" t="str">
            <v>ダクタイル鋳鉄管用受挿し片落管</v>
          </cell>
          <cell r="D65" t="str">
            <v>φ250×φ150</v>
          </cell>
          <cell r="E65">
            <v>1</v>
          </cell>
          <cell r="F65" t="str">
            <v>本</v>
          </cell>
          <cell r="G65">
            <v>25108</v>
          </cell>
          <cell r="H65" t="str">
            <v>Ⅳ-256</v>
          </cell>
        </row>
        <row r="66">
          <cell r="B66" t="str">
            <v>ダクタイル鋳鉄管用受挿し片落管</v>
          </cell>
          <cell r="D66" t="str">
            <v>φ250×φ200</v>
          </cell>
          <cell r="E66">
            <v>1</v>
          </cell>
          <cell r="F66" t="str">
            <v>本</v>
          </cell>
          <cell r="G66">
            <v>28083</v>
          </cell>
          <cell r="H66" t="str">
            <v>Ⅳ-256</v>
          </cell>
        </row>
        <row r="67">
          <cell r="B67" t="str">
            <v>ダクタイル鋳鉄管用挿し受片落管</v>
          </cell>
          <cell r="D67" t="str">
            <v>φ100×φ 75</v>
          </cell>
          <cell r="E67">
            <v>1</v>
          </cell>
          <cell r="F67" t="str">
            <v>本</v>
          </cell>
          <cell r="G67">
            <v>8038</v>
          </cell>
          <cell r="H67" t="str">
            <v>Ⅳ-256</v>
          </cell>
        </row>
        <row r="68">
          <cell r="B68" t="str">
            <v>ダクタイル鋳鉄管用挿し受片落管</v>
          </cell>
          <cell r="D68" t="str">
            <v>φ150×φ100</v>
          </cell>
          <cell r="E68">
            <v>1</v>
          </cell>
          <cell r="F68" t="str">
            <v>本</v>
          </cell>
          <cell r="G68">
            <v>11275</v>
          </cell>
          <cell r="H68" t="str">
            <v>Ⅳ-256</v>
          </cell>
        </row>
        <row r="69">
          <cell r="B69" t="str">
            <v>ダクタイル鋳鉄管用挿し受片落管</v>
          </cell>
          <cell r="D69" t="str">
            <v>φ200×φ100</v>
          </cell>
          <cell r="E69">
            <v>1</v>
          </cell>
          <cell r="F69" t="str">
            <v>本</v>
          </cell>
          <cell r="G69">
            <v>14877</v>
          </cell>
          <cell r="H69" t="str">
            <v>Ⅳ-256</v>
          </cell>
        </row>
        <row r="70">
          <cell r="B70" t="str">
            <v>ダクタイル鋳鉄管用挿し受片落管</v>
          </cell>
          <cell r="D70" t="str">
            <v>φ200×φ150</v>
          </cell>
          <cell r="E70">
            <v>1</v>
          </cell>
          <cell r="F70" t="str">
            <v>本</v>
          </cell>
          <cell r="G70">
            <v>18270</v>
          </cell>
          <cell r="H70" t="str">
            <v>Ⅳ-256</v>
          </cell>
        </row>
        <row r="71">
          <cell r="B71" t="str">
            <v>ダクタイル鋳鉄管用挿し受片落管</v>
          </cell>
          <cell r="D71" t="str">
            <v>φ250×φ100</v>
          </cell>
          <cell r="E71">
            <v>1</v>
          </cell>
          <cell r="F71" t="str">
            <v>本</v>
          </cell>
          <cell r="G71">
            <v>19992</v>
          </cell>
          <cell r="H71" t="str">
            <v>Ⅳ-256</v>
          </cell>
        </row>
        <row r="72">
          <cell r="B72" t="str">
            <v>ダクタイル鋳鉄管用挿し受片落管</v>
          </cell>
          <cell r="D72" t="str">
            <v>φ250×φ150</v>
          </cell>
          <cell r="E72">
            <v>1</v>
          </cell>
          <cell r="F72" t="str">
            <v>本</v>
          </cell>
          <cell r="G72">
            <v>23907</v>
          </cell>
          <cell r="H72" t="str">
            <v>Ⅳ-256</v>
          </cell>
        </row>
        <row r="73">
          <cell r="B73" t="str">
            <v>ダクタイル鋳鉄管用挿し受片落管</v>
          </cell>
          <cell r="D73" t="str">
            <v>φ250×φ200</v>
          </cell>
          <cell r="E73">
            <v>1</v>
          </cell>
          <cell r="F73" t="str">
            <v>本</v>
          </cell>
          <cell r="G73">
            <v>27509</v>
          </cell>
          <cell r="H73" t="str">
            <v>Ⅳ-256</v>
          </cell>
        </row>
        <row r="74">
          <cell r="B74" t="str">
            <v>ダクタイル鋳鉄管用メカ栓</v>
          </cell>
          <cell r="D74" t="str">
            <v>φ75</v>
          </cell>
          <cell r="E74">
            <v>1</v>
          </cell>
          <cell r="F74" t="str">
            <v>本</v>
          </cell>
          <cell r="G74">
            <v>2833</v>
          </cell>
          <cell r="H74" t="str">
            <v>Ⅳ-256</v>
          </cell>
        </row>
        <row r="75">
          <cell r="B75" t="str">
            <v>ダクタイル鋳鉄管用メカ栓</v>
          </cell>
          <cell r="D75" t="str">
            <v>φ100</v>
          </cell>
          <cell r="E75">
            <v>1</v>
          </cell>
          <cell r="F75" t="str">
            <v>本</v>
          </cell>
          <cell r="G75">
            <v>3893</v>
          </cell>
          <cell r="H75" t="str">
            <v>Ⅳ-256</v>
          </cell>
        </row>
        <row r="76">
          <cell r="B76" t="str">
            <v>ダクタイル鋳鉄管用メカ栓</v>
          </cell>
          <cell r="D76" t="str">
            <v>φ150</v>
          </cell>
          <cell r="E76">
            <v>1</v>
          </cell>
          <cell r="F76" t="str">
            <v>本</v>
          </cell>
          <cell r="G76">
            <v>5890</v>
          </cell>
          <cell r="H76" t="str">
            <v>Ⅳ-256</v>
          </cell>
        </row>
        <row r="77">
          <cell r="B77" t="str">
            <v>ダクタイル鋳鉄管用メカ栓</v>
          </cell>
          <cell r="D77" t="str">
            <v>φ200</v>
          </cell>
          <cell r="E77">
            <v>1</v>
          </cell>
          <cell r="F77" t="str">
            <v>本</v>
          </cell>
          <cell r="G77">
            <v>8639</v>
          </cell>
          <cell r="H77" t="str">
            <v>Ⅳ-256</v>
          </cell>
        </row>
        <row r="78">
          <cell r="B78" t="str">
            <v>ダクタイル鋳鉄管用メカ栓</v>
          </cell>
          <cell r="D78" t="str">
            <v>φ250</v>
          </cell>
          <cell r="E78">
            <v>1</v>
          </cell>
          <cell r="F78" t="str">
            <v>本</v>
          </cell>
          <cell r="G78">
            <v>11837</v>
          </cell>
          <cell r="H78" t="str">
            <v>Ⅳ-256</v>
          </cell>
        </row>
        <row r="79">
          <cell r="B79" t="str">
            <v>フランジ短管</v>
          </cell>
          <cell r="D79" t="str">
            <v>φ 75×250H</v>
          </cell>
          <cell r="E79">
            <v>1</v>
          </cell>
          <cell r="F79" t="str">
            <v>本</v>
          </cell>
          <cell r="G79">
            <v>6055</v>
          </cell>
          <cell r="H79" t="str">
            <v>Ⅳ-256</v>
          </cell>
        </row>
        <row r="80">
          <cell r="B80" t="str">
            <v>フランジ短管</v>
          </cell>
          <cell r="D80" t="str">
            <v>φ 75×500H</v>
          </cell>
          <cell r="E80">
            <v>1</v>
          </cell>
          <cell r="F80" t="str">
            <v>本</v>
          </cell>
          <cell r="G80">
            <v>8143</v>
          </cell>
          <cell r="H80" t="str">
            <v>Ⅳ-256</v>
          </cell>
        </row>
        <row r="81">
          <cell r="B81" t="str">
            <v>フランジ短管</v>
          </cell>
          <cell r="D81" t="str">
            <v>φ100×250H</v>
          </cell>
          <cell r="E81">
            <v>1</v>
          </cell>
          <cell r="F81" t="str">
            <v>本</v>
          </cell>
          <cell r="G81">
            <v>7464</v>
          </cell>
          <cell r="H81" t="str">
            <v>Ⅳ-256</v>
          </cell>
        </row>
        <row r="82">
          <cell r="B82" t="str">
            <v>貨物車　重機運搬費</v>
          </cell>
          <cell r="D82" t="str">
            <v>0.35m3 片道10km　11t車</v>
          </cell>
          <cell r="E82">
            <v>1</v>
          </cell>
          <cell r="F82" t="str">
            <v>回</v>
          </cell>
          <cell r="G82">
            <v>52000</v>
          </cell>
          <cell r="H82" t="str">
            <v>Ⅳ-300</v>
          </cell>
        </row>
        <row r="83">
          <cell r="A83" t="str">
            <v>Aコード</v>
          </cell>
        </row>
        <row r="84">
          <cell r="A84" t="str">
            <v>A0100</v>
          </cell>
          <cell r="B84" t="str">
            <v>特殊作業員</v>
          </cell>
          <cell r="E84">
            <v>1</v>
          </cell>
          <cell r="F84" t="str">
            <v>人</v>
          </cell>
          <cell r="G84">
            <v>18300</v>
          </cell>
        </row>
        <row r="85">
          <cell r="A85" t="str">
            <v>A0200</v>
          </cell>
          <cell r="B85" t="str">
            <v>普通作業員</v>
          </cell>
          <cell r="E85">
            <v>1</v>
          </cell>
          <cell r="F85" t="str">
            <v>人</v>
          </cell>
          <cell r="G85">
            <v>15400</v>
          </cell>
        </row>
        <row r="86">
          <cell r="A86" t="str">
            <v>A3100</v>
          </cell>
          <cell r="B86" t="str">
            <v>配管工</v>
          </cell>
          <cell r="E86">
            <v>1</v>
          </cell>
          <cell r="F86" t="str">
            <v>人</v>
          </cell>
          <cell r="G86">
            <v>17500</v>
          </cell>
        </row>
        <row r="87">
          <cell r="A87" t="str">
            <v>A4000</v>
          </cell>
          <cell r="B87" t="str">
            <v>世話役</v>
          </cell>
          <cell r="E87">
            <v>1</v>
          </cell>
          <cell r="F87" t="str">
            <v>人</v>
          </cell>
          <cell r="G87">
            <v>21300</v>
          </cell>
        </row>
        <row r="88">
          <cell r="A88" t="str">
            <v>Bコード</v>
          </cell>
        </row>
        <row r="89">
          <cell r="A89" t="str">
            <v>B7021</v>
          </cell>
          <cell r="B89" t="str">
            <v>区画線設置工</v>
          </cell>
          <cell r="D89" t="str">
            <v>実線　白線　W=15cm</v>
          </cell>
          <cell r="E89">
            <v>1</v>
          </cell>
          <cell r="F89" t="str">
            <v>ｍ</v>
          </cell>
          <cell r="G89">
            <v>257</v>
          </cell>
        </row>
        <row r="90">
          <cell r="A90" t="str">
            <v>B7023</v>
          </cell>
          <cell r="B90" t="str">
            <v>区画線設置工</v>
          </cell>
          <cell r="D90" t="str">
            <v>実線　白線　W=30cm</v>
          </cell>
          <cell r="E90">
            <v>1</v>
          </cell>
          <cell r="F90" t="str">
            <v>ｍ</v>
          </cell>
          <cell r="G90">
            <v>442</v>
          </cell>
        </row>
        <row r="91">
          <cell r="A91" t="str">
            <v>B7033</v>
          </cell>
          <cell r="B91" t="str">
            <v>区画線設置工</v>
          </cell>
          <cell r="D91" t="str">
            <v>実線　白線　W=45cm</v>
          </cell>
          <cell r="E91">
            <v>1</v>
          </cell>
          <cell r="F91" t="str">
            <v>ｍ</v>
          </cell>
          <cell r="G91">
            <v>625</v>
          </cell>
        </row>
        <row r="92">
          <cell r="A92" t="str">
            <v>B7036</v>
          </cell>
          <cell r="B92" t="str">
            <v>区画線設置工</v>
          </cell>
          <cell r="D92" t="str">
            <v>文字　白</v>
          </cell>
          <cell r="E92">
            <v>1</v>
          </cell>
          <cell r="F92" t="str">
            <v>ｍ</v>
          </cell>
          <cell r="G92">
            <v>507</v>
          </cell>
        </row>
        <row r="93">
          <cell r="A93" t="str">
            <v>B7036</v>
          </cell>
          <cell r="B93" t="str">
            <v>区画線設置工</v>
          </cell>
          <cell r="D93" t="str">
            <v>文字　黄</v>
          </cell>
          <cell r="E93">
            <v>1</v>
          </cell>
          <cell r="F93" t="str">
            <v>ｍ</v>
          </cell>
          <cell r="G93">
            <v>507</v>
          </cell>
        </row>
        <row r="94">
          <cell r="A94" t="str">
            <v>Cコード</v>
          </cell>
        </row>
        <row r="95">
          <cell r="A95" t="str">
            <v>C0041</v>
          </cell>
          <cell r="B95" t="str">
            <v>モルタルライニング Ｋ形 第３種ダクタイル鋳鉄管</v>
          </cell>
          <cell r="D95" t="str">
            <v>φ75×4.00ｍ</v>
          </cell>
          <cell r="E95">
            <v>1</v>
          </cell>
          <cell r="F95" t="str">
            <v>本</v>
          </cell>
          <cell r="G95">
            <v>10800</v>
          </cell>
          <cell r="H95" t="str">
            <v>52.1kg</v>
          </cell>
        </row>
        <row r="96">
          <cell r="A96" t="str">
            <v>C0042</v>
          </cell>
          <cell r="B96" t="str">
            <v>モルタルライニング Ｋ形 第３種ダクタイル鋳鉄管</v>
          </cell>
          <cell r="D96" t="str">
            <v>φ100×4.00ｍ</v>
          </cell>
          <cell r="E96">
            <v>1</v>
          </cell>
          <cell r="F96" t="str">
            <v>本</v>
          </cell>
          <cell r="G96">
            <v>14000</v>
          </cell>
          <cell r="H96" t="str">
            <v>67.0kg</v>
          </cell>
        </row>
        <row r="97">
          <cell r="A97" t="str">
            <v>C0043</v>
          </cell>
          <cell r="B97" t="str">
            <v>モルタルライニング Ｋ形 第３種ダクタイル鋳鉄管</v>
          </cell>
          <cell r="D97" t="str">
            <v>φ150×5.00ｍ</v>
          </cell>
          <cell r="E97">
            <v>1</v>
          </cell>
          <cell r="F97" t="str">
            <v>本</v>
          </cell>
          <cell r="G97">
            <v>24800</v>
          </cell>
          <cell r="H97" t="str">
            <v>119.0kg</v>
          </cell>
        </row>
        <row r="98">
          <cell r="A98" t="str">
            <v>C0044</v>
          </cell>
          <cell r="B98" t="str">
            <v>モルタルライニング Ｋ形 第３種ダクタイル鋳鉄管</v>
          </cell>
          <cell r="D98" t="str">
            <v>φ200×5.00ｍ</v>
          </cell>
          <cell r="E98">
            <v>1</v>
          </cell>
          <cell r="F98" t="str">
            <v>本</v>
          </cell>
          <cell r="G98">
            <v>32800</v>
          </cell>
          <cell r="H98" t="str">
            <v>157.0kg</v>
          </cell>
        </row>
        <row r="99">
          <cell r="A99" t="str">
            <v>C0045</v>
          </cell>
          <cell r="B99" t="str">
            <v>モルタルライニング Ｋ形 第３種ダクタイル鋳鉄管</v>
          </cell>
          <cell r="D99" t="str">
            <v>φ250×5.00ｍ</v>
          </cell>
          <cell r="E99">
            <v>1</v>
          </cell>
          <cell r="F99" t="str">
            <v>本</v>
          </cell>
          <cell r="G99">
            <v>40700</v>
          </cell>
          <cell r="H99" t="str">
            <v>195.0kg</v>
          </cell>
        </row>
        <row r="100">
          <cell r="A100" t="str">
            <v>C1701</v>
          </cell>
          <cell r="B100" t="str">
            <v>ダクタイル鋳鉄管　特殊押輪</v>
          </cell>
          <cell r="D100" t="str">
            <v>K形　φ75</v>
          </cell>
          <cell r="E100">
            <v>1</v>
          </cell>
          <cell r="F100" t="str">
            <v>組</v>
          </cell>
          <cell r="G100">
            <v>2490</v>
          </cell>
        </row>
        <row r="101">
          <cell r="A101" t="str">
            <v>C1702</v>
          </cell>
          <cell r="B101" t="str">
            <v>ダクタイル鋳鉄管　特殊押輪</v>
          </cell>
          <cell r="D101" t="str">
            <v>K形　φ100</v>
          </cell>
          <cell r="E101">
            <v>1</v>
          </cell>
          <cell r="F101" t="str">
            <v>組</v>
          </cell>
          <cell r="G101">
            <v>2910</v>
          </cell>
        </row>
        <row r="102">
          <cell r="A102" t="str">
            <v>C1703</v>
          </cell>
          <cell r="B102" t="str">
            <v>ダクタイル鋳鉄管　特殊押輪</v>
          </cell>
          <cell r="D102" t="str">
            <v>K形　φ150</v>
          </cell>
          <cell r="E102">
            <v>1</v>
          </cell>
          <cell r="F102" t="str">
            <v>組</v>
          </cell>
          <cell r="G102">
            <v>4360</v>
          </cell>
        </row>
        <row r="103">
          <cell r="A103" t="str">
            <v>C1704</v>
          </cell>
          <cell r="B103" t="str">
            <v>ダクタイル鋳鉄管　特殊押輪</v>
          </cell>
          <cell r="D103" t="str">
            <v>K形　φ200</v>
          </cell>
          <cell r="E103">
            <v>1</v>
          </cell>
          <cell r="F103" t="str">
            <v>組</v>
          </cell>
          <cell r="G103">
            <v>4900</v>
          </cell>
        </row>
        <row r="104">
          <cell r="A104" t="str">
            <v>C1705</v>
          </cell>
          <cell r="B104" t="str">
            <v>ダクタイル鋳鉄管　特殊押輪</v>
          </cell>
          <cell r="D104" t="str">
            <v>K形　φ250</v>
          </cell>
          <cell r="E104">
            <v>1</v>
          </cell>
          <cell r="F104" t="str">
            <v>組</v>
          </cell>
          <cell r="G104">
            <v>6630</v>
          </cell>
        </row>
        <row r="105">
          <cell r="A105" t="str">
            <v>C1861</v>
          </cell>
          <cell r="B105" t="str">
            <v>ダクタイル鋳鉄管　普通押輪</v>
          </cell>
          <cell r="D105" t="str">
            <v>K形　φ75</v>
          </cell>
          <cell r="E105">
            <v>1</v>
          </cell>
          <cell r="F105" t="str">
            <v>組</v>
          </cell>
          <cell r="G105">
            <v>1496</v>
          </cell>
        </row>
        <row r="106">
          <cell r="A106" t="str">
            <v>C1862</v>
          </cell>
          <cell r="B106" t="str">
            <v>ダクタイル鋳鉄管　普通押輪</v>
          </cell>
          <cell r="D106" t="str">
            <v>K形　φ100</v>
          </cell>
          <cell r="E106">
            <v>1</v>
          </cell>
          <cell r="F106" t="str">
            <v>組</v>
          </cell>
          <cell r="G106">
            <v>1880</v>
          </cell>
        </row>
        <row r="107">
          <cell r="A107" t="str">
            <v>C1863</v>
          </cell>
          <cell r="B107" t="str">
            <v>ダクタイル鋳鉄管　普通押輪</v>
          </cell>
          <cell r="D107" t="str">
            <v>K形　φ150</v>
          </cell>
          <cell r="E107">
            <v>1</v>
          </cell>
          <cell r="F107" t="str">
            <v>組</v>
          </cell>
          <cell r="G107">
            <v>2800</v>
          </cell>
        </row>
        <row r="108">
          <cell r="A108" t="str">
            <v>C1864</v>
          </cell>
          <cell r="B108" t="str">
            <v>ダクタイル鋳鉄管　普通押輪</v>
          </cell>
          <cell r="D108" t="str">
            <v>K形　φ200</v>
          </cell>
          <cell r="E108">
            <v>1</v>
          </cell>
          <cell r="F108" t="str">
            <v>組</v>
          </cell>
          <cell r="G108">
            <v>3278</v>
          </cell>
        </row>
        <row r="109">
          <cell r="A109" t="str">
            <v>C1865</v>
          </cell>
          <cell r="B109" t="str">
            <v>ダクタイル鋳鉄管　普通押輪</v>
          </cell>
          <cell r="D109" t="str">
            <v>K形　φ250</v>
          </cell>
          <cell r="E109">
            <v>1</v>
          </cell>
          <cell r="F109" t="str">
            <v>組</v>
          </cell>
          <cell r="G109">
            <v>4420</v>
          </cell>
        </row>
        <row r="110">
          <cell r="A110" t="str">
            <v>C2120</v>
          </cell>
          <cell r="B110" t="str">
            <v>ポリスリーブ用　　　　　　粘着テープ</v>
          </cell>
          <cell r="E110">
            <v>1</v>
          </cell>
          <cell r="F110" t="str">
            <v>巻</v>
          </cell>
          <cell r="G110">
            <v>240</v>
          </cell>
        </row>
        <row r="111">
          <cell r="A111" t="str">
            <v>C2121</v>
          </cell>
          <cell r="B111" t="str">
            <v>ポリエチレンスリーブ</v>
          </cell>
          <cell r="D111" t="str">
            <v>φ75</v>
          </cell>
          <cell r="E111">
            <v>1</v>
          </cell>
          <cell r="F111" t="str">
            <v>本</v>
          </cell>
          <cell r="G111">
            <v>656</v>
          </cell>
          <cell r="H111" t="str">
            <v>材料のみ　固定ﾊﾞﾝﾄﾞ含まない</v>
          </cell>
        </row>
        <row r="112">
          <cell r="A112" t="str">
            <v>C2122</v>
          </cell>
          <cell r="B112" t="str">
            <v>ポリエチレンスリーブ</v>
          </cell>
          <cell r="D112" t="str">
            <v>φ100</v>
          </cell>
          <cell r="E112">
            <v>1</v>
          </cell>
          <cell r="F112" t="str">
            <v>本</v>
          </cell>
          <cell r="G112">
            <v>720</v>
          </cell>
          <cell r="H112" t="str">
            <v>材料のみ　固定ﾊﾞﾝﾄﾞ含まない</v>
          </cell>
        </row>
        <row r="113">
          <cell r="A113" t="str">
            <v>C2123</v>
          </cell>
          <cell r="B113" t="str">
            <v>ポリエチレンスリーブ</v>
          </cell>
          <cell r="D113" t="str">
            <v>φ150</v>
          </cell>
          <cell r="E113">
            <v>1</v>
          </cell>
          <cell r="F113" t="str">
            <v>本</v>
          </cell>
          <cell r="G113">
            <v>1040</v>
          </cell>
          <cell r="H113" t="str">
            <v>材料のみ　固定ﾊﾞﾝﾄﾞ含まない</v>
          </cell>
        </row>
        <row r="114">
          <cell r="A114" t="str">
            <v>C2124</v>
          </cell>
          <cell r="B114" t="str">
            <v>ポリエチレンスリーブ</v>
          </cell>
          <cell r="D114" t="str">
            <v>φ200</v>
          </cell>
          <cell r="E114">
            <v>1</v>
          </cell>
          <cell r="F114" t="str">
            <v>本</v>
          </cell>
          <cell r="G114">
            <v>1200</v>
          </cell>
          <cell r="H114" t="str">
            <v>材料のみ　固定ﾊﾞﾝﾄﾞ含まない</v>
          </cell>
        </row>
        <row r="115">
          <cell r="A115" t="str">
            <v>C2125</v>
          </cell>
          <cell r="B115" t="str">
            <v>ポリエチレンスリーブ</v>
          </cell>
          <cell r="D115" t="str">
            <v>φ250</v>
          </cell>
          <cell r="E115">
            <v>1</v>
          </cell>
          <cell r="F115" t="str">
            <v>本</v>
          </cell>
          <cell r="G115">
            <v>1360</v>
          </cell>
          <cell r="H115" t="str">
            <v>材料のみ　固定ﾊﾞﾝﾄﾞ含まない</v>
          </cell>
        </row>
        <row r="116">
          <cell r="A116" t="str">
            <v>C2126</v>
          </cell>
          <cell r="B116" t="str">
            <v>ポリエチレンスリーブ</v>
          </cell>
          <cell r="D116" t="str">
            <v>φ300</v>
          </cell>
          <cell r="E116">
            <v>1</v>
          </cell>
          <cell r="F116" t="str">
            <v>本</v>
          </cell>
          <cell r="G116">
            <v>1860</v>
          </cell>
          <cell r="H116" t="str">
            <v>材料のみ　固定ﾊﾞﾝﾄﾞ含まない</v>
          </cell>
        </row>
        <row r="117">
          <cell r="A117" t="str">
            <v>C2136</v>
          </cell>
          <cell r="B117" t="str">
            <v>固定ゴムバンド</v>
          </cell>
          <cell r="D117" t="str">
            <v>φ75</v>
          </cell>
          <cell r="E117">
            <v>1</v>
          </cell>
          <cell r="F117" t="str">
            <v>組</v>
          </cell>
          <cell r="G117">
            <v>58</v>
          </cell>
        </row>
        <row r="118">
          <cell r="A118" t="str">
            <v>C2137</v>
          </cell>
          <cell r="B118" t="str">
            <v>固定ゴムバンド</v>
          </cell>
          <cell r="D118" t="str">
            <v>φ100</v>
          </cell>
          <cell r="E118">
            <v>1</v>
          </cell>
          <cell r="F118" t="str">
            <v>組</v>
          </cell>
          <cell r="G118">
            <v>67</v>
          </cell>
        </row>
        <row r="119">
          <cell r="A119" t="str">
            <v>C2138</v>
          </cell>
          <cell r="B119" t="str">
            <v>固定ゴムバンド</v>
          </cell>
          <cell r="D119" t="str">
            <v>φ150</v>
          </cell>
          <cell r="E119">
            <v>1</v>
          </cell>
          <cell r="F119" t="str">
            <v>組</v>
          </cell>
          <cell r="G119">
            <v>76</v>
          </cell>
        </row>
        <row r="120">
          <cell r="A120" t="str">
            <v>C2139</v>
          </cell>
          <cell r="B120" t="str">
            <v>固定ゴムバンド</v>
          </cell>
          <cell r="D120" t="str">
            <v>φ200</v>
          </cell>
          <cell r="E120">
            <v>1</v>
          </cell>
          <cell r="F120" t="str">
            <v>組</v>
          </cell>
          <cell r="G120">
            <v>94</v>
          </cell>
        </row>
        <row r="121">
          <cell r="A121" t="str">
            <v>C2140</v>
          </cell>
          <cell r="B121" t="str">
            <v>固定ゴムバンド</v>
          </cell>
          <cell r="D121" t="str">
            <v>φ250</v>
          </cell>
          <cell r="E121">
            <v>1</v>
          </cell>
          <cell r="F121" t="str">
            <v>組</v>
          </cell>
          <cell r="G121">
            <v>112</v>
          </cell>
        </row>
        <row r="122">
          <cell r="A122" t="str">
            <v>C2141</v>
          </cell>
          <cell r="B122" t="str">
            <v>固定ゴムバンド</v>
          </cell>
          <cell r="D122" t="str">
            <v>φ300</v>
          </cell>
          <cell r="E122">
            <v>1</v>
          </cell>
          <cell r="F122" t="str">
            <v>組</v>
          </cell>
          <cell r="G122">
            <v>121</v>
          </cell>
        </row>
        <row r="123">
          <cell r="A123" t="str">
            <v>Rコード</v>
          </cell>
        </row>
        <row r="124">
          <cell r="A124" t="str">
            <v>R0035</v>
          </cell>
          <cell r="B124" t="str">
            <v>基面整正工</v>
          </cell>
          <cell r="D124" t="str">
            <v>人力</v>
          </cell>
          <cell r="E124">
            <v>1</v>
          </cell>
          <cell r="F124" t="str">
            <v>ｍ2</v>
          </cell>
          <cell r="G124">
            <v>308</v>
          </cell>
        </row>
        <row r="125">
          <cell r="A125" t="str">
            <v>R0092</v>
          </cell>
          <cell r="B125" t="str">
            <v>小車運搬工</v>
          </cell>
          <cell r="D125" t="str">
            <v>砂　Ｌ＝40m</v>
          </cell>
          <cell r="E125">
            <v>1</v>
          </cell>
          <cell r="F125" t="str">
            <v>ｔ</v>
          </cell>
          <cell r="G125">
            <v>1540</v>
          </cell>
        </row>
        <row r="126">
          <cell r="A126" t="str">
            <v>R0092</v>
          </cell>
          <cell r="B126" t="str">
            <v>小車運搬工</v>
          </cell>
          <cell r="D126" t="str">
            <v>RC-40　Ｌ＝40m</v>
          </cell>
          <cell r="E126">
            <v>1</v>
          </cell>
          <cell r="F126" t="str">
            <v>ｔ</v>
          </cell>
          <cell r="G126">
            <v>1540</v>
          </cell>
        </row>
        <row r="127">
          <cell r="A127" t="str">
            <v>R0307</v>
          </cell>
          <cell r="B127" t="str">
            <v>鋼管据付工</v>
          </cell>
          <cell r="D127" t="str">
            <v>65A</v>
          </cell>
          <cell r="E127">
            <v>1</v>
          </cell>
          <cell r="F127" t="str">
            <v>ｍ</v>
          </cell>
          <cell r="G127">
            <v>704</v>
          </cell>
        </row>
        <row r="128">
          <cell r="A128" t="str">
            <v>R0310</v>
          </cell>
          <cell r="B128" t="str">
            <v>鋼管据付工</v>
          </cell>
          <cell r="D128" t="str">
            <v>150A</v>
          </cell>
          <cell r="E128">
            <v>1</v>
          </cell>
          <cell r="F128" t="str">
            <v>ｍ</v>
          </cell>
          <cell r="G128">
            <v>1064</v>
          </cell>
        </row>
        <row r="129">
          <cell r="A129" t="str">
            <v>R0317</v>
          </cell>
          <cell r="B129" t="str">
            <v>鋼管継手工</v>
          </cell>
          <cell r="D129" t="str">
            <v>65A</v>
          </cell>
          <cell r="E129">
            <v>1</v>
          </cell>
          <cell r="F129" t="str">
            <v>ヶ所</v>
          </cell>
          <cell r="G129">
            <v>3886</v>
          </cell>
        </row>
        <row r="130">
          <cell r="A130" t="str">
            <v>R0320</v>
          </cell>
          <cell r="B130" t="str">
            <v>鋼管継手工</v>
          </cell>
          <cell r="D130" t="str">
            <v>150A</v>
          </cell>
          <cell r="E130">
            <v>1</v>
          </cell>
          <cell r="F130" t="str">
            <v>ヶ所</v>
          </cell>
          <cell r="G130">
            <v>6078</v>
          </cell>
        </row>
        <row r="131">
          <cell r="A131" t="str">
            <v>R0323</v>
          </cell>
          <cell r="B131" t="str">
            <v>硬質塩化ビニル管　据付工</v>
          </cell>
          <cell r="D131" t="str">
            <v>φ20</v>
          </cell>
          <cell r="E131">
            <v>1</v>
          </cell>
          <cell r="F131" t="str">
            <v>ｍ</v>
          </cell>
          <cell r="G131">
            <v>307</v>
          </cell>
        </row>
        <row r="132">
          <cell r="A132" t="str">
            <v>R0324</v>
          </cell>
          <cell r="B132" t="str">
            <v>硬質塩化ビニル管　据付工</v>
          </cell>
          <cell r="D132" t="str">
            <v>φ25</v>
          </cell>
          <cell r="E132">
            <v>1</v>
          </cell>
          <cell r="F132" t="str">
            <v>ｍ</v>
          </cell>
          <cell r="G132">
            <v>307</v>
          </cell>
        </row>
        <row r="133">
          <cell r="A133" t="str">
            <v>R0325</v>
          </cell>
          <cell r="B133" t="str">
            <v>硬質塩化ビニル管　据付工</v>
          </cell>
          <cell r="D133" t="str">
            <v>φ30</v>
          </cell>
          <cell r="E133">
            <v>1</v>
          </cell>
          <cell r="F133" t="str">
            <v>ｍ</v>
          </cell>
          <cell r="G133">
            <v>355</v>
          </cell>
        </row>
        <row r="134">
          <cell r="A134" t="str">
            <v>R0326</v>
          </cell>
          <cell r="B134" t="str">
            <v>硬質塩化ビニル管　据付工</v>
          </cell>
          <cell r="D134" t="str">
            <v>φ40</v>
          </cell>
          <cell r="E134">
            <v>1</v>
          </cell>
          <cell r="F134" t="str">
            <v>ｍ</v>
          </cell>
          <cell r="G134">
            <v>355</v>
          </cell>
        </row>
        <row r="135">
          <cell r="A135" t="str">
            <v>R0327</v>
          </cell>
          <cell r="B135" t="str">
            <v>硬質塩化ビニル管　据付工</v>
          </cell>
          <cell r="D135" t="str">
            <v>φ50</v>
          </cell>
          <cell r="E135">
            <v>1</v>
          </cell>
          <cell r="F135" t="str">
            <v>ｍ</v>
          </cell>
          <cell r="G135">
            <v>452</v>
          </cell>
        </row>
        <row r="136">
          <cell r="A136" t="str">
            <v>R0328</v>
          </cell>
          <cell r="B136" t="str">
            <v>硬質塩化ビニル管　据付工</v>
          </cell>
          <cell r="D136" t="str">
            <v>φ75</v>
          </cell>
          <cell r="E136">
            <v>1</v>
          </cell>
          <cell r="F136" t="str">
            <v>ｍ</v>
          </cell>
          <cell r="G136">
            <v>452</v>
          </cell>
        </row>
        <row r="137">
          <cell r="A137" t="str">
            <v>R0329</v>
          </cell>
          <cell r="B137" t="str">
            <v>硬質塩化ビニル管　据付工</v>
          </cell>
          <cell r="D137" t="str">
            <v>φ100</v>
          </cell>
          <cell r="E137">
            <v>1</v>
          </cell>
          <cell r="F137" t="str">
            <v>ｍ</v>
          </cell>
          <cell r="G137">
            <v>518</v>
          </cell>
        </row>
        <row r="138">
          <cell r="A138" t="str">
            <v>R0331</v>
          </cell>
          <cell r="B138" t="str">
            <v>硬質塩化ビニル管　据付工</v>
          </cell>
          <cell r="D138" t="str">
            <v>φ150</v>
          </cell>
          <cell r="E138">
            <v>1</v>
          </cell>
          <cell r="F138" t="str">
            <v>ｍ</v>
          </cell>
          <cell r="G138">
            <v>715</v>
          </cell>
        </row>
        <row r="139">
          <cell r="A139" t="str">
            <v>R0343</v>
          </cell>
          <cell r="B139" t="str">
            <v>硬質塩化ビニル管　継手工</v>
          </cell>
          <cell r="D139" t="str">
            <v>TS接合　φ20</v>
          </cell>
          <cell r="E139">
            <v>1</v>
          </cell>
          <cell r="F139" t="str">
            <v>口</v>
          </cell>
          <cell r="G139">
            <v>329</v>
          </cell>
        </row>
        <row r="140">
          <cell r="A140" t="str">
            <v>R0344</v>
          </cell>
          <cell r="B140" t="str">
            <v>硬質塩化ビニル管　継手工</v>
          </cell>
          <cell r="D140" t="str">
            <v>TS接合　φ25</v>
          </cell>
          <cell r="E140">
            <v>1</v>
          </cell>
          <cell r="F140" t="str">
            <v>口</v>
          </cell>
          <cell r="G140">
            <v>329</v>
          </cell>
        </row>
        <row r="141">
          <cell r="A141" t="str">
            <v>R0345</v>
          </cell>
          <cell r="B141" t="str">
            <v>硬質塩化ビニル管　継手工</v>
          </cell>
          <cell r="D141" t="str">
            <v>TS接合　φ30</v>
          </cell>
          <cell r="E141">
            <v>1</v>
          </cell>
          <cell r="F141" t="str">
            <v>口</v>
          </cell>
          <cell r="G141">
            <v>493</v>
          </cell>
        </row>
        <row r="142">
          <cell r="A142" t="str">
            <v>R0346</v>
          </cell>
          <cell r="B142" t="str">
            <v>硬質塩化ビニル管　継手工</v>
          </cell>
          <cell r="D142" t="str">
            <v>TS接合　φ40</v>
          </cell>
          <cell r="E142">
            <v>1</v>
          </cell>
          <cell r="F142" t="str">
            <v>口</v>
          </cell>
          <cell r="G142">
            <v>493</v>
          </cell>
        </row>
        <row r="143">
          <cell r="A143" t="str">
            <v>R0347</v>
          </cell>
          <cell r="B143" t="str">
            <v>硬質塩化ビニル管　継手工</v>
          </cell>
          <cell r="D143" t="str">
            <v>TS接合　φ50</v>
          </cell>
          <cell r="E143">
            <v>1</v>
          </cell>
          <cell r="F143" t="str">
            <v>口</v>
          </cell>
          <cell r="G143">
            <v>658</v>
          </cell>
        </row>
        <row r="144">
          <cell r="A144" t="str">
            <v>R0348</v>
          </cell>
          <cell r="B144" t="str">
            <v>硬質塩化ビニル管　継手工</v>
          </cell>
          <cell r="D144" t="str">
            <v>TS接合　φ75</v>
          </cell>
          <cell r="E144">
            <v>1</v>
          </cell>
          <cell r="F144" t="str">
            <v>口</v>
          </cell>
          <cell r="G144">
            <v>658</v>
          </cell>
        </row>
        <row r="145">
          <cell r="A145" t="str">
            <v>R0349</v>
          </cell>
          <cell r="B145" t="str">
            <v>硬質塩化ビニル管　継手工</v>
          </cell>
          <cell r="D145" t="str">
            <v>TS接合　φ100</v>
          </cell>
          <cell r="E145">
            <v>1</v>
          </cell>
          <cell r="F145" t="str">
            <v>口</v>
          </cell>
          <cell r="G145">
            <v>987</v>
          </cell>
        </row>
        <row r="146">
          <cell r="A146" t="str">
            <v>R0351</v>
          </cell>
          <cell r="B146" t="str">
            <v>硬質塩化ビニル管　継手工</v>
          </cell>
          <cell r="D146" t="str">
            <v>TS接合　φ150</v>
          </cell>
          <cell r="E146">
            <v>1</v>
          </cell>
          <cell r="F146" t="str">
            <v>口</v>
          </cell>
          <cell r="G146">
            <v>1151</v>
          </cell>
        </row>
        <row r="147">
          <cell r="A147" t="str">
            <v>R0354</v>
          </cell>
          <cell r="B147" t="str">
            <v>硬質塩化ビニル管　継手工</v>
          </cell>
          <cell r="D147" t="str">
            <v>RR接合　φ75</v>
          </cell>
          <cell r="E147">
            <v>1</v>
          </cell>
          <cell r="F147" t="str">
            <v>口</v>
          </cell>
          <cell r="G147">
            <v>987</v>
          </cell>
        </row>
        <row r="148">
          <cell r="A148" t="str">
            <v>R0354</v>
          </cell>
          <cell r="B148" t="str">
            <v>硬質塩化ビニル管　継手工</v>
          </cell>
          <cell r="D148" t="str">
            <v>RR接合　φ75</v>
          </cell>
          <cell r="E148">
            <v>1</v>
          </cell>
          <cell r="F148" t="str">
            <v>口</v>
          </cell>
          <cell r="G148">
            <v>1298</v>
          </cell>
          <cell r="H148" t="str">
            <v>離脱防止金具付</v>
          </cell>
        </row>
        <row r="149">
          <cell r="A149" t="str">
            <v>R0355</v>
          </cell>
          <cell r="B149" t="str">
            <v>硬質塩化ビニル管　継手工</v>
          </cell>
          <cell r="D149" t="str">
            <v>RR接合　φ100</v>
          </cell>
          <cell r="E149">
            <v>1</v>
          </cell>
          <cell r="F149" t="str">
            <v>口</v>
          </cell>
          <cell r="G149">
            <v>1645</v>
          </cell>
        </row>
        <row r="150">
          <cell r="A150" t="str">
            <v>R0357</v>
          </cell>
          <cell r="B150" t="str">
            <v>硬質塩化ビニル管　継手工</v>
          </cell>
          <cell r="D150" t="str">
            <v>RR接合　φ150</v>
          </cell>
          <cell r="E150">
            <v>1</v>
          </cell>
          <cell r="F150" t="str">
            <v>口</v>
          </cell>
          <cell r="G150">
            <v>1974</v>
          </cell>
        </row>
        <row r="151">
          <cell r="A151" t="str">
            <v>R0357</v>
          </cell>
          <cell r="B151" t="str">
            <v>硬質塩化ビニル管　継手工</v>
          </cell>
          <cell r="D151" t="str">
            <v>RR接合　φ150</v>
          </cell>
          <cell r="E151">
            <v>1</v>
          </cell>
          <cell r="F151" t="str">
            <v>口</v>
          </cell>
          <cell r="G151">
            <v>2597</v>
          </cell>
          <cell r="H151" t="str">
            <v>離脱防止金具付</v>
          </cell>
        </row>
        <row r="152">
          <cell r="A152" t="str">
            <v>R0361</v>
          </cell>
          <cell r="B152" t="str">
            <v>水道用ポリエチレン管　据付工</v>
          </cell>
          <cell r="D152" t="str">
            <v>φ13</v>
          </cell>
          <cell r="E152">
            <v>1</v>
          </cell>
          <cell r="F152" t="str">
            <v>ｍ</v>
          </cell>
          <cell r="G152">
            <v>259</v>
          </cell>
        </row>
        <row r="153">
          <cell r="A153" t="str">
            <v>R0362</v>
          </cell>
          <cell r="B153" t="str">
            <v>水道用ポリエチレン管　据付工</v>
          </cell>
          <cell r="D153" t="str">
            <v>φ20</v>
          </cell>
          <cell r="E153">
            <v>1</v>
          </cell>
          <cell r="F153" t="str">
            <v>ｍ</v>
          </cell>
          <cell r="G153">
            <v>307</v>
          </cell>
        </row>
        <row r="154">
          <cell r="A154" t="str">
            <v>R0363</v>
          </cell>
          <cell r="B154" t="str">
            <v>水道用ポリエチレン管　据付工</v>
          </cell>
          <cell r="D154" t="str">
            <v>φ25</v>
          </cell>
          <cell r="E154">
            <v>1</v>
          </cell>
          <cell r="F154" t="str">
            <v>ｍ</v>
          </cell>
          <cell r="G154">
            <v>307</v>
          </cell>
        </row>
        <row r="155">
          <cell r="A155" t="str">
            <v>R0364</v>
          </cell>
          <cell r="B155" t="str">
            <v>水道用ポリエチレン管　据付工</v>
          </cell>
          <cell r="D155" t="str">
            <v>φ30</v>
          </cell>
          <cell r="E155">
            <v>1</v>
          </cell>
          <cell r="F155" t="str">
            <v>ｍ</v>
          </cell>
          <cell r="G155">
            <v>355</v>
          </cell>
        </row>
        <row r="156">
          <cell r="A156" t="str">
            <v>R0365</v>
          </cell>
          <cell r="B156" t="str">
            <v>水道用ポリエチレン管　据付工</v>
          </cell>
          <cell r="D156" t="str">
            <v>φ40</v>
          </cell>
          <cell r="E156">
            <v>1</v>
          </cell>
          <cell r="F156" t="str">
            <v>ｍ</v>
          </cell>
          <cell r="G156">
            <v>355</v>
          </cell>
        </row>
        <row r="157">
          <cell r="A157" t="str">
            <v>R0366</v>
          </cell>
          <cell r="B157" t="str">
            <v>水道用ポリエチレン管　据付工</v>
          </cell>
          <cell r="D157" t="str">
            <v>φ50</v>
          </cell>
          <cell r="E157">
            <v>1</v>
          </cell>
          <cell r="F157" t="str">
            <v>ｍ</v>
          </cell>
          <cell r="G157">
            <v>452</v>
          </cell>
        </row>
        <row r="158">
          <cell r="A158" t="str">
            <v>R0371</v>
          </cell>
          <cell r="B158" t="str">
            <v>水道用ポリエチレン管　継手工</v>
          </cell>
          <cell r="D158" t="str">
            <v>φ13</v>
          </cell>
          <cell r="E158">
            <v>1</v>
          </cell>
          <cell r="F158" t="str">
            <v>口</v>
          </cell>
          <cell r="G158">
            <v>329</v>
          </cell>
        </row>
        <row r="159">
          <cell r="A159" t="str">
            <v>R0372</v>
          </cell>
          <cell r="B159" t="str">
            <v>水道用ポリエチレン管　継手工</v>
          </cell>
          <cell r="D159" t="str">
            <v>φ20</v>
          </cell>
          <cell r="E159">
            <v>1</v>
          </cell>
          <cell r="F159" t="str">
            <v>口</v>
          </cell>
          <cell r="G159">
            <v>658</v>
          </cell>
        </row>
        <row r="160">
          <cell r="A160" t="str">
            <v>R0373</v>
          </cell>
          <cell r="B160" t="str">
            <v>水道用ポリエチレン管　継手工</v>
          </cell>
          <cell r="D160" t="str">
            <v>φ25</v>
          </cell>
          <cell r="E160">
            <v>1</v>
          </cell>
          <cell r="F160" t="str">
            <v>口</v>
          </cell>
          <cell r="G160">
            <v>658</v>
          </cell>
        </row>
        <row r="161">
          <cell r="A161" t="str">
            <v>R0374</v>
          </cell>
          <cell r="B161" t="str">
            <v>水道用ポリエチレン管　継手工</v>
          </cell>
          <cell r="D161" t="str">
            <v>φ30</v>
          </cell>
          <cell r="E161">
            <v>1</v>
          </cell>
          <cell r="F161" t="str">
            <v>口</v>
          </cell>
          <cell r="G161">
            <v>987</v>
          </cell>
        </row>
        <row r="162">
          <cell r="A162" t="str">
            <v>R0375</v>
          </cell>
          <cell r="B162" t="str">
            <v>水道用ポリエチレン管　継手工</v>
          </cell>
          <cell r="D162" t="str">
            <v>φ40</v>
          </cell>
          <cell r="E162">
            <v>1</v>
          </cell>
          <cell r="F162" t="str">
            <v>口</v>
          </cell>
          <cell r="G162">
            <v>987</v>
          </cell>
        </row>
        <row r="163">
          <cell r="A163" t="str">
            <v>R0376</v>
          </cell>
          <cell r="B163" t="str">
            <v>水道用ポリエチレン管　継手工</v>
          </cell>
          <cell r="D163" t="str">
            <v>φ50</v>
          </cell>
          <cell r="E163">
            <v>1</v>
          </cell>
          <cell r="F163" t="str">
            <v>口</v>
          </cell>
          <cell r="G163">
            <v>1316</v>
          </cell>
        </row>
        <row r="164">
          <cell r="A164" t="str">
            <v>R0401</v>
          </cell>
          <cell r="B164" t="str">
            <v>空気弁取付工</v>
          </cell>
          <cell r="D164" t="str">
            <v>人力　φ25</v>
          </cell>
          <cell r="E164">
            <v>1</v>
          </cell>
          <cell r="F164" t="str">
            <v>基</v>
          </cell>
          <cell r="G164">
            <v>770</v>
          </cell>
        </row>
        <row r="165">
          <cell r="A165" t="str">
            <v>R1131</v>
          </cell>
          <cell r="B165" t="str">
            <v>管路埋戻工･埋戻工Ａ</v>
          </cell>
          <cell r="E165">
            <v>1</v>
          </cell>
          <cell r="F165" t="str">
            <v>ｍ3</v>
          </cell>
          <cell r="G165">
            <v>2059</v>
          </cell>
          <cell r="H165" t="str">
            <v>幅1.0m未満　B/H0.35m3級</v>
          </cell>
        </row>
        <row r="166">
          <cell r="A166" t="str">
            <v>Uコード</v>
          </cell>
        </row>
        <row r="167">
          <cell r="A167" t="str">
            <v>U0102</v>
          </cell>
          <cell r="B167" t="str">
            <v>掘削工</v>
          </cell>
          <cell r="D167" t="str">
            <v>人力</v>
          </cell>
          <cell r="E167">
            <v>1</v>
          </cell>
          <cell r="F167" t="str">
            <v>ｍ3</v>
          </cell>
          <cell r="G167">
            <v>3542</v>
          </cell>
        </row>
        <row r="168">
          <cell r="A168" t="str">
            <v>U0106</v>
          </cell>
          <cell r="B168" t="str">
            <v>埋戻工</v>
          </cell>
          <cell r="D168" t="str">
            <v>人力</v>
          </cell>
          <cell r="E168">
            <v>1</v>
          </cell>
          <cell r="F168" t="str">
            <v>ｍ3</v>
          </cell>
          <cell r="G168">
            <v>4590</v>
          </cell>
        </row>
        <row r="169">
          <cell r="A169" t="str">
            <v>U8053</v>
          </cell>
          <cell r="B169" t="str">
            <v>鋳鉄管据付工</v>
          </cell>
          <cell r="D169" t="str">
            <v>機械力  φ150</v>
          </cell>
          <cell r="E169">
            <v>1</v>
          </cell>
          <cell r="F169" t="str">
            <v>ｍ</v>
          </cell>
          <cell r="G169">
            <v>624</v>
          </cell>
        </row>
        <row r="170">
          <cell r="A170" t="str">
            <v>U8053</v>
          </cell>
          <cell r="B170" t="str">
            <v>鋳鉄管据付工</v>
          </cell>
          <cell r="D170" t="str">
            <v>機械力  φ200</v>
          </cell>
          <cell r="E170">
            <v>1</v>
          </cell>
          <cell r="F170" t="str">
            <v>ｍ</v>
          </cell>
          <cell r="G170">
            <v>669</v>
          </cell>
        </row>
        <row r="171">
          <cell r="A171" t="str">
            <v>U8053</v>
          </cell>
          <cell r="B171" t="str">
            <v>鋳鉄管据付工</v>
          </cell>
          <cell r="D171" t="str">
            <v>機械力  φ250</v>
          </cell>
          <cell r="E171">
            <v>1</v>
          </cell>
          <cell r="F171" t="str">
            <v>ｍ</v>
          </cell>
          <cell r="G171">
            <v>713</v>
          </cell>
        </row>
        <row r="172">
          <cell r="A172" t="str">
            <v>U8061</v>
          </cell>
          <cell r="B172" t="str">
            <v>メカニカル鋳鉄管　継手工</v>
          </cell>
          <cell r="D172" t="str">
            <v>φ75</v>
          </cell>
          <cell r="E172">
            <v>1</v>
          </cell>
          <cell r="F172" t="str">
            <v>口</v>
          </cell>
          <cell r="G172">
            <v>1661</v>
          </cell>
        </row>
        <row r="173">
          <cell r="A173" t="str">
            <v>U8061</v>
          </cell>
          <cell r="B173" t="str">
            <v>メカニカル鋳鉄管　継手工</v>
          </cell>
          <cell r="D173" t="str">
            <v>φ100</v>
          </cell>
          <cell r="E173">
            <v>1</v>
          </cell>
          <cell r="F173" t="str">
            <v>口</v>
          </cell>
          <cell r="G173">
            <v>1661</v>
          </cell>
        </row>
        <row r="174">
          <cell r="A174" t="str">
            <v>U8061</v>
          </cell>
          <cell r="B174" t="str">
            <v>メカニカル鋳鉄管　継手工</v>
          </cell>
          <cell r="D174" t="str">
            <v>φ150</v>
          </cell>
          <cell r="E174">
            <v>1</v>
          </cell>
          <cell r="F174" t="str">
            <v>口</v>
          </cell>
          <cell r="G174">
            <v>1993</v>
          </cell>
        </row>
        <row r="175">
          <cell r="A175" t="str">
            <v>U8061</v>
          </cell>
          <cell r="B175" t="str">
            <v>メカニカル鋳鉄管　継手工</v>
          </cell>
          <cell r="D175" t="str">
            <v>φ200</v>
          </cell>
          <cell r="E175">
            <v>1</v>
          </cell>
          <cell r="F175" t="str">
            <v>口</v>
          </cell>
          <cell r="G175">
            <v>2326</v>
          </cell>
        </row>
        <row r="176">
          <cell r="A176" t="str">
            <v>U8061</v>
          </cell>
          <cell r="B176" t="str">
            <v>メカニカル鋳鉄管　継手工</v>
          </cell>
          <cell r="D176" t="str">
            <v>φ250</v>
          </cell>
          <cell r="E176">
            <v>1</v>
          </cell>
          <cell r="F176" t="str">
            <v>口</v>
          </cell>
          <cell r="G176">
            <v>2658</v>
          </cell>
        </row>
        <row r="177">
          <cell r="A177" t="str">
            <v>U8061</v>
          </cell>
          <cell r="B177" t="str">
            <v>メカニカル鋳鉄管接合工</v>
          </cell>
          <cell r="D177" t="str">
            <v>特殊押輪  φ75</v>
          </cell>
          <cell r="E177">
            <v>1</v>
          </cell>
          <cell r="F177" t="str">
            <v>口</v>
          </cell>
          <cell r="G177">
            <v>1993</v>
          </cell>
        </row>
        <row r="178">
          <cell r="A178" t="str">
            <v>U8061</v>
          </cell>
          <cell r="B178" t="str">
            <v>メカニカル鋳鉄管接合工</v>
          </cell>
          <cell r="D178" t="str">
            <v>特殊押輪  φ100</v>
          </cell>
          <cell r="E178">
            <v>1</v>
          </cell>
          <cell r="F178" t="str">
            <v>口</v>
          </cell>
          <cell r="G178">
            <v>1993</v>
          </cell>
        </row>
        <row r="179">
          <cell r="A179" t="str">
            <v>U8061</v>
          </cell>
          <cell r="B179" t="str">
            <v>メカニカル鋳鉄管接合工</v>
          </cell>
          <cell r="D179" t="str">
            <v>特殊押輪  φ150</v>
          </cell>
          <cell r="E179">
            <v>1</v>
          </cell>
          <cell r="F179" t="str">
            <v>口</v>
          </cell>
          <cell r="G179">
            <v>2326</v>
          </cell>
        </row>
        <row r="180">
          <cell r="A180" t="str">
            <v>U8061</v>
          </cell>
          <cell r="B180" t="str">
            <v>メカニカル鋳鉄管接合工</v>
          </cell>
          <cell r="D180" t="str">
            <v>特殊押輪  φ200</v>
          </cell>
          <cell r="E180">
            <v>1</v>
          </cell>
          <cell r="F180" t="str">
            <v>口</v>
          </cell>
          <cell r="G180">
            <v>2658</v>
          </cell>
        </row>
        <row r="181">
          <cell r="A181" t="str">
            <v>U8061</v>
          </cell>
          <cell r="B181" t="str">
            <v>メカニカル鋳鉄管接合工</v>
          </cell>
          <cell r="D181" t="str">
            <v>特殊押輪  φ250</v>
          </cell>
          <cell r="E181">
            <v>1</v>
          </cell>
          <cell r="F181" t="str">
            <v>口</v>
          </cell>
          <cell r="G181">
            <v>2990</v>
          </cell>
        </row>
        <row r="182">
          <cell r="A182" t="str">
            <v>U8061</v>
          </cell>
          <cell r="B182" t="str">
            <v>メカニカル鋳鉄管接合工</v>
          </cell>
          <cell r="D182" t="str">
            <v>普通押輪  φ75</v>
          </cell>
          <cell r="E182">
            <v>1</v>
          </cell>
          <cell r="F182" t="str">
            <v>口</v>
          </cell>
          <cell r="G182">
            <v>1661</v>
          </cell>
        </row>
        <row r="183">
          <cell r="A183" t="str">
            <v>U8061</v>
          </cell>
          <cell r="B183" t="str">
            <v>メカニカル鋳鉄管接合工</v>
          </cell>
          <cell r="D183" t="str">
            <v>普通押輪  φ100</v>
          </cell>
          <cell r="E183">
            <v>1</v>
          </cell>
          <cell r="F183" t="str">
            <v>口</v>
          </cell>
          <cell r="G183">
            <v>1661</v>
          </cell>
        </row>
        <row r="184">
          <cell r="A184" t="str">
            <v>U8061</v>
          </cell>
          <cell r="B184" t="str">
            <v>メカニカル鋳鉄管接合工</v>
          </cell>
          <cell r="D184" t="str">
            <v>普通押輪  φ150</v>
          </cell>
          <cell r="E184">
            <v>1</v>
          </cell>
          <cell r="F184" t="str">
            <v>口</v>
          </cell>
          <cell r="G184">
            <v>1993</v>
          </cell>
        </row>
        <row r="185">
          <cell r="A185" t="str">
            <v>U8061</v>
          </cell>
          <cell r="B185" t="str">
            <v>メカニカル鋳鉄管接合工</v>
          </cell>
          <cell r="D185" t="str">
            <v>普通押輪  φ200</v>
          </cell>
          <cell r="E185">
            <v>1</v>
          </cell>
          <cell r="F185" t="str">
            <v>口</v>
          </cell>
          <cell r="G185">
            <v>2326</v>
          </cell>
        </row>
        <row r="186">
          <cell r="A186" t="str">
            <v>U8061</v>
          </cell>
          <cell r="B186" t="str">
            <v>メカニカル鋳鉄管接合工</v>
          </cell>
          <cell r="D186" t="str">
            <v>普通押輪  φ250</v>
          </cell>
          <cell r="E186">
            <v>1</v>
          </cell>
          <cell r="F186" t="str">
            <v>口</v>
          </cell>
          <cell r="G186">
            <v>2658</v>
          </cell>
        </row>
        <row r="187">
          <cell r="A187" t="str">
            <v>U8062</v>
          </cell>
          <cell r="B187" t="str">
            <v>フランジ接合工</v>
          </cell>
          <cell r="D187" t="str">
            <v>φ75</v>
          </cell>
          <cell r="E187">
            <v>1</v>
          </cell>
          <cell r="F187" t="str">
            <v>口</v>
          </cell>
          <cell r="G187">
            <v>1661</v>
          </cell>
        </row>
        <row r="188">
          <cell r="A188" t="str">
            <v>U8062</v>
          </cell>
          <cell r="B188" t="str">
            <v>フランジ接合工</v>
          </cell>
          <cell r="D188" t="str">
            <v>φ100</v>
          </cell>
          <cell r="E188">
            <v>1</v>
          </cell>
          <cell r="F188" t="str">
            <v>口</v>
          </cell>
          <cell r="G188">
            <v>1993</v>
          </cell>
        </row>
        <row r="189">
          <cell r="A189" t="str">
            <v>U8062</v>
          </cell>
          <cell r="B189" t="str">
            <v>フランジ接合工</v>
          </cell>
          <cell r="D189" t="str">
            <v>φ150</v>
          </cell>
          <cell r="E189">
            <v>1</v>
          </cell>
          <cell r="F189" t="str">
            <v>口</v>
          </cell>
          <cell r="G189">
            <v>2326</v>
          </cell>
        </row>
        <row r="190">
          <cell r="A190" t="str">
            <v>U8062</v>
          </cell>
          <cell r="B190" t="str">
            <v>フランジ接合工</v>
          </cell>
          <cell r="D190" t="str">
            <v>φ200</v>
          </cell>
          <cell r="E190">
            <v>1</v>
          </cell>
          <cell r="F190" t="str">
            <v>口</v>
          </cell>
          <cell r="G190">
            <v>2658</v>
          </cell>
        </row>
        <row r="191">
          <cell r="A191" t="str">
            <v>U8062</v>
          </cell>
          <cell r="B191" t="str">
            <v>フランジ接合工</v>
          </cell>
          <cell r="D191" t="str">
            <v>φ250</v>
          </cell>
          <cell r="E191">
            <v>1</v>
          </cell>
          <cell r="F191" t="str">
            <v>口</v>
          </cell>
          <cell r="G191">
            <v>3322</v>
          </cell>
        </row>
        <row r="192">
          <cell r="A192" t="str">
            <v>U8065</v>
          </cell>
          <cell r="B192" t="str">
            <v>鋳鉄管切断工</v>
          </cell>
          <cell r="D192" t="str">
            <v>φ150　エンジンカッター</v>
          </cell>
          <cell r="E192">
            <v>1</v>
          </cell>
          <cell r="F192" t="str">
            <v>口</v>
          </cell>
          <cell r="G192">
            <v>2084</v>
          </cell>
        </row>
        <row r="193">
          <cell r="A193" t="str">
            <v>U8065</v>
          </cell>
          <cell r="B193" t="str">
            <v>鋳鉄管切断工</v>
          </cell>
          <cell r="D193" t="str">
            <v>φ200　エンジンカッター</v>
          </cell>
          <cell r="E193">
            <v>1</v>
          </cell>
          <cell r="F193" t="str">
            <v>口</v>
          </cell>
          <cell r="G193">
            <v>2443</v>
          </cell>
        </row>
        <row r="194">
          <cell r="A194" t="str">
            <v>U8065</v>
          </cell>
          <cell r="B194" t="str">
            <v>鋳鉄管切断工</v>
          </cell>
          <cell r="D194" t="str">
            <v>φ250　エンジンカッター</v>
          </cell>
          <cell r="E194">
            <v>1</v>
          </cell>
          <cell r="F194" t="str">
            <v>口</v>
          </cell>
          <cell r="G194">
            <v>2604</v>
          </cell>
        </row>
        <row r="195">
          <cell r="A195" t="str">
            <v>U8081</v>
          </cell>
          <cell r="B195" t="str">
            <v>仕切弁設置工</v>
          </cell>
          <cell r="D195" t="str">
            <v>人力　φ75</v>
          </cell>
          <cell r="E195">
            <v>1</v>
          </cell>
          <cell r="F195" t="str">
            <v>基</v>
          </cell>
          <cell r="G195">
            <v>3801</v>
          </cell>
        </row>
        <row r="196">
          <cell r="A196" t="str">
            <v>U8081</v>
          </cell>
          <cell r="B196" t="str">
            <v>仕切弁設置工</v>
          </cell>
          <cell r="D196" t="str">
            <v>人力　φ100</v>
          </cell>
          <cell r="E196">
            <v>1</v>
          </cell>
          <cell r="F196" t="str">
            <v>基</v>
          </cell>
          <cell r="G196">
            <v>4767</v>
          </cell>
        </row>
        <row r="197">
          <cell r="A197" t="str">
            <v>U8081</v>
          </cell>
          <cell r="B197" t="str">
            <v>仕切弁設置工</v>
          </cell>
          <cell r="D197" t="str">
            <v>人力　φ150</v>
          </cell>
          <cell r="E197">
            <v>1</v>
          </cell>
          <cell r="F197" t="str">
            <v>基</v>
          </cell>
          <cell r="G197">
            <v>7448</v>
          </cell>
        </row>
        <row r="198">
          <cell r="A198" t="str">
            <v>U8081</v>
          </cell>
          <cell r="B198" t="str">
            <v>仕切弁設置工</v>
          </cell>
          <cell r="D198" t="str">
            <v>人力　φ200</v>
          </cell>
          <cell r="E198">
            <v>1</v>
          </cell>
          <cell r="F198" t="str">
            <v>基</v>
          </cell>
          <cell r="G198">
            <v>9905</v>
          </cell>
        </row>
        <row r="199">
          <cell r="A199" t="str">
            <v>U8081</v>
          </cell>
          <cell r="B199" t="str">
            <v>仕切弁設置工</v>
          </cell>
          <cell r="D199" t="str">
            <v>人力　φ250</v>
          </cell>
          <cell r="E199">
            <v>1</v>
          </cell>
          <cell r="F199" t="str">
            <v>基</v>
          </cell>
          <cell r="G199">
            <v>13600</v>
          </cell>
        </row>
        <row r="204">
          <cell r="A204" t="str">
            <v>見積</v>
          </cell>
          <cell r="B204" t="str">
            <v>密粒度アスコン</v>
          </cell>
          <cell r="E204">
            <v>1</v>
          </cell>
          <cell r="F204" t="str">
            <v>t</v>
          </cell>
          <cell r="G204">
            <v>9000</v>
          </cell>
        </row>
        <row r="211">
          <cell r="A211" t="str">
            <v>Q0100</v>
          </cell>
          <cell r="B211" t="str">
            <v>特殊作業員</v>
          </cell>
          <cell r="D211" t="str">
            <v>打設手間控除</v>
          </cell>
          <cell r="E211">
            <v>1</v>
          </cell>
          <cell r="F211" t="str">
            <v>人</v>
          </cell>
          <cell r="G211">
            <v>-18300</v>
          </cell>
        </row>
        <row r="212">
          <cell r="A212" t="str">
            <v>Q0200</v>
          </cell>
          <cell r="B212" t="str">
            <v>普通作業員</v>
          </cell>
          <cell r="D212" t="str">
            <v>打設手間控除</v>
          </cell>
          <cell r="E212">
            <v>1</v>
          </cell>
          <cell r="F212" t="str">
            <v>人</v>
          </cell>
          <cell r="G212">
            <v>-15400</v>
          </cell>
        </row>
        <row r="213">
          <cell r="A213" t="str">
            <v>Q0201</v>
          </cell>
          <cell r="B213" t="str">
            <v>普通作業員</v>
          </cell>
          <cell r="D213" t="str">
            <v>養生手間控除</v>
          </cell>
          <cell r="E213">
            <v>1</v>
          </cell>
          <cell r="F213" t="str">
            <v>人</v>
          </cell>
          <cell r="G213">
            <v>-15400</v>
          </cell>
        </row>
        <row r="214">
          <cell r="A214" t="str">
            <v>Q4000</v>
          </cell>
          <cell r="B214" t="str">
            <v>世話役</v>
          </cell>
          <cell r="D214" t="str">
            <v>打設手間控除</v>
          </cell>
          <cell r="E214">
            <v>1</v>
          </cell>
          <cell r="F214" t="str">
            <v>人</v>
          </cell>
          <cell r="G214">
            <v>-21300</v>
          </cell>
        </row>
        <row r="215">
          <cell r="A215" t="str">
            <v>Q1504</v>
          </cell>
          <cell r="B215" t="str">
            <v>現場練コンクリート工</v>
          </cell>
          <cell r="D215" t="str">
            <v>舗装用　21-8-25</v>
          </cell>
          <cell r="E215">
            <v>1</v>
          </cell>
          <cell r="F215" t="str">
            <v>ｍ3</v>
          </cell>
          <cell r="G215">
            <v>23825</v>
          </cell>
        </row>
        <row r="216">
          <cell r="A216" t="str">
            <v>Q1505</v>
          </cell>
          <cell r="B216" t="str">
            <v>ミキサー運転</v>
          </cell>
          <cell r="E216">
            <v>1</v>
          </cell>
          <cell r="F216" t="str">
            <v>ｍ2</v>
          </cell>
          <cell r="G216">
            <v>25300</v>
          </cell>
        </row>
        <row r="253">
          <cell r="A253" t="str">
            <v>愛　知　県　建　設　部　単　価</v>
          </cell>
        </row>
        <row r="254">
          <cell r="B254" t="str">
            <v>項　　　　　目</v>
          </cell>
          <cell r="C254" t="str">
            <v>規格</v>
          </cell>
          <cell r="D254" t="str">
            <v>形状寸法</v>
          </cell>
          <cell r="F254" t="str">
            <v>単 位</v>
          </cell>
          <cell r="G254" t="str">
            <v>単価（円）</v>
          </cell>
          <cell r="H254" t="str">
            <v>摘　　　　　　要</v>
          </cell>
        </row>
        <row r="257">
          <cell r="A257" t="str">
            <v>C0009</v>
          </cell>
          <cell r="B257" t="str">
            <v>型枠</v>
          </cell>
          <cell r="D257" t="str">
            <v>小型　(Ⅱ)</v>
          </cell>
          <cell r="E257">
            <v>100</v>
          </cell>
          <cell r="F257" t="str">
            <v>ｍ2</v>
          </cell>
          <cell r="G257">
            <v>563000</v>
          </cell>
        </row>
        <row r="258">
          <cell r="A258" t="str">
            <v>C3401</v>
          </cell>
          <cell r="B258" t="str">
            <v>不陸整正工</v>
          </cell>
          <cell r="E258">
            <v>100</v>
          </cell>
          <cell r="F258" t="str">
            <v>ｍ2</v>
          </cell>
          <cell r="G258">
            <v>9534</v>
          </cell>
        </row>
        <row r="259">
          <cell r="A259" t="str">
            <v>C3608</v>
          </cell>
          <cell r="B259" t="str">
            <v>人力舗設</v>
          </cell>
          <cell r="D259" t="str">
            <v>プライムコートⅡ</v>
          </cell>
          <cell r="E259">
            <v>100</v>
          </cell>
          <cell r="F259" t="str">
            <v>ｍ2</v>
          </cell>
          <cell r="G259">
            <v>93090</v>
          </cell>
          <cell r="H259" t="str">
            <v>t≦5cm　　w＜1.6m</v>
          </cell>
        </row>
        <row r="260">
          <cell r="A260" t="str">
            <v>C3610</v>
          </cell>
          <cell r="B260" t="str">
            <v>人力舗設</v>
          </cell>
          <cell r="D260" t="str">
            <v>プライムコートⅡ</v>
          </cell>
          <cell r="E260">
            <v>100</v>
          </cell>
          <cell r="F260" t="str">
            <v>ｍ2</v>
          </cell>
          <cell r="G260">
            <v>112200</v>
          </cell>
          <cell r="H260" t="str">
            <v>5cm＜t≦10cm　　w＜1.6m</v>
          </cell>
        </row>
        <row r="261">
          <cell r="A261" t="str">
            <v>C3613</v>
          </cell>
          <cell r="B261" t="str">
            <v>人力舗設</v>
          </cell>
          <cell r="D261" t="str">
            <v>タックコート</v>
          </cell>
          <cell r="E261">
            <v>100</v>
          </cell>
          <cell r="F261" t="str">
            <v>ｍ2</v>
          </cell>
          <cell r="G261">
            <v>92580</v>
          </cell>
          <cell r="H261" t="str">
            <v>t≦5cm　　w＜1.6m</v>
          </cell>
        </row>
        <row r="262">
          <cell r="A262" t="str">
            <v>C4033</v>
          </cell>
          <cell r="B262" t="str">
            <v>舗装切断 　コンクリート</v>
          </cell>
          <cell r="D262" t="str">
            <v>ﾌﾞﾚｰﾄﾞ径　45～56cm</v>
          </cell>
          <cell r="E262">
            <v>100</v>
          </cell>
          <cell r="F262" t="str">
            <v>ｍ</v>
          </cell>
          <cell r="G262">
            <v>84110</v>
          </cell>
          <cell r="H262" t="str">
            <v>t≦20cm</v>
          </cell>
        </row>
        <row r="263">
          <cell r="A263" t="str">
            <v>C4035</v>
          </cell>
          <cell r="B263" t="str">
            <v>舗装切断 　コンクリート</v>
          </cell>
          <cell r="D263" t="str">
            <v>ﾌﾞﾚｰﾄﾞ径　75cm</v>
          </cell>
          <cell r="E263">
            <v>100</v>
          </cell>
          <cell r="F263" t="str">
            <v>ｍ</v>
          </cell>
          <cell r="G263">
            <v>166900</v>
          </cell>
          <cell r="H263" t="str">
            <v>t≦30cm</v>
          </cell>
        </row>
        <row r="264">
          <cell r="A264" t="str">
            <v>C4036</v>
          </cell>
          <cell r="B264" t="str">
            <v>舗装切断 　コンクリート</v>
          </cell>
          <cell r="D264" t="str">
            <v>ﾌﾞﾚｰﾄﾞ径　96～106cm</v>
          </cell>
          <cell r="E264">
            <v>100</v>
          </cell>
          <cell r="F264" t="str">
            <v>ｍ</v>
          </cell>
          <cell r="G264">
            <v>300000</v>
          </cell>
          <cell r="H264" t="str">
            <v>t≦45cm</v>
          </cell>
        </row>
        <row r="265">
          <cell r="A265" t="str">
            <v>C4043</v>
          </cell>
          <cell r="B265" t="str">
            <v>舗装切断 　アスファルト</v>
          </cell>
          <cell r="D265" t="str">
            <v>ﾌﾞﾚｰﾄﾞ径　45～56cm</v>
          </cell>
          <cell r="E265">
            <v>100</v>
          </cell>
          <cell r="F265" t="str">
            <v>ｍ</v>
          </cell>
          <cell r="G265">
            <v>42580</v>
          </cell>
          <cell r="H265" t="str">
            <v>t≦20cm</v>
          </cell>
        </row>
        <row r="266">
          <cell r="A266" t="str">
            <v>C4046</v>
          </cell>
          <cell r="B266" t="str">
            <v>舗装切断 　アスファルト</v>
          </cell>
          <cell r="D266" t="str">
            <v>ﾌﾞﾚｰﾄﾞ径　96～106cm</v>
          </cell>
          <cell r="E266">
            <v>100</v>
          </cell>
          <cell r="F266" t="str">
            <v>ｍ</v>
          </cell>
          <cell r="G266">
            <v>93430</v>
          </cell>
          <cell r="H266" t="str">
            <v>t≦45cm</v>
          </cell>
        </row>
        <row r="267">
          <cell r="A267" t="str">
            <v>C4074</v>
          </cell>
          <cell r="B267" t="str">
            <v>舗装取壊 　アスファルト・コンクリート</v>
          </cell>
          <cell r="D267" t="str">
            <v>人力</v>
          </cell>
          <cell r="E267">
            <v>1</v>
          </cell>
          <cell r="F267" t="str">
            <v>ｍ2</v>
          </cell>
          <cell r="G267">
            <v>33730</v>
          </cell>
          <cell r="H267" t="str">
            <v>t≦5cm</v>
          </cell>
        </row>
        <row r="268">
          <cell r="A268" t="str">
            <v>C4075</v>
          </cell>
          <cell r="B268" t="str">
            <v>舗装取壊 　アスファルト・コンクリート</v>
          </cell>
          <cell r="D268" t="str">
            <v>人力</v>
          </cell>
          <cell r="E268">
            <v>1</v>
          </cell>
          <cell r="F268" t="str">
            <v>ｍ2</v>
          </cell>
          <cell r="G268">
            <v>45430</v>
          </cell>
          <cell r="H268" t="str">
            <v>t≦15m</v>
          </cell>
        </row>
        <row r="269">
          <cell r="A269" t="str">
            <v>C4076</v>
          </cell>
          <cell r="B269" t="str">
            <v>舗装取壊 　アスファルト・コンクリート</v>
          </cell>
          <cell r="D269" t="str">
            <v>人力</v>
          </cell>
          <cell r="E269">
            <v>1</v>
          </cell>
          <cell r="F269" t="str">
            <v>ｍ2</v>
          </cell>
          <cell r="G269">
            <v>80470</v>
          </cell>
          <cell r="H269" t="str">
            <v>t≦20cm</v>
          </cell>
        </row>
        <row r="270">
          <cell r="A270" t="str">
            <v>C5640</v>
          </cell>
          <cell r="B270" t="str">
            <v>ダンプトラック運転費</v>
          </cell>
          <cell r="D270" t="str">
            <v>8t　土砂</v>
          </cell>
          <cell r="E270">
            <v>1</v>
          </cell>
          <cell r="F270" t="str">
            <v>ｈ</v>
          </cell>
          <cell r="G270">
            <v>5840</v>
          </cell>
          <cell r="H270" t="str">
            <v>割増率　0%</v>
          </cell>
        </row>
        <row r="271">
          <cell r="A271" t="str">
            <v>C5641</v>
          </cell>
          <cell r="B271" t="str">
            <v>ダンプトラック運転費</v>
          </cell>
          <cell r="D271" t="str">
            <v>8t　As</v>
          </cell>
          <cell r="E271">
            <v>1</v>
          </cell>
          <cell r="F271" t="str">
            <v>ｈ</v>
          </cell>
          <cell r="G271">
            <v>5884</v>
          </cell>
          <cell r="H271" t="str">
            <v>割増率　10%</v>
          </cell>
        </row>
        <row r="272">
          <cell r="A272" t="str">
            <v>C5642</v>
          </cell>
          <cell r="B272" t="str">
            <v>ダンプトラック運転費</v>
          </cell>
          <cell r="D272" t="str">
            <v>8t　Co</v>
          </cell>
          <cell r="E272">
            <v>1</v>
          </cell>
          <cell r="F272" t="str">
            <v>ｈ</v>
          </cell>
          <cell r="G272">
            <v>6014</v>
          </cell>
          <cell r="H272" t="str">
            <v>割増率　25%</v>
          </cell>
        </row>
        <row r="273">
          <cell r="A273" t="str">
            <v>C5730</v>
          </cell>
          <cell r="B273" t="str">
            <v>ダンプトラック運転費</v>
          </cell>
          <cell r="D273" t="str">
            <v>2t　土砂</v>
          </cell>
          <cell r="E273">
            <v>1</v>
          </cell>
          <cell r="F273" t="str">
            <v>日</v>
          </cell>
          <cell r="G273">
            <v>24150</v>
          </cell>
          <cell r="H273" t="str">
            <v>割増率　0%</v>
          </cell>
        </row>
        <row r="274">
          <cell r="A274" t="str">
            <v>C5731</v>
          </cell>
          <cell r="B274" t="str">
            <v>ダンプトラック運転費</v>
          </cell>
          <cell r="D274" t="str">
            <v>2t　As</v>
          </cell>
          <cell r="E274">
            <v>1</v>
          </cell>
          <cell r="F274" t="str">
            <v>日</v>
          </cell>
          <cell r="G274">
            <v>24320</v>
          </cell>
          <cell r="H274" t="str">
            <v>割増率　10%</v>
          </cell>
        </row>
        <row r="275">
          <cell r="A275" t="str">
            <v>C5732</v>
          </cell>
          <cell r="B275" t="str">
            <v>ダンプトラック運転費</v>
          </cell>
          <cell r="D275" t="str">
            <v>2t　Co</v>
          </cell>
          <cell r="E275">
            <v>1</v>
          </cell>
          <cell r="F275" t="str">
            <v>日</v>
          </cell>
          <cell r="G275">
            <v>24550</v>
          </cell>
          <cell r="H275" t="str">
            <v>割増率　25%</v>
          </cell>
        </row>
        <row r="276">
          <cell r="A276" t="str">
            <v>C5740</v>
          </cell>
          <cell r="B276" t="str">
            <v>ダンプトラック運転費</v>
          </cell>
          <cell r="D276" t="str">
            <v>4t　土砂</v>
          </cell>
          <cell r="E276">
            <v>1</v>
          </cell>
          <cell r="F276" t="str">
            <v>日</v>
          </cell>
          <cell r="G276">
            <v>27450</v>
          </cell>
          <cell r="H276" t="str">
            <v>割増率　0%</v>
          </cell>
        </row>
        <row r="277">
          <cell r="A277" t="str">
            <v>C5741</v>
          </cell>
          <cell r="B277" t="str">
            <v>ダンプトラック運転費</v>
          </cell>
          <cell r="D277" t="str">
            <v>4t　As</v>
          </cell>
          <cell r="E277">
            <v>1</v>
          </cell>
          <cell r="F277" t="str">
            <v>日</v>
          </cell>
          <cell r="G277">
            <v>27710</v>
          </cell>
          <cell r="H277" t="str">
            <v>割増率　10%</v>
          </cell>
        </row>
        <row r="278">
          <cell r="A278" t="str">
            <v>C5742</v>
          </cell>
          <cell r="B278" t="str">
            <v>ダンプトラック運転費</v>
          </cell>
          <cell r="D278" t="str">
            <v>4t　Co</v>
          </cell>
          <cell r="E278">
            <v>1</v>
          </cell>
          <cell r="F278" t="str">
            <v>日</v>
          </cell>
          <cell r="G278">
            <v>28050</v>
          </cell>
          <cell r="H278" t="str">
            <v>割増率　25%</v>
          </cell>
        </row>
        <row r="279">
          <cell r="A279" t="str">
            <v>C5760</v>
          </cell>
          <cell r="B279" t="str">
            <v>ダンプトラック運転費</v>
          </cell>
          <cell r="D279" t="str">
            <v>10t　土砂</v>
          </cell>
          <cell r="E279">
            <v>1</v>
          </cell>
          <cell r="F279" t="str">
            <v>日</v>
          </cell>
          <cell r="G279">
            <v>41380</v>
          </cell>
          <cell r="H279" t="str">
            <v>割増率　0%</v>
          </cell>
        </row>
        <row r="280">
          <cell r="A280" t="str">
            <v>C5761</v>
          </cell>
          <cell r="B280" t="str">
            <v>ダンプトラック運転費</v>
          </cell>
          <cell r="D280" t="str">
            <v>10t　As</v>
          </cell>
          <cell r="E280">
            <v>1</v>
          </cell>
          <cell r="F280" t="str">
            <v>日</v>
          </cell>
          <cell r="G280">
            <v>42130</v>
          </cell>
          <cell r="H280" t="str">
            <v>割増率　10%</v>
          </cell>
        </row>
        <row r="281">
          <cell r="A281" t="str">
            <v>C5762</v>
          </cell>
          <cell r="B281" t="str">
            <v>ダンプトラック運転費</v>
          </cell>
          <cell r="D281" t="str">
            <v>10t　Co</v>
          </cell>
          <cell r="E281">
            <v>1</v>
          </cell>
          <cell r="F281" t="str">
            <v>日</v>
          </cell>
          <cell r="G281">
            <v>43000</v>
          </cell>
          <cell r="H281" t="str">
            <v>割増率　25%</v>
          </cell>
        </row>
        <row r="282">
          <cell r="A282" t="str">
            <v>C5951</v>
          </cell>
          <cell r="B282" t="str">
            <v>バックホウ運転費</v>
          </cell>
          <cell r="D282" t="str">
            <v>0.10m3</v>
          </cell>
          <cell r="E282">
            <v>1</v>
          </cell>
          <cell r="F282" t="str">
            <v>ｈ</v>
          </cell>
          <cell r="G282">
            <v>5456</v>
          </cell>
        </row>
        <row r="283">
          <cell r="A283" t="str">
            <v>C5954</v>
          </cell>
          <cell r="B283" t="str">
            <v>バックホウ運転費</v>
          </cell>
          <cell r="D283" t="str">
            <v>0.20m3</v>
          </cell>
          <cell r="E283">
            <v>1</v>
          </cell>
          <cell r="F283" t="str">
            <v>ｈ</v>
          </cell>
          <cell r="G283">
            <v>5708</v>
          </cell>
        </row>
        <row r="284">
          <cell r="A284" t="str">
            <v>C5955</v>
          </cell>
          <cell r="B284" t="str">
            <v>バックホウ運転費</v>
          </cell>
          <cell r="D284" t="str">
            <v>0.20m3</v>
          </cell>
          <cell r="E284">
            <v>1</v>
          </cell>
          <cell r="F284" t="str">
            <v>日</v>
          </cell>
          <cell r="G284">
            <v>32040</v>
          </cell>
        </row>
        <row r="285">
          <cell r="A285" t="str">
            <v>C5956</v>
          </cell>
          <cell r="B285" t="str">
            <v>バックホウ運転費</v>
          </cell>
          <cell r="D285" t="str">
            <v>0.10m3</v>
          </cell>
          <cell r="E285">
            <v>1</v>
          </cell>
          <cell r="F285" t="str">
            <v>日</v>
          </cell>
          <cell r="G285">
            <v>28790</v>
          </cell>
        </row>
        <row r="286">
          <cell r="A286" t="str">
            <v>C5957</v>
          </cell>
          <cell r="B286" t="str">
            <v>バックホウ運転費</v>
          </cell>
          <cell r="D286" t="str">
            <v>0.35m3</v>
          </cell>
          <cell r="E286">
            <v>1</v>
          </cell>
          <cell r="F286" t="str">
            <v>日</v>
          </cell>
          <cell r="G286">
            <v>35380</v>
          </cell>
        </row>
        <row r="287">
          <cell r="A287" t="str">
            <v>C5958</v>
          </cell>
          <cell r="B287" t="str">
            <v>バックホウ運転費</v>
          </cell>
          <cell r="D287" t="str">
            <v>0.35m3</v>
          </cell>
          <cell r="E287">
            <v>1</v>
          </cell>
          <cell r="F287" t="str">
            <v>ｈ</v>
          </cell>
          <cell r="G287">
            <v>6569</v>
          </cell>
          <cell r="H287" t="str">
            <v>割増率　0%</v>
          </cell>
        </row>
        <row r="288">
          <cell r="A288" t="str">
            <v>C5960</v>
          </cell>
          <cell r="B288" t="str">
            <v>バックホウ運転費</v>
          </cell>
          <cell r="D288" t="str">
            <v>0.35m3</v>
          </cell>
          <cell r="E288">
            <v>1</v>
          </cell>
          <cell r="F288" t="str">
            <v>ｈ</v>
          </cell>
          <cell r="G288">
            <v>6669</v>
          </cell>
          <cell r="H288" t="str">
            <v>割増率　10%</v>
          </cell>
        </row>
        <row r="289">
          <cell r="A289" t="str">
            <v>C5961</v>
          </cell>
          <cell r="B289" t="str">
            <v>バックホウ運転費</v>
          </cell>
          <cell r="D289" t="str">
            <v>0.35m3</v>
          </cell>
          <cell r="E289">
            <v>1</v>
          </cell>
          <cell r="F289" t="str">
            <v>ｈ</v>
          </cell>
          <cell r="G289">
            <v>6819</v>
          </cell>
          <cell r="H289" t="str">
            <v>割増率　25%</v>
          </cell>
        </row>
        <row r="290">
          <cell r="A290" t="str">
            <v>C5962</v>
          </cell>
          <cell r="B290" t="str">
            <v>バックホウ運転費</v>
          </cell>
          <cell r="D290" t="str">
            <v>0.60m3</v>
          </cell>
          <cell r="E290">
            <v>1</v>
          </cell>
          <cell r="F290" t="str">
            <v>ｈ</v>
          </cell>
          <cell r="G290">
            <v>8826</v>
          </cell>
        </row>
        <row r="291">
          <cell r="A291" t="str">
            <v>C5963</v>
          </cell>
          <cell r="B291" t="str">
            <v>バックホウ運転費</v>
          </cell>
          <cell r="D291" t="str">
            <v>0.60m3</v>
          </cell>
          <cell r="E291">
            <v>1</v>
          </cell>
          <cell r="F291" t="str">
            <v>ｈ</v>
          </cell>
          <cell r="G291">
            <v>40180</v>
          </cell>
        </row>
        <row r="292">
          <cell r="A292" t="str">
            <v>C6107</v>
          </cell>
          <cell r="B292" t="str">
            <v>トラッッククレーン運転費</v>
          </cell>
          <cell r="D292" t="str">
            <v>4.8～4.9t吊</v>
          </cell>
          <cell r="E292">
            <v>1</v>
          </cell>
          <cell r="F292" t="str">
            <v>ｈ</v>
          </cell>
          <cell r="G292">
            <v>5968</v>
          </cell>
        </row>
        <row r="293">
          <cell r="A293" t="str">
            <v>C6634</v>
          </cell>
          <cell r="B293" t="str">
            <v>タンパ運転費</v>
          </cell>
          <cell r="D293" t="str">
            <v>60～100kg</v>
          </cell>
          <cell r="E293">
            <v>1</v>
          </cell>
          <cell r="F293" t="str">
            <v>日</v>
          </cell>
          <cell r="G293">
            <v>19700</v>
          </cell>
        </row>
        <row r="294">
          <cell r="A294" t="str">
            <v>C6640</v>
          </cell>
          <cell r="B294" t="str">
            <v>モーターグレーダ運転</v>
          </cell>
          <cell r="E294">
            <v>1</v>
          </cell>
          <cell r="F294" t="str">
            <v>日</v>
          </cell>
          <cell r="G294">
            <v>43810</v>
          </cell>
        </row>
        <row r="295">
          <cell r="A295" t="str">
            <v>C6644</v>
          </cell>
          <cell r="B295" t="str">
            <v>ロードローラ運転</v>
          </cell>
          <cell r="E295">
            <v>1</v>
          </cell>
          <cell r="F295" t="str">
            <v>日</v>
          </cell>
          <cell r="G295">
            <v>38300</v>
          </cell>
        </row>
        <row r="296">
          <cell r="A296" t="str">
            <v>C6649</v>
          </cell>
          <cell r="B296" t="str">
            <v>タイヤローラ運転</v>
          </cell>
          <cell r="E296">
            <v>1</v>
          </cell>
          <cell r="F296" t="str">
            <v>日</v>
          </cell>
          <cell r="G296">
            <v>35030</v>
          </cell>
        </row>
        <row r="297">
          <cell r="A297" t="str">
            <v>C6655</v>
          </cell>
          <cell r="B297" t="str">
            <v>振動ローラー運転費</v>
          </cell>
          <cell r="D297" t="str">
            <v>路盤用</v>
          </cell>
          <cell r="E297">
            <v>1</v>
          </cell>
          <cell r="F297" t="str">
            <v>日</v>
          </cell>
          <cell r="G297">
            <v>28110</v>
          </cell>
        </row>
        <row r="298">
          <cell r="A298" t="str">
            <v>C6656</v>
          </cell>
          <cell r="B298" t="str">
            <v>振動ローラー運転費</v>
          </cell>
          <cell r="D298" t="str">
            <v>舗装用</v>
          </cell>
          <cell r="E298">
            <v>1</v>
          </cell>
          <cell r="F298" t="str">
            <v>日</v>
          </cell>
          <cell r="G298">
            <v>28460</v>
          </cell>
        </row>
        <row r="299">
          <cell r="A299" t="str">
            <v>C6724</v>
          </cell>
          <cell r="B299" t="str">
            <v>路面切削機運転費</v>
          </cell>
          <cell r="D299" t="str">
            <v>ﾎｲｰﾙ式2ｍ級　廃材積込装置付</v>
          </cell>
          <cell r="E299">
            <v>1</v>
          </cell>
          <cell r="F299" t="str">
            <v>日</v>
          </cell>
          <cell r="G299">
            <v>219000</v>
          </cell>
        </row>
        <row r="300">
          <cell r="A300" t="str">
            <v>C6729</v>
          </cell>
          <cell r="B300" t="str">
            <v>路面清掃車運転費</v>
          </cell>
          <cell r="D300" t="str">
            <v>ﾌﾞﾗｼ式　2.0～3.1ｍ3</v>
          </cell>
          <cell r="E300">
            <v>1</v>
          </cell>
          <cell r="F300" t="str">
            <v>日</v>
          </cell>
          <cell r="G300">
            <v>54080</v>
          </cell>
        </row>
        <row r="301">
          <cell r="A301" t="str">
            <v>C6744</v>
          </cell>
          <cell r="B301" t="str">
            <v>大型ブレーカー運転費</v>
          </cell>
          <cell r="E301">
            <v>1</v>
          </cell>
          <cell r="F301" t="str">
            <v>ｈ</v>
          </cell>
          <cell r="G301">
            <v>8239</v>
          </cell>
        </row>
        <row r="302">
          <cell r="A302" t="str">
            <v>C6750</v>
          </cell>
          <cell r="B302" t="str">
            <v>大型ブレーカー運転費</v>
          </cell>
          <cell r="E302">
            <v>1</v>
          </cell>
          <cell r="F302" t="str">
            <v>日</v>
          </cell>
          <cell r="G302">
            <v>44970</v>
          </cell>
        </row>
        <row r="303">
          <cell r="A303" t="str">
            <v>C6753</v>
          </cell>
          <cell r="B303" t="str">
            <v>コンクリートカッター運転費</v>
          </cell>
          <cell r="D303" t="str">
            <v>ﾌﾞﾚｰﾄﾞ径　45～56cm</v>
          </cell>
          <cell r="E303">
            <v>1</v>
          </cell>
          <cell r="F303" t="str">
            <v>日</v>
          </cell>
          <cell r="G303">
            <v>21650</v>
          </cell>
        </row>
        <row r="304">
          <cell r="A304" t="str">
            <v>C6755</v>
          </cell>
          <cell r="B304" t="str">
            <v>コンクリートカッター運転費</v>
          </cell>
          <cell r="D304" t="str">
            <v>ﾌﾞﾚｰﾄﾞ径　75cm</v>
          </cell>
          <cell r="E304">
            <v>1</v>
          </cell>
          <cell r="F304" t="str">
            <v>日</v>
          </cell>
          <cell r="G304">
            <v>27740</v>
          </cell>
        </row>
        <row r="305">
          <cell r="A305" t="str">
            <v>C6756</v>
          </cell>
          <cell r="B305" t="str">
            <v>コンクリートカッター運転費</v>
          </cell>
          <cell r="D305" t="str">
            <v>ﾌﾞﾚｰﾄﾞ径　95～106cm</v>
          </cell>
          <cell r="E305">
            <v>1</v>
          </cell>
          <cell r="F305" t="str">
            <v>日</v>
          </cell>
          <cell r="G305">
            <v>28460</v>
          </cell>
        </row>
        <row r="306">
          <cell r="A306" t="str">
            <v>C6777</v>
          </cell>
          <cell r="B306" t="str">
            <v>クレーン付トラッック運転費</v>
          </cell>
          <cell r="D306" t="str">
            <v>4t積2.9t吊</v>
          </cell>
          <cell r="E306">
            <v>1</v>
          </cell>
          <cell r="F306" t="str">
            <v>ｈ</v>
          </cell>
          <cell r="G306">
            <v>5806</v>
          </cell>
        </row>
        <row r="307">
          <cell r="A307" t="str">
            <v>C6900</v>
          </cell>
          <cell r="B307" t="str">
            <v>アスファルトフィニッシャー運転費</v>
          </cell>
          <cell r="D307" t="str">
            <v>ｸﾛｰﾗ型1.6～3.0mm</v>
          </cell>
          <cell r="E307">
            <v>1</v>
          </cell>
          <cell r="F307" t="str">
            <v>日</v>
          </cell>
          <cell r="G307">
            <v>47510</v>
          </cell>
        </row>
        <row r="308">
          <cell r="A308" t="str">
            <v>C8314</v>
          </cell>
          <cell r="B308" t="str">
            <v>下層路盤工</v>
          </cell>
          <cell r="D308" t="str">
            <v>RC-40　t=10cm</v>
          </cell>
          <cell r="E308">
            <v>100</v>
          </cell>
          <cell r="F308" t="str">
            <v>ｍ2</v>
          </cell>
          <cell r="G308">
            <v>43450</v>
          </cell>
        </row>
        <row r="309">
          <cell r="A309" t="str">
            <v>C8767</v>
          </cell>
          <cell r="B309" t="str">
            <v>粒調路盤工</v>
          </cell>
          <cell r="D309" t="str">
            <v>M-40　t=10cm</v>
          </cell>
          <cell r="E309">
            <v>100</v>
          </cell>
          <cell r="F309" t="str">
            <v>ｍ2</v>
          </cell>
          <cell r="G309">
            <v>53610</v>
          </cell>
          <cell r="H309" t="str">
            <v>本土</v>
          </cell>
        </row>
        <row r="310">
          <cell r="A310" t="str">
            <v>Kコード</v>
          </cell>
        </row>
        <row r="311">
          <cell r="A311" t="str">
            <v>K0950</v>
          </cell>
          <cell r="B311" t="str">
            <v>トラッククレーン賃料</v>
          </cell>
          <cell r="D311" t="str">
            <v>4.8～4.9ｔ吊</v>
          </cell>
          <cell r="E311">
            <v>1</v>
          </cell>
          <cell r="F311" t="str">
            <v>日</v>
          </cell>
          <cell r="G311">
            <v>24800</v>
          </cell>
          <cell r="H311">
            <v>37438</v>
          </cell>
        </row>
        <row r="312">
          <cell r="A312" t="str">
            <v>Lコード</v>
          </cell>
        </row>
        <row r="313">
          <cell r="A313" t="str">
            <v>L3051</v>
          </cell>
          <cell r="B313" t="str">
            <v>コンクリートミキサー運転費</v>
          </cell>
          <cell r="D313" t="str">
            <v>8切ドラム　0.20ｍ3</v>
          </cell>
          <cell r="E313">
            <v>1</v>
          </cell>
          <cell r="F313" t="str">
            <v>日</v>
          </cell>
          <cell r="G313">
            <v>3560</v>
          </cell>
        </row>
        <row r="314">
          <cell r="A314" t="str">
            <v>Mコード</v>
          </cell>
        </row>
        <row r="315">
          <cell r="A315" t="str">
            <v>M3406</v>
          </cell>
          <cell r="B315" t="str">
            <v>発動発電機運転費</v>
          </cell>
          <cell r="D315" t="str">
            <v>ﾃﾞｨｰｾﾞﾙｴﾝｼﾞﾝ5KVA</v>
          </cell>
          <cell r="E315">
            <v>1</v>
          </cell>
          <cell r="F315" t="str">
            <v>日</v>
          </cell>
          <cell r="G315">
            <v>816</v>
          </cell>
          <cell r="H315">
            <v>37438</v>
          </cell>
        </row>
        <row r="316">
          <cell r="A316" t="str">
            <v>Nコード</v>
          </cell>
        </row>
        <row r="317">
          <cell r="A317" t="str">
            <v>N7991</v>
          </cell>
          <cell r="B317" t="str">
            <v>舗装処理　アスファルト</v>
          </cell>
          <cell r="E317">
            <v>1</v>
          </cell>
          <cell r="F317" t="str">
            <v>ｍ3</v>
          </cell>
          <cell r="G317">
            <v>2560</v>
          </cell>
          <cell r="H317">
            <v>37438</v>
          </cell>
        </row>
        <row r="318">
          <cell r="A318" t="str">
            <v>N7992</v>
          </cell>
          <cell r="B318" t="str">
            <v>舗装処理　コンクリート</v>
          </cell>
          <cell r="E318">
            <v>1</v>
          </cell>
          <cell r="F318" t="str">
            <v>ｍ3</v>
          </cell>
          <cell r="G318">
            <v>3310</v>
          </cell>
          <cell r="H318">
            <v>37438</v>
          </cell>
        </row>
        <row r="319">
          <cell r="A319" t="str">
            <v>N8017</v>
          </cell>
          <cell r="B319" t="str">
            <v>生コンクリート</v>
          </cell>
          <cell r="D319" t="str">
            <v>18-8-40</v>
          </cell>
          <cell r="E319">
            <v>1</v>
          </cell>
          <cell r="F319" t="str">
            <v>ｍ3</v>
          </cell>
          <cell r="G319">
            <v>8700</v>
          </cell>
          <cell r="H319">
            <v>37438</v>
          </cell>
        </row>
        <row r="320">
          <cell r="A320" t="str">
            <v>N8022</v>
          </cell>
          <cell r="B320" t="str">
            <v>生コンクリート</v>
          </cell>
          <cell r="D320" t="str">
            <v>24-8(12)-25</v>
          </cell>
          <cell r="E320">
            <v>1</v>
          </cell>
          <cell r="F320" t="str">
            <v>ｍ3</v>
          </cell>
          <cell r="G320">
            <v>9100</v>
          </cell>
          <cell r="H320">
            <v>37438</v>
          </cell>
        </row>
        <row r="321">
          <cell r="A321" t="str">
            <v>N8411</v>
          </cell>
          <cell r="B321" t="str">
            <v>再生密粒度ｱｽｺﾝ</v>
          </cell>
          <cell r="D321" t="str">
            <v>t=5cm</v>
          </cell>
          <cell r="E321">
            <v>1</v>
          </cell>
          <cell r="F321" t="str">
            <v>ｍ3</v>
          </cell>
          <cell r="G321">
            <v>7000</v>
          </cell>
          <cell r="H321">
            <v>37438</v>
          </cell>
        </row>
        <row r="322">
          <cell r="A322" t="str">
            <v>N8421</v>
          </cell>
          <cell r="B322" t="str">
            <v>再生粗粒度ｱｽｺﾝ</v>
          </cell>
          <cell r="E322">
            <v>1</v>
          </cell>
          <cell r="F322" t="str">
            <v>ｍ3</v>
          </cell>
          <cell r="G322">
            <v>6700</v>
          </cell>
          <cell r="H322">
            <v>37438</v>
          </cell>
        </row>
        <row r="323">
          <cell r="A323" t="str">
            <v>N8431</v>
          </cell>
          <cell r="B323" t="str">
            <v>再生歴青安定処理</v>
          </cell>
          <cell r="E323">
            <v>1</v>
          </cell>
          <cell r="F323" t="str">
            <v>ｍ3</v>
          </cell>
          <cell r="G323">
            <v>6400</v>
          </cell>
          <cell r="H323">
            <v>37438</v>
          </cell>
        </row>
        <row r="324">
          <cell r="A324" t="str">
            <v>Pコード</v>
          </cell>
        </row>
        <row r="325">
          <cell r="A325" t="str">
            <v>P0602</v>
          </cell>
          <cell r="B325" t="str">
            <v>軽油</v>
          </cell>
          <cell r="E325">
            <v>10</v>
          </cell>
          <cell r="F325" t="str">
            <v>L</v>
          </cell>
          <cell r="G325">
            <v>730</v>
          </cell>
          <cell r="H325">
            <v>37438</v>
          </cell>
        </row>
        <row r="326">
          <cell r="A326" t="str">
            <v>P3012</v>
          </cell>
          <cell r="B326" t="str">
            <v>アスファルト乳剤</v>
          </cell>
          <cell r="E326">
            <v>1</v>
          </cell>
          <cell r="F326" t="str">
            <v>Ｌ</v>
          </cell>
          <cell r="G326">
            <v>56</v>
          </cell>
          <cell r="H326">
            <v>37438</v>
          </cell>
        </row>
        <row r="327">
          <cell r="A327" t="str">
            <v>P3206</v>
          </cell>
          <cell r="B327" t="str">
            <v>コンクリートカッター刃</v>
          </cell>
          <cell r="D327" t="str">
            <v>65cm</v>
          </cell>
          <cell r="E327">
            <v>1</v>
          </cell>
          <cell r="F327" t="str">
            <v>枚</v>
          </cell>
          <cell r="G327">
            <v>104000</v>
          </cell>
          <cell r="H327">
            <v>37438</v>
          </cell>
        </row>
        <row r="328">
          <cell r="A328" t="str">
            <v>P3207</v>
          </cell>
          <cell r="B328" t="str">
            <v>コンクリートカッター刃</v>
          </cell>
          <cell r="D328" t="str">
            <v>75cm</v>
          </cell>
          <cell r="E328">
            <v>1</v>
          </cell>
          <cell r="F328" t="str">
            <v>枚</v>
          </cell>
          <cell r="G328">
            <v>123000</v>
          </cell>
          <cell r="H328">
            <v>37438</v>
          </cell>
        </row>
        <row r="329">
          <cell r="A329" t="str">
            <v>P3208</v>
          </cell>
          <cell r="B329" t="str">
            <v>コンクリートカッター刃</v>
          </cell>
          <cell r="D329" t="str">
            <v>106cm</v>
          </cell>
          <cell r="E329">
            <v>1</v>
          </cell>
          <cell r="F329" t="str">
            <v>枚</v>
          </cell>
          <cell r="G329">
            <v>224000</v>
          </cell>
          <cell r="H329">
            <v>37438</v>
          </cell>
        </row>
        <row r="330">
          <cell r="A330" t="str">
            <v>P7631</v>
          </cell>
          <cell r="B330" t="str">
            <v>構造物取壊し工　　　　　　　　　　機械施工</v>
          </cell>
          <cell r="D330" t="str">
            <v>無筋</v>
          </cell>
          <cell r="E330">
            <v>1</v>
          </cell>
          <cell r="F330" t="str">
            <v>ｍ3</v>
          </cell>
          <cell r="G330">
            <v>6425</v>
          </cell>
          <cell r="H330">
            <v>37438</v>
          </cell>
        </row>
        <row r="331">
          <cell r="A331" t="str">
            <v>P7632</v>
          </cell>
          <cell r="B331" t="str">
            <v>構造物取壊し工　　　　　　　　　　機械施工</v>
          </cell>
          <cell r="D331" t="str">
            <v>有筋</v>
          </cell>
          <cell r="E331">
            <v>1</v>
          </cell>
          <cell r="F331" t="str">
            <v>ｍ3</v>
          </cell>
          <cell r="G331">
            <v>12100</v>
          </cell>
          <cell r="H331">
            <v>37438</v>
          </cell>
        </row>
        <row r="332">
          <cell r="A332" t="str">
            <v>P7635</v>
          </cell>
          <cell r="B332" t="str">
            <v>構造物取壊し工　　　　　　　　　　人力施工</v>
          </cell>
          <cell r="D332" t="str">
            <v>無筋</v>
          </cell>
          <cell r="E332">
            <v>1</v>
          </cell>
          <cell r="F332" t="str">
            <v>ｍ3</v>
          </cell>
          <cell r="G332">
            <v>23700</v>
          </cell>
          <cell r="H332" t="str">
            <v>コンクリートブレーカー     H14.7.1</v>
          </cell>
        </row>
        <row r="333">
          <cell r="A333" t="str">
            <v>P7636</v>
          </cell>
          <cell r="B333" t="str">
            <v>構造物取壊し工　　　　　　　　　　人力施工</v>
          </cell>
          <cell r="D333" t="str">
            <v>有筋</v>
          </cell>
          <cell r="E333">
            <v>1</v>
          </cell>
          <cell r="F333" t="str">
            <v>ｍ3</v>
          </cell>
          <cell r="G333">
            <v>38250</v>
          </cell>
          <cell r="H333" t="str">
            <v>コンクリートブレーカー     H14.7.1</v>
          </cell>
        </row>
        <row r="334">
          <cell r="A334" t="str">
            <v>P8005</v>
          </cell>
          <cell r="B334" t="str">
            <v>砂</v>
          </cell>
          <cell r="D334" t="str">
            <v>ｺﾝｸﾘｰﾄ用</v>
          </cell>
          <cell r="E334">
            <v>1</v>
          </cell>
          <cell r="F334" t="str">
            <v>ｍ3</v>
          </cell>
          <cell r="G334">
            <v>3850</v>
          </cell>
          <cell r="H334" t="str">
            <v>本土　　　　　　　　　　         H14.7.1</v>
          </cell>
        </row>
        <row r="335">
          <cell r="A335" t="str">
            <v>P8006</v>
          </cell>
          <cell r="B335" t="str">
            <v>セメント</v>
          </cell>
          <cell r="E335">
            <v>1</v>
          </cell>
          <cell r="F335" t="str">
            <v>t</v>
          </cell>
          <cell r="G335">
            <v>17600</v>
          </cell>
          <cell r="H335" t="str">
            <v>本土　　　　　　　　　　         H14.7.1</v>
          </cell>
        </row>
        <row r="336">
          <cell r="A336" t="str">
            <v>P8010</v>
          </cell>
          <cell r="B336" t="str">
            <v>再生砕石</v>
          </cell>
          <cell r="D336" t="str">
            <v>Co舗装用　5～20</v>
          </cell>
          <cell r="E336">
            <v>1</v>
          </cell>
          <cell r="F336" t="str">
            <v>ｍ3</v>
          </cell>
          <cell r="G336">
            <v>3350</v>
          </cell>
          <cell r="H336">
            <v>37438</v>
          </cell>
        </row>
        <row r="337">
          <cell r="A337" t="str">
            <v>P8012</v>
          </cell>
          <cell r="B337" t="str">
            <v>再生砕石</v>
          </cell>
          <cell r="D337" t="str">
            <v>構造物用5～40</v>
          </cell>
          <cell r="E337">
            <v>1</v>
          </cell>
          <cell r="F337" t="str">
            <v>ｍ3</v>
          </cell>
          <cell r="G337">
            <v>3350</v>
          </cell>
          <cell r="H337">
            <v>37438</v>
          </cell>
        </row>
        <row r="339">
          <cell r="A339" t="str">
            <v>P8038</v>
          </cell>
          <cell r="B339" t="str">
            <v>再生砕石</v>
          </cell>
          <cell r="D339" t="str">
            <v>路盤用　RC40～0</v>
          </cell>
          <cell r="E339">
            <v>1</v>
          </cell>
          <cell r="F339" t="str">
            <v>ｍ3</v>
          </cell>
          <cell r="G339">
            <v>2200</v>
          </cell>
          <cell r="H339">
            <v>37438</v>
          </cell>
        </row>
        <row r="340">
          <cell r="A340" t="str">
            <v>P8102</v>
          </cell>
          <cell r="B340" t="str">
            <v>砂(不洗い)</v>
          </cell>
          <cell r="D340" t="str">
            <v>埋戻用</v>
          </cell>
          <cell r="E340">
            <v>1</v>
          </cell>
          <cell r="F340" t="str">
            <v>ｍ3</v>
          </cell>
          <cell r="G340">
            <v>2100</v>
          </cell>
          <cell r="H340">
            <v>37438</v>
          </cell>
        </row>
        <row r="341">
          <cell r="A341" t="str">
            <v>P8027</v>
          </cell>
          <cell r="B341" t="str">
            <v>路盤材</v>
          </cell>
          <cell r="D341" t="str">
            <v>Ｍ－４０</v>
          </cell>
          <cell r="E341">
            <v>1</v>
          </cell>
          <cell r="F341" t="str">
            <v>ｍ3</v>
          </cell>
          <cell r="G341">
            <v>3400</v>
          </cell>
          <cell r="H341" t="str">
            <v>離島単価</v>
          </cell>
        </row>
        <row r="342">
          <cell r="A342" t="str">
            <v>Q0001</v>
          </cell>
          <cell r="B342" t="str">
            <v>ダンプトラック運転費</v>
          </cell>
          <cell r="D342" t="str">
            <v>8t　土砂</v>
          </cell>
          <cell r="E342">
            <v>1</v>
          </cell>
          <cell r="F342" t="str">
            <v>日</v>
          </cell>
          <cell r="G342">
            <v>35624</v>
          </cell>
          <cell r="H342" t="str">
            <v>時間当り単価×6.1h</v>
          </cell>
        </row>
        <row r="343">
          <cell r="A343" t="str">
            <v>Q0002</v>
          </cell>
          <cell r="B343" t="str">
            <v>ダンプトラック運転費</v>
          </cell>
          <cell r="D343" t="str">
            <v>8t　As</v>
          </cell>
          <cell r="E343">
            <v>1</v>
          </cell>
          <cell r="F343" t="str">
            <v>日</v>
          </cell>
          <cell r="G343">
            <v>35892</v>
          </cell>
          <cell r="H343" t="str">
            <v>時間当り単価×6.1h</v>
          </cell>
        </row>
        <row r="344">
          <cell r="A344" t="str">
            <v>Q0003</v>
          </cell>
          <cell r="B344" t="str">
            <v>ダンプトラック運転費</v>
          </cell>
          <cell r="D344" t="str">
            <v>8t　Co</v>
          </cell>
          <cell r="E344">
            <v>1</v>
          </cell>
          <cell r="F344" t="str">
            <v>日</v>
          </cell>
          <cell r="G344">
            <v>36685</v>
          </cell>
          <cell r="H344" t="str">
            <v>時間当り単価×6.1h</v>
          </cell>
        </row>
        <row r="346">
          <cell r="A346" t="str">
            <v>Q0004</v>
          </cell>
          <cell r="B346" t="str">
            <v>常温合材</v>
          </cell>
          <cell r="D346" t="str">
            <v>小口</v>
          </cell>
          <cell r="E346">
            <v>1</v>
          </cell>
          <cell r="F346" t="str">
            <v>t</v>
          </cell>
          <cell r="G346">
            <v>10800</v>
          </cell>
          <cell r="H346" t="str">
            <v>建設物価版H15-6,P164(小口,バラ)</v>
          </cell>
        </row>
        <row r="409">
          <cell r="A409" t="str">
            <v>Z9999</v>
          </cell>
          <cell r="B409" t="str">
            <v>諸雑費</v>
          </cell>
          <cell r="E409">
            <v>1</v>
          </cell>
          <cell r="F409" t="str">
            <v>式</v>
          </cell>
        </row>
        <row r="410">
          <cell r="A410" t="str">
            <v>Z0100</v>
          </cell>
          <cell r="B410" t="str">
            <v>合計</v>
          </cell>
        </row>
        <row r="411">
          <cell r="A411" t="str">
            <v>Z0101</v>
          </cell>
          <cell r="B411" t="str">
            <v>1ｍ3当り</v>
          </cell>
        </row>
        <row r="412">
          <cell r="A412" t="str">
            <v>Z0102</v>
          </cell>
          <cell r="B412" t="str">
            <v>1ｍ2当り</v>
          </cell>
        </row>
        <row r="413">
          <cell r="A413" t="str">
            <v>Z0103</v>
          </cell>
          <cell r="B413" t="str">
            <v>1ｍ当り</v>
          </cell>
        </row>
        <row r="414">
          <cell r="A414" t="str">
            <v>Z0041</v>
          </cell>
          <cell r="B414" t="str">
            <v>諸雑費</v>
          </cell>
          <cell r="E414">
            <v>1</v>
          </cell>
          <cell r="F414" t="str">
            <v>式</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
      <sheetName val="条件"/>
      <sheetName val="計算書"/>
      <sheetName val="活性アルミナ、膜交換頻度"/>
      <sheetName val="管理条件"/>
      <sheetName val="機器ﾘｽﾄ（電力用） "/>
      <sheetName val="電気代"/>
      <sheetName val="計"/>
      <sheetName val="機器ﾘｽﾄ "/>
    </sheetNames>
    <sheetDataSet>
      <sheetData sheetId="0" refreshError="1"/>
      <sheetData sheetId="1">
        <row r="6">
          <cell r="C6">
            <v>277.2</v>
          </cell>
        </row>
      </sheetData>
      <sheetData sheetId="2"/>
      <sheetData sheetId="3" refreshError="1"/>
      <sheetData sheetId="4"/>
      <sheetData sheetId="5"/>
      <sheetData sheetId="6"/>
      <sheetData sheetId="7" refreshError="1"/>
      <sheetData sheetId="8" refreshError="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件名データ"/>
      <sheetName val="要求調書・通達書"/>
      <sheetName val="資金計画"/>
      <sheetName val="工事概要書(準継続用)"/>
      <sheetName val="工事費内訳書"/>
      <sheetName val="工程表"/>
      <sheetName val="工事概要"/>
      <sheetName val="ヘッダ"/>
      <sheetName val="Code"/>
      <sheetName val="予算支出区分"/>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ﾎｲｽﾄﾚｰﾙ数量【か所毎】"/>
      <sheetName val="No.1"/>
      <sheetName val="No.2"/>
      <sheetName val="Sheet2"/>
      <sheetName val="Sheet3"/>
      <sheetName val="ﾎｲｽﾄﾚｰﾙ数量【か所毎】修正150707"/>
    </sheetNames>
    <definedNames>
      <definedName name="φ50本設配管" refersTo="#REF!"/>
    </defined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価格計算"/>
    </sheetNames>
    <definedNames>
      <definedName name="Anzen"/>
    </definedNames>
    <sheetDataSet>
      <sheetData sheetId="0"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仮設躯体"/>
      <sheetName val="外壁面積"/>
      <sheetName val="外部"/>
      <sheetName val="室内"/>
      <sheetName val="内部"/>
      <sheetName val="外構"/>
      <sheetName val="解体"/>
      <sheetName val="単価閲覧"/>
      <sheetName val="付帯"/>
      <sheetName val="ﾁｪｯｸ"/>
      <sheetName val="内訳"/>
      <sheetName val="比較"/>
      <sheetName val="比較 (2)"/>
      <sheetName val="改修"/>
      <sheetName val="Module1"/>
    </sheetNames>
    <sheetDataSet>
      <sheetData sheetId="0">
        <row r="2">
          <cell r="D2" t="str">
            <v>◇◇新ＥＸ－３６００ｗ◆◆</v>
          </cell>
          <cell r="G2" t="str">
            <v xml:space="preserve"> Ver 1.0</v>
          </cell>
          <cell r="I2" t="str">
            <v>青字入力</v>
          </cell>
        </row>
        <row r="3">
          <cell r="D3" t="str">
            <v xml:space="preserve">       基本設計概算ﾌﾟﾛｸﾞﾗﾑ</v>
          </cell>
          <cell r="I3" t="str">
            <v>入力範囲</v>
          </cell>
        </row>
        <row r="4">
          <cell r="A4" t="str">
            <v>①基本データの入力</v>
          </cell>
          <cell r="F4" t="str">
            <v>ｻﾌﾞﾀｲﾄﾙ</v>
          </cell>
          <cell r="I4" t="str">
            <v>計算結果</v>
          </cell>
        </row>
        <row r="5">
          <cell r="A5" t="str">
            <v>件名</v>
          </cell>
          <cell r="B5" t="str">
            <v>三重県立看護大学大学院研究科棟建築工事</v>
          </cell>
        </row>
        <row r="7">
          <cell r="A7" t="str">
            <v>構造規模</v>
          </cell>
          <cell r="B7" t="str">
            <v>構造種名</v>
          </cell>
          <cell r="C7" t="str">
            <v>地上階数</v>
          </cell>
          <cell r="D7" t="str">
            <v>地下階数</v>
          </cell>
          <cell r="E7" t="str">
            <v>塔屋階数</v>
          </cell>
        </row>
        <row r="8">
          <cell r="B8" t="str">
            <v>RC</v>
          </cell>
          <cell r="C8">
            <v>3</v>
          </cell>
          <cell r="D8">
            <v>0</v>
          </cell>
          <cell r="E8">
            <v>0</v>
          </cell>
        </row>
        <row r="9">
          <cell r="B9" t="str">
            <v>建築m2</v>
          </cell>
          <cell r="C9" t="str">
            <v>基準法m2</v>
          </cell>
          <cell r="D9" t="str">
            <v>施工床m2</v>
          </cell>
          <cell r="E9" t="str">
            <v>内訳m2</v>
          </cell>
        </row>
        <row r="10">
          <cell r="B10">
            <v>898.61</v>
          </cell>
          <cell r="C10">
            <v>893</v>
          </cell>
          <cell r="D10">
            <v>990</v>
          </cell>
          <cell r="E10">
            <v>892.91</v>
          </cell>
        </row>
        <row r="11">
          <cell r="E11">
            <v>270.10000000000002</v>
          </cell>
          <cell r="F11" t="str">
            <v>坪</v>
          </cell>
        </row>
        <row r="12">
          <cell r="E12" t="str">
            <v>(設備電気)</v>
          </cell>
          <cell r="F12" t="str">
            <v>（付帯）</v>
          </cell>
        </row>
        <row r="13">
          <cell r="A13" t="str">
            <v>共通仮設</v>
          </cell>
          <cell r="B13" t="str">
            <v>建設省率</v>
          </cell>
          <cell r="C13" t="str">
            <v>←掛け率</v>
          </cell>
          <cell r="D13" t="str">
            <v>←指定率</v>
          </cell>
          <cell r="E13" t="str">
            <v>指定率(一括)</v>
          </cell>
          <cell r="F13" t="str">
            <v>指定率(一括)</v>
          </cell>
          <cell r="G13" t="str">
            <v>金額単位</v>
          </cell>
          <cell r="H13" t="str">
            <v>概略工期</v>
          </cell>
          <cell r="I13" t="str">
            <v>←月数変更</v>
          </cell>
        </row>
        <row r="14">
          <cell r="B14">
            <v>6.2E-2</v>
          </cell>
          <cell r="C14">
            <v>1</v>
          </cell>
          <cell r="E14">
            <v>0.03</v>
          </cell>
          <cell r="F14">
            <v>0.03</v>
          </cell>
          <cell r="G14">
            <v>10000</v>
          </cell>
          <cell r="H14" t="str">
            <v xml:space="preserve">    11ｹ月</v>
          </cell>
          <cell r="I14">
            <v>11</v>
          </cell>
        </row>
        <row r="15">
          <cell r="B15" t="str">
            <v>(特殊加算額)</v>
          </cell>
        </row>
        <row r="16">
          <cell r="B16" t="str">
            <v>ﾀﾜｰｸﾚｰﾝ</v>
          </cell>
          <cell r="C16" t="str">
            <v>ｶﾞｰﾄﾞﾏﾝ</v>
          </cell>
          <cell r="D16" t="str">
            <v>借地料</v>
          </cell>
          <cell r="E16" t="str">
            <v>特殊加算計</v>
          </cell>
          <cell r="G16" t="str">
            <v>ﾊﾞｰｼﾞｮﾝｱｯﾌﾟ99</v>
          </cell>
          <cell r="I16" t="str">
            <v>99/9/6</v>
          </cell>
        </row>
        <row r="17">
          <cell r="E17">
            <v>0</v>
          </cell>
          <cell r="F17" t="str">
            <v>円</v>
          </cell>
          <cell r="G17" t="str">
            <v>①単価閲覧シートを追加</v>
          </cell>
        </row>
        <row r="18">
          <cell r="G18" t="str">
            <v xml:space="preserve">②外周長及び外壁面積の計算表を追加 </v>
          </cell>
        </row>
        <row r="19">
          <cell r="A19" t="str">
            <v>諸経費</v>
          </cell>
          <cell r="B19" t="str">
            <v>分離発注</v>
          </cell>
          <cell r="C19" t="str">
            <v>一括発注</v>
          </cell>
          <cell r="D19" t="str">
            <v>金額単位</v>
          </cell>
          <cell r="G19" t="str">
            <v>③杭のコストテーブルを追加</v>
          </cell>
        </row>
        <row r="20">
          <cell r="B20">
            <v>0.16</v>
          </cell>
          <cell r="D20">
            <v>100000</v>
          </cell>
          <cell r="G20" t="str">
            <v>④形状別の室内仕上の計算表を改訂</v>
          </cell>
        </row>
        <row r="21">
          <cell r="G21" t="str">
            <v>⑤解体算出シートを新規追加</v>
          </cell>
        </row>
        <row r="182">
          <cell r="A182" t="str">
            <v>躯　体</v>
          </cell>
        </row>
      </sheetData>
      <sheetData sheetId="1"/>
      <sheetData sheetId="2">
        <row r="1">
          <cell r="A1" t="str">
            <v>外部屋根</v>
          </cell>
        </row>
        <row r="193">
          <cell r="A193" t="str">
            <v>外部建具</v>
          </cell>
        </row>
      </sheetData>
      <sheetData sheetId="3"/>
      <sheetData sheetId="4">
        <row r="1">
          <cell r="A1" t="str">
            <v>内部建具</v>
          </cell>
        </row>
      </sheetData>
      <sheetData sheetId="5">
        <row r="1">
          <cell r="A1" t="str">
            <v>外構工事</v>
          </cell>
        </row>
      </sheetData>
      <sheetData sheetId="6"/>
      <sheetData sheetId="7"/>
      <sheetData sheetId="8">
        <row r="3">
          <cell r="F3" t="str">
            <v>地質調査</v>
          </cell>
        </row>
        <row r="4">
          <cell r="C4">
            <v>49700000</v>
          </cell>
        </row>
      </sheetData>
      <sheetData sheetId="9"/>
      <sheetData sheetId="10">
        <row r="56">
          <cell r="A56">
            <v>4</v>
          </cell>
        </row>
      </sheetData>
      <sheetData sheetId="11"/>
      <sheetData sheetId="12"/>
      <sheetData sheetId="13"/>
      <sheetData sheetId="14"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工事費総括表"/>
      <sheetName val="内訳"/>
      <sheetName val="一位代価"/>
      <sheetName val="資材単価"/>
      <sheetName val="市価"/>
      <sheetName val="市価採用根拠"/>
      <sheetName val="数量計算書"/>
      <sheetName val="内訳数量確認"/>
      <sheetName val="日数"/>
      <sheetName val="工程表 "/>
      <sheetName val="運搬算出"/>
      <sheetName val="構造計算 "/>
      <sheetName val="府県別労務"/>
      <sheetName val="損料"/>
      <sheetName val="その他率"/>
      <sheetName val="表紙"/>
      <sheetName val="決議書　1"/>
      <sheetName val="決議書　2"/>
      <sheetName val="検査調書"/>
      <sheetName val="出張計画書"/>
      <sheetName val="監督報告書"/>
      <sheetName val="監督終了報告書"/>
      <sheetName val="労務単価"/>
      <sheetName val="H13労務単価"/>
      <sheetName val="H13技術者単価"/>
      <sheetName val="図面供覧"/>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refreshError="1"/>
      <sheetData sheetId="9"/>
      <sheetData sheetId="10" refreshError="1"/>
      <sheetData sheetId="11" refreshError="1"/>
      <sheetData sheetId="12" refreshError="1"/>
      <sheetData sheetId="13" refreshError="1">
        <row r="50">
          <cell r="C50">
            <v>15700</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sheetData sheetId="25" refreshError="1"/>
      <sheetData sheetId="26" refreshError="1"/>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 val="建材表（全体用）"/>
      <sheetName val="換気計算（全体用）"/>
      <sheetName val="建材表・換気計算（居室毎用）"/>
      <sheetName val="天井裏等（居室毎用）"/>
    </sheetNames>
    <sheetDataSet>
      <sheetData sheetId="0"/>
      <sheetData sheetId="1" refreshError="1"/>
      <sheetData sheetId="2"/>
      <sheetData sheetId="3" refreshError="1"/>
      <sheetData sheetId="4"/>
      <sheetData sheetId="5"/>
      <sheetData sheetId="6"/>
      <sheetData sheetId="7"/>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
      <sheetName val="明細"/>
      <sheetName val="代価表"/>
      <sheetName val="第7号代価表_鋳鉄管"/>
    </sheetNames>
    <sheetDataSet>
      <sheetData sheetId="0"/>
      <sheetData sheetId="1"/>
      <sheetData sheetId="2"/>
      <sheetData sheetId="3"/>
      <sheetData sheetId="4"/>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書"/>
      <sheetName val="明細書"/>
      <sheetName val="小鋳管"/>
      <sheetName val="輸送費"/>
      <sheetName val="水･電力"/>
      <sheetName val="労務単価"/>
      <sheetName val="見積･重量"/>
      <sheetName val="諸経費"/>
      <sheetName val="人工"/>
      <sheetName val="ページ設定"/>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条件"/>
      <sheetName val="容計"/>
      <sheetName val="Sheet5"/>
    </sheetNames>
    <sheetDataSet>
      <sheetData sheetId="0">
        <row r="5">
          <cell r="C5">
            <v>1.1000000000000001</v>
          </cell>
        </row>
        <row r="8">
          <cell r="C8">
            <v>2</v>
          </cell>
        </row>
        <row r="9">
          <cell r="C9">
            <v>4</v>
          </cell>
        </row>
        <row r="10">
          <cell r="C10">
            <v>12</v>
          </cell>
        </row>
        <row r="11">
          <cell r="C11">
            <v>48</v>
          </cell>
        </row>
        <row r="14">
          <cell r="C14">
            <v>90.9</v>
          </cell>
        </row>
        <row r="15">
          <cell r="C15" t="str">
            <v>163.8</v>
          </cell>
        </row>
        <row r="16">
          <cell r="C16">
            <v>5</v>
          </cell>
        </row>
        <row r="17">
          <cell r="C17" t="str">
            <v>156.3</v>
          </cell>
        </row>
        <row r="18">
          <cell r="C18" t="str">
            <v>7.4</v>
          </cell>
        </row>
        <row r="21">
          <cell r="C21">
            <v>60</v>
          </cell>
          <cell r="E21">
            <v>16</v>
          </cell>
        </row>
        <row r="22">
          <cell r="C22">
            <v>10</v>
          </cell>
        </row>
        <row r="23">
          <cell r="C23">
            <v>180</v>
          </cell>
          <cell r="E23">
            <v>8</v>
          </cell>
        </row>
        <row r="24">
          <cell r="C24">
            <v>60</v>
          </cell>
        </row>
      </sheetData>
      <sheetData sheetId="1"/>
      <sheetData sheetId="2"/>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
      <sheetName val="条件"/>
      <sheetName val="計算書"/>
      <sheetName val="活性アルミナ、膜交換頻度"/>
      <sheetName val="管理条件"/>
      <sheetName val="機器ﾘｽﾄ（電力用） "/>
      <sheetName val="電気代"/>
      <sheetName val="計"/>
      <sheetName val="機器ﾘｽﾄ "/>
    </sheetNames>
    <sheetDataSet>
      <sheetData sheetId="0" refreshError="1"/>
      <sheetData sheetId="1">
        <row r="6">
          <cell r="C6">
            <v>277.2</v>
          </cell>
        </row>
      </sheetData>
      <sheetData sheetId="2"/>
      <sheetData sheetId="3" refreshError="1"/>
      <sheetData sheetId="4"/>
      <sheetData sheetId="5"/>
      <sheetData sheetId="6"/>
      <sheetData sheetId="7" refreshError="1"/>
      <sheetData sheetId="8" refreshError="1"/>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程算出"/>
      <sheetName val="損料１"/>
      <sheetName val="損料２"/>
      <sheetName val="電工程1-1"/>
      <sheetName val="電工程1-2"/>
      <sheetName val="契電"/>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表"/>
      <sheetName val="材料単価表"/>
      <sheetName val="排水桝"/>
      <sheetName val="汚水桝"/>
    </sheetNames>
    <sheetDataSet>
      <sheetData sheetId="0"/>
      <sheetData sheetId="1"/>
      <sheetData sheetId="2"/>
      <sheetData sheetId="3"/>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ダミー"/>
      <sheetName val="表紙"/>
      <sheetName val="明細"/>
      <sheetName val="1号"/>
      <sheetName val="2号"/>
      <sheetName val="3号"/>
      <sheetName val="4号"/>
      <sheetName val="5号"/>
      <sheetName val="配水管原"/>
      <sheetName val="資材単価"/>
      <sheetName val="単価表"/>
      <sheetName val="見積"/>
      <sheetName val="配管材料１"/>
      <sheetName val="配管材料２"/>
      <sheetName val="切管組合せ１"/>
      <sheetName val="切管組合せ２"/>
      <sheetName val="土工延長集計１"/>
      <sheetName val="土工延長集計２"/>
      <sheetName val="土工集計表１"/>
      <sheetName val="土工集計表２"/>
      <sheetName val="路面復旧"/>
      <sheetName val="内表紙"/>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sheetData sheetId="9"/>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人工集計表"/>
      <sheetName val="歩掛分類表"/>
      <sheetName val="機器等据付工"/>
      <sheetName val="機器等据付重量表"/>
      <sheetName val="計装設備歩掛"/>
    </sheetNames>
    <sheetDataSet>
      <sheetData sheetId="0" refreshError="1"/>
      <sheetData sheetId="1" refreshError="1"/>
      <sheetData sheetId="2" refreshError="1"/>
      <sheetData sheetId="3">
        <row r="8">
          <cell r="B8" t="str">
            <v>送風機6号</v>
          </cell>
        </row>
        <row r="10">
          <cell r="B10" t="str">
            <v>6号用電動機</v>
          </cell>
        </row>
        <row r="12">
          <cell r="B12" t="str">
            <v>計</v>
          </cell>
        </row>
        <row r="14">
          <cell r="B14" t="str">
            <v>吐出弁6号</v>
          </cell>
        </row>
        <row r="16">
          <cell r="B16" t="str">
            <v>逆止弁6号</v>
          </cell>
        </row>
        <row r="18">
          <cell r="B18" t="str">
            <v>6号用電動機起動用抵抗器</v>
          </cell>
        </row>
        <row r="20">
          <cell r="B20" t="str">
            <v>4号送風機用切替弁</v>
          </cell>
        </row>
        <row r="22">
          <cell r="B22" t="str">
            <v>送風機用増設弁</v>
          </cell>
        </row>
        <row r="24">
          <cell r="B24" t="str">
            <v>湿式空気ろ過器</v>
          </cell>
        </row>
        <row r="26">
          <cell r="B26" t="str">
            <v>乾式空気ろ過器</v>
          </cell>
        </row>
        <row r="28">
          <cell r="B28" t="str">
            <v>オリフィス流量計(500A)</v>
          </cell>
        </row>
        <row r="30">
          <cell r="B30" t="str">
            <v>鋼製加工品</v>
          </cell>
        </row>
      </sheetData>
      <sheetData sheetId="4">
        <row r="7">
          <cell r="C7">
            <v>1</v>
          </cell>
        </row>
      </sheetData>
      <sheetData sheetId="5" refreshError="1"/>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搬入据付様式"/>
      <sheetName val="搬入据付費"/>
      <sheetName val="衛生設備"/>
    </sheetNames>
    <sheetDataSet>
      <sheetData sheetId="0"/>
      <sheetData sheetId="1" refreshError="1"/>
      <sheetData sheetId="2" refreshError="1"/>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鏡１"/>
      <sheetName val="鏡２"/>
      <sheetName val="本工事内訳表"/>
      <sheetName val="明細書"/>
      <sheetName val="代価"/>
      <sheetName val="経費計算"/>
      <sheetName val="見積比較機械"/>
      <sheetName val="見積比較電気"/>
    </sheetNames>
    <sheetDataSet>
      <sheetData sheetId="0"/>
      <sheetData sheetId="1"/>
      <sheetData sheetId="2"/>
      <sheetData sheetId="3"/>
      <sheetData sheetId="4"/>
      <sheetData sheetId="5"/>
      <sheetData sheetId="6"/>
      <sheetData sheetId="7"/>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配管"/>
      <sheetName val="配管代価"/>
      <sheetName val="換気"/>
      <sheetName val="Sheet1 (6)"/>
      <sheetName val="Sheet1 (7)"/>
      <sheetName val="代価表 "/>
      <sheetName val="見積比較"/>
      <sheetName val="見積比較 (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空調"/>
      <sheetName val="割増計算"/>
      <sheetName val="配管"/>
      <sheetName val="土工計算"/>
      <sheetName val="換気"/>
      <sheetName val="換気 (対象外)"/>
      <sheetName val="ﾁｬﾝﾊﾞｰ計算"/>
      <sheetName val="代価表 "/>
      <sheetName val="見積比較"/>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程算出"/>
      <sheetName val="損料１"/>
      <sheetName val="損料２"/>
      <sheetName val="電工程1-1"/>
      <sheetName val="電工程1-2"/>
      <sheetName val="契電"/>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名"/>
      <sheetName val="印刷画面"/>
      <sheetName val="経費率入力"/>
      <sheetName val="Sheet3"/>
      <sheetName val="Sheet1"/>
      <sheetName val="設計書入力"/>
      <sheetName val="Sheet4"/>
      <sheetName val="設計書１出力"/>
      <sheetName val="金抜き設計書出力"/>
      <sheetName val="設計書出力"/>
      <sheetName val="Sheet2"/>
      <sheetName val="間接費実行"/>
    </sheetNames>
    <sheetDataSet>
      <sheetData sheetId="0"/>
      <sheetData sheetId="1"/>
      <sheetData sheetId="2"/>
      <sheetData sheetId="3"/>
      <sheetData sheetId="4"/>
      <sheetData sheetId="5">
        <row r="21">
          <cell r="FD21">
            <v>1</v>
          </cell>
          <cell r="FE21">
            <v>2</v>
          </cell>
          <cell r="FF21">
            <v>3</v>
          </cell>
          <cell r="FG21">
            <v>4</v>
          </cell>
          <cell r="FH21">
            <v>5</v>
          </cell>
          <cell r="FI21">
            <v>6</v>
          </cell>
          <cell r="FJ21">
            <v>7</v>
          </cell>
          <cell r="FK21">
            <v>8</v>
          </cell>
          <cell r="FL21">
            <v>9</v>
          </cell>
          <cell r="FM21">
            <v>10</v>
          </cell>
          <cell r="FN21">
            <v>11</v>
          </cell>
          <cell r="FO21">
            <v>12</v>
          </cell>
          <cell r="FP21">
            <v>13</v>
          </cell>
          <cell r="FQ21">
            <v>14</v>
          </cell>
          <cell r="FR21">
            <v>15</v>
          </cell>
          <cell r="FS21">
            <v>16</v>
          </cell>
          <cell r="FT21">
            <v>17</v>
          </cell>
          <cell r="FU21">
            <v>18</v>
          </cell>
          <cell r="FV21">
            <v>19</v>
          </cell>
          <cell r="FW21">
            <v>20</v>
          </cell>
          <cell r="FX21">
            <v>21</v>
          </cell>
          <cell r="FY21">
            <v>22</v>
          </cell>
          <cell r="FZ21">
            <v>23</v>
          </cell>
          <cell r="GA21">
            <v>24</v>
          </cell>
          <cell r="GB21">
            <v>25</v>
          </cell>
          <cell r="GC21">
            <v>26</v>
          </cell>
          <cell r="GD21">
            <v>27</v>
          </cell>
          <cell r="GE21">
            <v>28</v>
          </cell>
          <cell r="GF21">
            <v>29</v>
          </cell>
          <cell r="GG21">
            <v>30</v>
          </cell>
          <cell r="GH21">
            <v>31</v>
          </cell>
        </row>
        <row r="22">
          <cell r="FD22">
            <v>1438528</v>
          </cell>
          <cell r="FE22">
            <v>1049614</v>
          </cell>
          <cell r="FF22">
            <v>565420</v>
          </cell>
          <cell r="FG22">
            <v>0</v>
          </cell>
          <cell r="FH22">
            <v>0</v>
          </cell>
          <cell r="FI22">
            <v>0</v>
          </cell>
          <cell r="FJ22">
            <v>0</v>
          </cell>
          <cell r="FK22">
            <v>0</v>
          </cell>
          <cell r="FL22">
            <v>0</v>
          </cell>
          <cell r="FM22">
            <v>0</v>
          </cell>
          <cell r="FN22">
            <v>0</v>
          </cell>
          <cell r="FO22">
            <v>0</v>
          </cell>
          <cell r="FP22">
            <v>0</v>
          </cell>
          <cell r="FQ22">
            <v>0</v>
          </cell>
          <cell r="FR22">
            <v>0</v>
          </cell>
          <cell r="FS22">
            <v>0</v>
          </cell>
          <cell r="FT22">
            <v>0</v>
          </cell>
          <cell r="FU22">
            <v>0</v>
          </cell>
          <cell r="FV22">
            <v>0</v>
          </cell>
          <cell r="FW22">
            <v>0</v>
          </cell>
          <cell r="FX22">
            <v>0</v>
          </cell>
          <cell r="FY22">
            <v>0</v>
          </cell>
          <cell r="FZ22">
            <v>0</v>
          </cell>
          <cell r="GA22">
            <v>0</v>
          </cell>
          <cell r="GB22">
            <v>0</v>
          </cell>
          <cell r="GC22">
            <v>0</v>
          </cell>
          <cell r="GD22">
            <v>0</v>
          </cell>
          <cell r="GE22">
            <v>0</v>
          </cell>
          <cell r="GF22">
            <v>0</v>
          </cell>
          <cell r="GG22">
            <v>0</v>
          </cell>
          <cell r="GH22">
            <v>0</v>
          </cell>
        </row>
        <row r="23">
          <cell r="DT23" t="str">
            <v/>
          </cell>
          <cell r="DU23" t="str">
            <v/>
          </cell>
        </row>
        <row r="24">
          <cell r="DT24" t="str">
            <v/>
          </cell>
          <cell r="DU24" t="str">
            <v/>
          </cell>
        </row>
        <row r="25">
          <cell r="DT25">
            <v>1</v>
          </cell>
          <cell r="DU25" t="str">
            <v>給水設備工事</v>
          </cell>
        </row>
        <row r="26">
          <cell r="DT26" t="str">
            <v/>
          </cell>
          <cell r="DU26" t="str">
            <v/>
          </cell>
        </row>
        <row r="27">
          <cell r="DT27" t="str">
            <v/>
          </cell>
          <cell r="DU27" t="str">
            <v/>
          </cell>
        </row>
        <row r="28">
          <cell r="DT28" t="str">
            <v/>
          </cell>
          <cell r="DU28" t="str">
            <v/>
          </cell>
        </row>
        <row r="29">
          <cell r="DT29" t="str">
            <v/>
          </cell>
          <cell r="DU29" t="str">
            <v/>
          </cell>
        </row>
        <row r="30">
          <cell r="DT30" t="str">
            <v/>
          </cell>
          <cell r="DU30" t="str">
            <v/>
          </cell>
        </row>
        <row r="31">
          <cell r="DT31" t="str">
            <v/>
          </cell>
          <cell r="DU31" t="str">
            <v/>
          </cell>
        </row>
        <row r="32">
          <cell r="DT32" t="str">
            <v/>
          </cell>
          <cell r="DU32" t="str">
            <v/>
          </cell>
        </row>
        <row r="33">
          <cell r="DT33" t="str">
            <v/>
          </cell>
          <cell r="DU33" t="str">
            <v/>
          </cell>
        </row>
        <row r="34">
          <cell r="DT34" t="str">
            <v/>
          </cell>
          <cell r="DU34" t="str">
            <v/>
          </cell>
        </row>
        <row r="35">
          <cell r="DT35" t="str">
            <v/>
          </cell>
          <cell r="DU35" t="str">
            <v/>
          </cell>
        </row>
        <row r="36">
          <cell r="DT36" t="str">
            <v/>
          </cell>
          <cell r="DU36" t="str">
            <v/>
          </cell>
        </row>
        <row r="37">
          <cell r="DT37" t="str">
            <v/>
          </cell>
          <cell r="DU37" t="str">
            <v/>
          </cell>
        </row>
        <row r="38">
          <cell r="DT38" t="str">
            <v/>
          </cell>
          <cell r="DU38" t="str">
            <v/>
          </cell>
        </row>
        <row r="39">
          <cell r="DT39" t="str">
            <v/>
          </cell>
          <cell r="DU39" t="str">
            <v/>
          </cell>
        </row>
        <row r="40">
          <cell r="DT40" t="str">
            <v/>
          </cell>
          <cell r="DU40" t="str">
            <v/>
          </cell>
        </row>
        <row r="41">
          <cell r="DT41" t="str">
            <v/>
          </cell>
          <cell r="DU41" t="str">
            <v/>
          </cell>
        </row>
        <row r="42">
          <cell r="DT42" t="str">
            <v/>
          </cell>
          <cell r="DU42" t="str">
            <v/>
          </cell>
        </row>
        <row r="43">
          <cell r="DT43" t="str">
            <v/>
          </cell>
          <cell r="DU43" t="str">
            <v/>
          </cell>
        </row>
        <row r="44">
          <cell r="DT44" t="str">
            <v/>
          </cell>
          <cell r="DU44" t="str">
            <v/>
          </cell>
        </row>
        <row r="45">
          <cell r="DT45" t="str">
            <v/>
          </cell>
          <cell r="DU45" t="str">
            <v/>
          </cell>
        </row>
        <row r="46">
          <cell r="DT46" t="str">
            <v/>
          </cell>
          <cell r="DU46" t="str">
            <v/>
          </cell>
        </row>
        <row r="47">
          <cell r="DT47" t="str">
            <v/>
          </cell>
          <cell r="DU47" t="str">
            <v/>
          </cell>
        </row>
        <row r="48">
          <cell r="DT48" t="str">
            <v/>
          </cell>
          <cell r="DU48" t="str">
            <v/>
          </cell>
        </row>
        <row r="49">
          <cell r="DT49" t="str">
            <v/>
          </cell>
          <cell r="DU49" t="str">
            <v/>
          </cell>
        </row>
        <row r="50">
          <cell r="DT50" t="str">
            <v/>
          </cell>
          <cell r="DU50" t="str">
            <v/>
          </cell>
        </row>
        <row r="51">
          <cell r="DT51" t="str">
            <v/>
          </cell>
          <cell r="DU51" t="str">
            <v/>
          </cell>
        </row>
        <row r="52">
          <cell r="DT52" t="str">
            <v/>
          </cell>
          <cell r="DU52" t="str">
            <v/>
          </cell>
        </row>
        <row r="53">
          <cell r="DT53" t="str">
            <v/>
          </cell>
          <cell r="DU53" t="str">
            <v/>
          </cell>
        </row>
        <row r="54">
          <cell r="DT54" t="str">
            <v/>
          </cell>
          <cell r="DU54" t="str">
            <v/>
          </cell>
        </row>
        <row r="55">
          <cell r="DT55" t="str">
            <v/>
          </cell>
          <cell r="DU55" t="str">
            <v/>
          </cell>
        </row>
        <row r="56">
          <cell r="DT56" t="str">
            <v/>
          </cell>
          <cell r="DU56" t="str">
            <v/>
          </cell>
        </row>
        <row r="57">
          <cell r="DT57" t="str">
            <v/>
          </cell>
          <cell r="DU57" t="str">
            <v/>
          </cell>
        </row>
        <row r="58">
          <cell r="DT58" t="str">
            <v/>
          </cell>
          <cell r="DU58" t="str">
            <v/>
          </cell>
        </row>
        <row r="59">
          <cell r="DT59" t="str">
            <v/>
          </cell>
          <cell r="DU59" t="str">
            <v/>
          </cell>
        </row>
        <row r="60">
          <cell r="DT60" t="str">
            <v/>
          </cell>
          <cell r="DU60" t="str">
            <v/>
          </cell>
        </row>
        <row r="61">
          <cell r="DT61" t="str">
            <v/>
          </cell>
          <cell r="DU61" t="str">
            <v/>
          </cell>
        </row>
        <row r="62">
          <cell r="DT62" t="str">
            <v/>
          </cell>
          <cell r="DU62" t="str">
            <v/>
          </cell>
        </row>
        <row r="63">
          <cell r="DT63" t="str">
            <v/>
          </cell>
          <cell r="DU63" t="str">
            <v/>
          </cell>
        </row>
        <row r="64">
          <cell r="DT64" t="str">
            <v/>
          </cell>
          <cell r="DU64" t="str">
            <v/>
          </cell>
        </row>
        <row r="65">
          <cell r="DT65" t="str">
            <v/>
          </cell>
          <cell r="DU65" t="str">
            <v/>
          </cell>
        </row>
        <row r="66">
          <cell r="DT66" t="str">
            <v/>
          </cell>
          <cell r="DU66" t="str">
            <v/>
          </cell>
        </row>
        <row r="67">
          <cell r="DT67" t="str">
            <v/>
          </cell>
          <cell r="DU67" t="str">
            <v/>
          </cell>
        </row>
        <row r="68">
          <cell r="DT68" t="str">
            <v/>
          </cell>
          <cell r="DU68" t="str">
            <v/>
          </cell>
        </row>
        <row r="69">
          <cell r="DT69" t="str">
            <v/>
          </cell>
          <cell r="DU69" t="str">
            <v/>
          </cell>
        </row>
        <row r="70">
          <cell r="DT70" t="str">
            <v/>
          </cell>
          <cell r="DU70" t="str">
            <v/>
          </cell>
        </row>
        <row r="71">
          <cell r="DT71" t="str">
            <v/>
          </cell>
          <cell r="DU71" t="str">
            <v/>
          </cell>
        </row>
        <row r="72">
          <cell r="DT72" t="str">
            <v/>
          </cell>
          <cell r="DU72" t="str">
            <v/>
          </cell>
        </row>
        <row r="73">
          <cell r="DT73" t="str">
            <v/>
          </cell>
          <cell r="DU73" t="str">
            <v/>
          </cell>
        </row>
        <row r="74">
          <cell r="DT74" t="str">
            <v/>
          </cell>
          <cell r="DU74" t="str">
            <v/>
          </cell>
        </row>
        <row r="75">
          <cell r="DT75" t="str">
            <v/>
          </cell>
          <cell r="DU75" t="str">
            <v/>
          </cell>
        </row>
        <row r="76">
          <cell r="DT76" t="str">
            <v/>
          </cell>
          <cell r="DU76" t="str">
            <v/>
          </cell>
        </row>
        <row r="77">
          <cell r="DT77" t="str">
            <v/>
          </cell>
          <cell r="DU77" t="str">
            <v/>
          </cell>
        </row>
        <row r="78">
          <cell r="DT78" t="str">
            <v/>
          </cell>
          <cell r="DU78" t="str">
            <v/>
          </cell>
        </row>
        <row r="79">
          <cell r="DT79" t="str">
            <v/>
          </cell>
          <cell r="DU79" t="str">
            <v/>
          </cell>
        </row>
        <row r="80">
          <cell r="DT80">
            <v>2</v>
          </cell>
          <cell r="DU80" t="str">
            <v>排水通気設備工事</v>
          </cell>
        </row>
        <row r="81">
          <cell r="DT81" t="str">
            <v/>
          </cell>
          <cell r="DU81" t="str">
            <v/>
          </cell>
        </row>
        <row r="82">
          <cell r="DT82" t="str">
            <v/>
          </cell>
          <cell r="DU82" t="str">
            <v/>
          </cell>
        </row>
        <row r="83">
          <cell r="DT83" t="str">
            <v/>
          </cell>
          <cell r="DU83" t="str">
            <v/>
          </cell>
        </row>
        <row r="84">
          <cell r="DT84" t="str">
            <v/>
          </cell>
          <cell r="DU84" t="str">
            <v/>
          </cell>
        </row>
        <row r="85">
          <cell r="DT85" t="str">
            <v/>
          </cell>
          <cell r="DU85" t="str">
            <v/>
          </cell>
        </row>
        <row r="86">
          <cell r="DT86" t="str">
            <v/>
          </cell>
          <cell r="DU86" t="str">
            <v/>
          </cell>
        </row>
        <row r="87">
          <cell r="DT87" t="str">
            <v/>
          </cell>
          <cell r="DU87" t="str">
            <v/>
          </cell>
        </row>
        <row r="88">
          <cell r="DT88" t="str">
            <v/>
          </cell>
          <cell r="DU88" t="str">
            <v/>
          </cell>
        </row>
        <row r="89">
          <cell r="DT89" t="str">
            <v/>
          </cell>
          <cell r="DU89" t="str">
            <v/>
          </cell>
        </row>
        <row r="90">
          <cell r="DT90" t="str">
            <v/>
          </cell>
          <cell r="DU90" t="str">
            <v/>
          </cell>
        </row>
        <row r="91">
          <cell r="DT91" t="str">
            <v/>
          </cell>
          <cell r="DU91" t="str">
            <v/>
          </cell>
        </row>
        <row r="92">
          <cell r="DT92" t="str">
            <v/>
          </cell>
          <cell r="DU92" t="str">
            <v/>
          </cell>
        </row>
        <row r="93">
          <cell r="DT93" t="str">
            <v/>
          </cell>
          <cell r="DU93" t="str">
            <v/>
          </cell>
        </row>
        <row r="94">
          <cell r="DT94" t="str">
            <v/>
          </cell>
          <cell r="DU94" t="str">
            <v/>
          </cell>
        </row>
        <row r="95">
          <cell r="DT95" t="str">
            <v/>
          </cell>
          <cell r="DU95" t="str">
            <v/>
          </cell>
        </row>
        <row r="96">
          <cell r="DT96" t="str">
            <v/>
          </cell>
          <cell r="DU96" t="str">
            <v/>
          </cell>
        </row>
        <row r="97">
          <cell r="DT97" t="str">
            <v/>
          </cell>
          <cell r="DU97" t="str">
            <v/>
          </cell>
        </row>
        <row r="98">
          <cell r="DT98" t="str">
            <v/>
          </cell>
          <cell r="DU98" t="str">
            <v/>
          </cell>
        </row>
        <row r="99">
          <cell r="DT99" t="str">
            <v/>
          </cell>
          <cell r="DU99" t="str">
            <v/>
          </cell>
        </row>
        <row r="100">
          <cell r="DT100" t="str">
            <v/>
          </cell>
          <cell r="DU100" t="str">
            <v/>
          </cell>
        </row>
        <row r="101">
          <cell r="DT101" t="str">
            <v/>
          </cell>
          <cell r="DU101" t="str">
            <v/>
          </cell>
        </row>
        <row r="102">
          <cell r="DT102" t="str">
            <v/>
          </cell>
          <cell r="DU102" t="str">
            <v/>
          </cell>
        </row>
        <row r="103">
          <cell r="DT103" t="str">
            <v/>
          </cell>
          <cell r="DU103" t="str">
            <v/>
          </cell>
        </row>
        <row r="104">
          <cell r="DT104" t="str">
            <v/>
          </cell>
          <cell r="DU104" t="str">
            <v/>
          </cell>
        </row>
        <row r="105">
          <cell r="DT105" t="str">
            <v/>
          </cell>
          <cell r="DU105" t="str">
            <v/>
          </cell>
        </row>
        <row r="106">
          <cell r="DT106" t="str">
            <v/>
          </cell>
          <cell r="DU106" t="str">
            <v/>
          </cell>
        </row>
        <row r="107">
          <cell r="DT107" t="str">
            <v/>
          </cell>
          <cell r="DU107" t="str">
            <v/>
          </cell>
        </row>
        <row r="108">
          <cell r="DT108" t="str">
            <v/>
          </cell>
          <cell r="DU108" t="str">
            <v/>
          </cell>
        </row>
        <row r="109">
          <cell r="DT109" t="str">
            <v/>
          </cell>
          <cell r="DU109" t="str">
            <v/>
          </cell>
        </row>
        <row r="110">
          <cell r="DT110" t="str">
            <v/>
          </cell>
          <cell r="DU110" t="str">
            <v/>
          </cell>
        </row>
        <row r="111">
          <cell r="DT111" t="str">
            <v/>
          </cell>
          <cell r="DU111" t="str">
            <v/>
          </cell>
        </row>
        <row r="112">
          <cell r="DT112" t="str">
            <v/>
          </cell>
          <cell r="DU112" t="str">
            <v/>
          </cell>
        </row>
        <row r="113">
          <cell r="DT113" t="str">
            <v/>
          </cell>
          <cell r="DU113" t="str">
            <v/>
          </cell>
        </row>
        <row r="114">
          <cell r="DT114" t="str">
            <v/>
          </cell>
          <cell r="DU114" t="str">
            <v/>
          </cell>
        </row>
        <row r="115">
          <cell r="DT115" t="str">
            <v/>
          </cell>
          <cell r="DU115" t="str">
            <v/>
          </cell>
        </row>
        <row r="116">
          <cell r="DT116" t="str">
            <v/>
          </cell>
          <cell r="DU116" t="str">
            <v/>
          </cell>
        </row>
        <row r="117">
          <cell r="DT117" t="str">
            <v/>
          </cell>
          <cell r="DU117" t="str">
            <v/>
          </cell>
        </row>
        <row r="118">
          <cell r="DT118" t="str">
            <v/>
          </cell>
          <cell r="DU118" t="str">
            <v/>
          </cell>
        </row>
        <row r="119">
          <cell r="DT119" t="str">
            <v/>
          </cell>
          <cell r="DU119" t="str">
            <v/>
          </cell>
        </row>
        <row r="120">
          <cell r="DT120" t="str">
            <v/>
          </cell>
          <cell r="DU120" t="str">
            <v/>
          </cell>
        </row>
        <row r="121">
          <cell r="DT121" t="str">
            <v/>
          </cell>
          <cell r="DU121" t="str">
            <v/>
          </cell>
        </row>
        <row r="122">
          <cell r="DT122">
            <v>3</v>
          </cell>
          <cell r="DU122" t="str">
            <v>衛生器具設備工事</v>
          </cell>
        </row>
        <row r="123">
          <cell r="DT123" t="str">
            <v/>
          </cell>
          <cell r="DU123" t="str">
            <v/>
          </cell>
        </row>
        <row r="124">
          <cell r="DT124" t="str">
            <v/>
          </cell>
          <cell r="DU124" t="str">
            <v/>
          </cell>
        </row>
        <row r="125">
          <cell r="DT125" t="str">
            <v/>
          </cell>
          <cell r="DU125" t="str">
            <v/>
          </cell>
        </row>
        <row r="126">
          <cell r="DT126" t="str">
            <v/>
          </cell>
          <cell r="DU126" t="str">
            <v/>
          </cell>
        </row>
        <row r="127">
          <cell r="DT127" t="str">
            <v/>
          </cell>
          <cell r="DU127" t="str">
            <v/>
          </cell>
        </row>
        <row r="128">
          <cell r="DT128" t="str">
            <v/>
          </cell>
          <cell r="DU128" t="str">
            <v/>
          </cell>
        </row>
        <row r="129">
          <cell r="DT129" t="str">
            <v/>
          </cell>
          <cell r="DU129" t="str">
            <v/>
          </cell>
        </row>
        <row r="130">
          <cell r="DT130" t="str">
            <v/>
          </cell>
          <cell r="DU130" t="str">
            <v/>
          </cell>
        </row>
        <row r="131">
          <cell r="DT131" t="str">
            <v/>
          </cell>
          <cell r="DU131" t="str">
            <v/>
          </cell>
        </row>
        <row r="132">
          <cell r="DT132" t="str">
            <v/>
          </cell>
          <cell r="DU132" t="str">
            <v/>
          </cell>
        </row>
        <row r="133">
          <cell r="DT133" t="str">
            <v/>
          </cell>
          <cell r="DU133" t="str">
            <v/>
          </cell>
        </row>
        <row r="134">
          <cell r="DT134" t="str">
            <v/>
          </cell>
          <cell r="DU134" t="str">
            <v/>
          </cell>
        </row>
        <row r="135">
          <cell r="DT135" t="str">
            <v/>
          </cell>
          <cell r="DU135" t="str">
            <v/>
          </cell>
        </row>
        <row r="136">
          <cell r="DT136" t="str">
            <v/>
          </cell>
          <cell r="DU136" t="str">
            <v/>
          </cell>
        </row>
        <row r="137">
          <cell r="DT137" t="str">
            <v/>
          </cell>
          <cell r="DU137" t="str">
            <v/>
          </cell>
        </row>
        <row r="138">
          <cell r="DT138" t="str">
            <v/>
          </cell>
          <cell r="DU138" t="str">
            <v/>
          </cell>
        </row>
        <row r="139">
          <cell r="DT139" t="str">
            <v/>
          </cell>
          <cell r="DU139" t="str">
            <v/>
          </cell>
        </row>
        <row r="140">
          <cell r="DT140" t="str">
            <v/>
          </cell>
          <cell r="DU140" t="str">
            <v/>
          </cell>
        </row>
        <row r="141">
          <cell r="DT141" t="str">
            <v/>
          </cell>
          <cell r="DU141" t="str">
            <v/>
          </cell>
        </row>
        <row r="142">
          <cell r="DT142" t="str">
            <v/>
          </cell>
          <cell r="DU142" t="str">
            <v/>
          </cell>
        </row>
        <row r="143">
          <cell r="DT143" t="str">
            <v/>
          </cell>
          <cell r="DU143" t="str">
            <v/>
          </cell>
        </row>
        <row r="144">
          <cell r="DT144" t="str">
            <v/>
          </cell>
          <cell r="DU144" t="str">
            <v/>
          </cell>
        </row>
        <row r="145">
          <cell r="DT145" t="str">
            <v/>
          </cell>
          <cell r="DU145" t="str">
            <v/>
          </cell>
        </row>
        <row r="146">
          <cell r="DT146" t="str">
            <v/>
          </cell>
          <cell r="DU146" t="str">
            <v/>
          </cell>
        </row>
        <row r="147">
          <cell r="DT147" t="str">
            <v/>
          </cell>
          <cell r="DU147" t="str">
            <v/>
          </cell>
        </row>
        <row r="148">
          <cell r="DT148" t="str">
            <v/>
          </cell>
          <cell r="DU148" t="str">
            <v/>
          </cell>
        </row>
        <row r="149">
          <cell r="DT149" t="str">
            <v/>
          </cell>
          <cell r="DU149" t="str">
            <v/>
          </cell>
        </row>
        <row r="150">
          <cell r="DT150" t="str">
            <v/>
          </cell>
          <cell r="DU150" t="str">
            <v/>
          </cell>
        </row>
        <row r="151">
          <cell r="DT151" t="str">
            <v/>
          </cell>
          <cell r="DU151" t="str">
            <v/>
          </cell>
        </row>
        <row r="152">
          <cell r="DT152" t="str">
            <v/>
          </cell>
          <cell r="DU152" t="str">
            <v/>
          </cell>
        </row>
        <row r="153">
          <cell r="DT153" t="str">
            <v/>
          </cell>
          <cell r="DU153" t="str">
            <v/>
          </cell>
        </row>
        <row r="154">
          <cell r="DT154" t="str">
            <v/>
          </cell>
          <cell r="DU154" t="str">
            <v/>
          </cell>
        </row>
        <row r="155">
          <cell r="DT155" t="str">
            <v/>
          </cell>
          <cell r="DU155" t="str">
            <v/>
          </cell>
        </row>
        <row r="156">
          <cell r="DT156" t="str">
            <v/>
          </cell>
          <cell r="DU156" t="str">
            <v/>
          </cell>
        </row>
        <row r="157">
          <cell r="DT157" t="str">
            <v/>
          </cell>
          <cell r="DU157" t="str">
            <v/>
          </cell>
        </row>
        <row r="158">
          <cell r="DT158" t="str">
            <v/>
          </cell>
          <cell r="DU158" t="str">
            <v/>
          </cell>
        </row>
        <row r="159">
          <cell r="DT159" t="str">
            <v/>
          </cell>
          <cell r="DU159" t="str">
            <v/>
          </cell>
        </row>
        <row r="160">
          <cell r="DT160" t="str">
            <v/>
          </cell>
          <cell r="DU160" t="str">
            <v/>
          </cell>
        </row>
        <row r="161">
          <cell r="DT161" t="str">
            <v/>
          </cell>
          <cell r="DU161" t="str">
            <v/>
          </cell>
        </row>
        <row r="162">
          <cell r="DT162" t="str">
            <v/>
          </cell>
          <cell r="DU162" t="str">
            <v/>
          </cell>
        </row>
        <row r="163">
          <cell r="DT163" t="str">
            <v/>
          </cell>
          <cell r="DU163" t="str">
            <v/>
          </cell>
        </row>
        <row r="164">
          <cell r="DT164" t="str">
            <v/>
          </cell>
          <cell r="DU164" t="str">
            <v/>
          </cell>
        </row>
        <row r="165">
          <cell r="DT165" t="str">
            <v/>
          </cell>
          <cell r="DU165" t="str">
            <v/>
          </cell>
        </row>
        <row r="166">
          <cell r="DT166" t="str">
            <v/>
          </cell>
          <cell r="DU166" t="str">
            <v/>
          </cell>
        </row>
        <row r="167">
          <cell r="DT167" t="str">
            <v/>
          </cell>
          <cell r="DU167" t="str">
            <v/>
          </cell>
        </row>
        <row r="168">
          <cell r="DT168" t="str">
            <v/>
          </cell>
          <cell r="DU168" t="str">
            <v/>
          </cell>
        </row>
        <row r="169">
          <cell r="DT169" t="str">
            <v/>
          </cell>
          <cell r="DU169" t="str">
            <v/>
          </cell>
        </row>
        <row r="170">
          <cell r="DT170" t="str">
            <v/>
          </cell>
          <cell r="DU170" t="str">
            <v/>
          </cell>
        </row>
        <row r="171">
          <cell r="DT171" t="str">
            <v/>
          </cell>
          <cell r="DU171" t="str">
            <v/>
          </cell>
        </row>
        <row r="172">
          <cell r="DT172" t="str">
            <v/>
          </cell>
          <cell r="DU172" t="str">
            <v/>
          </cell>
        </row>
        <row r="173">
          <cell r="DT173" t="str">
            <v/>
          </cell>
          <cell r="DU173" t="str">
            <v/>
          </cell>
        </row>
        <row r="174">
          <cell r="DT174" t="str">
            <v/>
          </cell>
          <cell r="DU174" t="str">
            <v/>
          </cell>
        </row>
        <row r="175">
          <cell r="DT175" t="str">
            <v/>
          </cell>
          <cell r="DU175" t="str">
            <v/>
          </cell>
        </row>
        <row r="176">
          <cell r="DT176" t="str">
            <v/>
          </cell>
          <cell r="DU176" t="str">
            <v/>
          </cell>
        </row>
        <row r="177">
          <cell r="DT177" t="str">
            <v/>
          </cell>
          <cell r="DU177" t="str">
            <v/>
          </cell>
        </row>
        <row r="178">
          <cell r="DT178" t="str">
            <v/>
          </cell>
          <cell r="DU178" t="str">
            <v/>
          </cell>
        </row>
        <row r="179">
          <cell r="DT179" t="str">
            <v/>
          </cell>
          <cell r="DU179" t="str">
            <v/>
          </cell>
        </row>
        <row r="180">
          <cell r="DT180" t="str">
            <v/>
          </cell>
          <cell r="DU180" t="str">
            <v/>
          </cell>
        </row>
        <row r="181">
          <cell r="DT181" t="str">
            <v/>
          </cell>
          <cell r="DU181" t="str">
            <v/>
          </cell>
        </row>
        <row r="182">
          <cell r="DT182" t="str">
            <v/>
          </cell>
          <cell r="DU182" t="str">
            <v/>
          </cell>
        </row>
        <row r="183">
          <cell r="DT183" t="str">
            <v/>
          </cell>
          <cell r="DU183" t="str">
            <v/>
          </cell>
        </row>
        <row r="184">
          <cell r="DT184" t="str">
            <v/>
          </cell>
          <cell r="DU184" t="str">
            <v/>
          </cell>
        </row>
        <row r="185">
          <cell r="DT185" t="str">
            <v/>
          </cell>
          <cell r="DU185" t="str">
            <v/>
          </cell>
        </row>
        <row r="186">
          <cell r="DT186" t="str">
            <v/>
          </cell>
          <cell r="DU186" t="str">
            <v/>
          </cell>
        </row>
        <row r="187">
          <cell r="DT187" t="str">
            <v/>
          </cell>
          <cell r="DU187" t="str">
            <v/>
          </cell>
        </row>
        <row r="188">
          <cell r="DT188" t="str">
            <v/>
          </cell>
          <cell r="DU188" t="str">
            <v/>
          </cell>
        </row>
        <row r="189">
          <cell r="DT189" t="str">
            <v/>
          </cell>
          <cell r="DU189" t="str">
            <v/>
          </cell>
        </row>
        <row r="190">
          <cell r="DT190" t="str">
            <v/>
          </cell>
          <cell r="DU190" t="str">
            <v/>
          </cell>
        </row>
        <row r="191">
          <cell r="DT191" t="str">
            <v/>
          </cell>
          <cell r="DU191" t="str">
            <v/>
          </cell>
        </row>
        <row r="192">
          <cell r="DT192" t="str">
            <v/>
          </cell>
          <cell r="DU192" t="str">
            <v/>
          </cell>
        </row>
        <row r="193">
          <cell r="DT193" t="str">
            <v/>
          </cell>
          <cell r="DU193" t="str">
            <v/>
          </cell>
        </row>
        <row r="194">
          <cell r="DT194" t="str">
            <v/>
          </cell>
          <cell r="DU194" t="str">
            <v/>
          </cell>
        </row>
        <row r="195">
          <cell r="DT195" t="str">
            <v/>
          </cell>
          <cell r="DU195" t="str">
            <v/>
          </cell>
        </row>
        <row r="196">
          <cell r="DT196" t="str">
            <v/>
          </cell>
          <cell r="DU196" t="str">
            <v/>
          </cell>
        </row>
        <row r="197">
          <cell r="DT197" t="str">
            <v/>
          </cell>
          <cell r="DU197" t="str">
            <v/>
          </cell>
        </row>
        <row r="198">
          <cell r="DT198" t="str">
            <v/>
          </cell>
          <cell r="DU198" t="str">
            <v/>
          </cell>
        </row>
        <row r="199">
          <cell r="DT199" t="str">
            <v/>
          </cell>
          <cell r="DU199" t="str">
            <v/>
          </cell>
        </row>
        <row r="200">
          <cell r="DT200" t="str">
            <v/>
          </cell>
          <cell r="DU200" t="str">
            <v/>
          </cell>
        </row>
        <row r="201">
          <cell r="DT201" t="str">
            <v/>
          </cell>
          <cell r="DU201" t="str">
            <v/>
          </cell>
        </row>
        <row r="202">
          <cell r="DT202" t="str">
            <v/>
          </cell>
          <cell r="DU202" t="str">
            <v/>
          </cell>
        </row>
        <row r="203">
          <cell r="DT203" t="str">
            <v/>
          </cell>
          <cell r="DU203" t="str">
            <v/>
          </cell>
        </row>
        <row r="204">
          <cell r="DT204" t="str">
            <v/>
          </cell>
          <cell r="DU204" t="str">
            <v/>
          </cell>
        </row>
        <row r="205">
          <cell r="DT205" t="str">
            <v/>
          </cell>
          <cell r="DU205" t="str">
            <v/>
          </cell>
        </row>
        <row r="206">
          <cell r="DT206" t="str">
            <v/>
          </cell>
          <cell r="DU206" t="str">
            <v/>
          </cell>
        </row>
        <row r="207">
          <cell r="DT207" t="str">
            <v/>
          </cell>
          <cell r="DU207" t="str">
            <v/>
          </cell>
        </row>
        <row r="208">
          <cell r="DT208" t="str">
            <v/>
          </cell>
          <cell r="DU208" t="str">
            <v/>
          </cell>
        </row>
        <row r="209">
          <cell r="DT209" t="str">
            <v/>
          </cell>
          <cell r="DU209" t="str">
            <v/>
          </cell>
        </row>
        <row r="210">
          <cell r="DT210" t="str">
            <v/>
          </cell>
          <cell r="DU210" t="str">
            <v/>
          </cell>
        </row>
        <row r="211">
          <cell r="DT211" t="str">
            <v/>
          </cell>
          <cell r="DU211" t="str">
            <v/>
          </cell>
        </row>
        <row r="212">
          <cell r="DT212" t="str">
            <v/>
          </cell>
          <cell r="DU212" t="str">
            <v/>
          </cell>
        </row>
        <row r="213">
          <cell r="DT213" t="str">
            <v/>
          </cell>
          <cell r="DU213" t="str">
            <v/>
          </cell>
        </row>
        <row r="214">
          <cell r="DT214" t="str">
            <v/>
          </cell>
          <cell r="DU214" t="str">
            <v/>
          </cell>
        </row>
        <row r="215">
          <cell r="DT215" t="str">
            <v/>
          </cell>
          <cell r="DU215" t="str">
            <v/>
          </cell>
        </row>
        <row r="216">
          <cell r="DT216" t="str">
            <v/>
          </cell>
          <cell r="DU216" t="str">
            <v/>
          </cell>
        </row>
        <row r="217">
          <cell r="DT217" t="str">
            <v/>
          </cell>
          <cell r="DU217" t="str">
            <v/>
          </cell>
        </row>
        <row r="218">
          <cell r="DT218" t="str">
            <v/>
          </cell>
          <cell r="DU218" t="str">
            <v/>
          </cell>
        </row>
        <row r="219">
          <cell r="DT219" t="str">
            <v/>
          </cell>
          <cell r="DU219" t="str">
            <v/>
          </cell>
        </row>
        <row r="220">
          <cell r="DT220" t="str">
            <v/>
          </cell>
          <cell r="DU220" t="str">
            <v/>
          </cell>
        </row>
        <row r="221">
          <cell r="DT221" t="str">
            <v/>
          </cell>
          <cell r="DU221" t="str">
            <v/>
          </cell>
        </row>
        <row r="222">
          <cell r="DT222" t="str">
            <v/>
          </cell>
          <cell r="DU222" t="str">
            <v/>
          </cell>
        </row>
        <row r="223">
          <cell r="DT223" t="str">
            <v/>
          </cell>
          <cell r="DU223" t="str">
            <v/>
          </cell>
        </row>
        <row r="224">
          <cell r="DT224" t="str">
            <v/>
          </cell>
          <cell r="DU224" t="str">
            <v/>
          </cell>
        </row>
        <row r="225">
          <cell r="DT225" t="str">
            <v/>
          </cell>
          <cell r="DU225" t="str">
            <v/>
          </cell>
        </row>
        <row r="226">
          <cell r="DT226" t="str">
            <v/>
          </cell>
          <cell r="DU226" t="str">
            <v/>
          </cell>
        </row>
        <row r="227">
          <cell r="DT227" t="str">
            <v/>
          </cell>
          <cell r="DU227" t="str">
            <v/>
          </cell>
        </row>
        <row r="228">
          <cell r="DT228" t="str">
            <v/>
          </cell>
          <cell r="DU228" t="str">
            <v/>
          </cell>
        </row>
        <row r="229">
          <cell r="DT229" t="str">
            <v/>
          </cell>
          <cell r="DU229" t="str">
            <v/>
          </cell>
        </row>
        <row r="230">
          <cell r="DT230" t="str">
            <v/>
          </cell>
          <cell r="DU230" t="str">
            <v/>
          </cell>
        </row>
        <row r="231">
          <cell r="DT231" t="str">
            <v/>
          </cell>
          <cell r="DU231" t="str">
            <v/>
          </cell>
        </row>
        <row r="232">
          <cell r="DT232" t="str">
            <v/>
          </cell>
          <cell r="DU232" t="str">
            <v/>
          </cell>
        </row>
        <row r="233">
          <cell r="DT233" t="str">
            <v/>
          </cell>
          <cell r="DU233" t="str">
            <v/>
          </cell>
        </row>
        <row r="234">
          <cell r="DT234" t="str">
            <v/>
          </cell>
          <cell r="DU234" t="str">
            <v/>
          </cell>
        </row>
        <row r="235">
          <cell r="DT235" t="str">
            <v/>
          </cell>
          <cell r="DU235" t="str">
            <v/>
          </cell>
        </row>
        <row r="236">
          <cell r="DT236" t="str">
            <v/>
          </cell>
          <cell r="DU236" t="str">
            <v/>
          </cell>
        </row>
        <row r="237">
          <cell r="DT237" t="str">
            <v/>
          </cell>
          <cell r="DU237" t="str">
            <v/>
          </cell>
        </row>
        <row r="238">
          <cell r="DT238" t="str">
            <v/>
          </cell>
          <cell r="DU238" t="str">
            <v/>
          </cell>
        </row>
        <row r="239">
          <cell r="DT239" t="str">
            <v/>
          </cell>
          <cell r="DU239" t="str">
            <v/>
          </cell>
        </row>
        <row r="240">
          <cell r="DT240" t="str">
            <v/>
          </cell>
          <cell r="DU240" t="str">
            <v/>
          </cell>
        </row>
        <row r="241">
          <cell r="DT241" t="str">
            <v/>
          </cell>
          <cell r="DU241" t="str">
            <v/>
          </cell>
        </row>
        <row r="242">
          <cell r="DT242" t="str">
            <v/>
          </cell>
          <cell r="DU242" t="str">
            <v/>
          </cell>
        </row>
        <row r="243">
          <cell r="DT243" t="str">
            <v/>
          </cell>
          <cell r="DU243" t="str">
            <v/>
          </cell>
        </row>
        <row r="244">
          <cell r="DT244" t="str">
            <v/>
          </cell>
          <cell r="DU244" t="str">
            <v/>
          </cell>
        </row>
        <row r="245">
          <cell r="DT245" t="str">
            <v/>
          </cell>
          <cell r="DU245" t="str">
            <v/>
          </cell>
        </row>
        <row r="246">
          <cell r="DT246" t="str">
            <v/>
          </cell>
          <cell r="DU246" t="str">
            <v/>
          </cell>
        </row>
        <row r="247">
          <cell r="DT247" t="str">
            <v/>
          </cell>
          <cell r="DU247" t="str">
            <v/>
          </cell>
        </row>
        <row r="248">
          <cell r="DT248" t="str">
            <v/>
          </cell>
          <cell r="DU248" t="str">
            <v/>
          </cell>
        </row>
        <row r="249">
          <cell r="DT249" t="str">
            <v/>
          </cell>
          <cell r="DU249" t="str">
            <v/>
          </cell>
        </row>
        <row r="250">
          <cell r="DT250" t="str">
            <v/>
          </cell>
          <cell r="DU250" t="str">
            <v/>
          </cell>
        </row>
        <row r="251">
          <cell r="DT251" t="str">
            <v/>
          </cell>
          <cell r="DU251" t="str">
            <v/>
          </cell>
        </row>
        <row r="252">
          <cell r="DT252" t="str">
            <v/>
          </cell>
          <cell r="DU252" t="str">
            <v/>
          </cell>
        </row>
        <row r="253">
          <cell r="DT253" t="str">
            <v/>
          </cell>
          <cell r="DU253" t="str">
            <v/>
          </cell>
        </row>
        <row r="254">
          <cell r="DT254" t="str">
            <v/>
          </cell>
          <cell r="DU254" t="str">
            <v/>
          </cell>
        </row>
        <row r="255">
          <cell r="DT255" t="str">
            <v/>
          </cell>
          <cell r="DU255" t="str">
            <v/>
          </cell>
        </row>
        <row r="256">
          <cell r="DT256" t="str">
            <v/>
          </cell>
          <cell r="DU256" t="str">
            <v/>
          </cell>
        </row>
        <row r="257">
          <cell r="DT257" t="str">
            <v/>
          </cell>
          <cell r="DU257" t="str">
            <v/>
          </cell>
        </row>
        <row r="258">
          <cell r="DT258" t="str">
            <v/>
          </cell>
          <cell r="DU258" t="str">
            <v/>
          </cell>
        </row>
        <row r="259">
          <cell r="DT259" t="str">
            <v/>
          </cell>
          <cell r="DU259" t="str">
            <v/>
          </cell>
        </row>
        <row r="260">
          <cell r="DT260" t="str">
            <v/>
          </cell>
          <cell r="DU260" t="str">
            <v/>
          </cell>
        </row>
        <row r="261">
          <cell r="DT261" t="str">
            <v/>
          </cell>
          <cell r="DU261" t="str">
            <v/>
          </cell>
        </row>
        <row r="262">
          <cell r="DT262" t="str">
            <v/>
          </cell>
          <cell r="DU262" t="str">
            <v/>
          </cell>
        </row>
        <row r="263">
          <cell r="DT263" t="str">
            <v/>
          </cell>
          <cell r="DU263" t="str">
            <v/>
          </cell>
        </row>
        <row r="264">
          <cell r="DT264" t="str">
            <v/>
          </cell>
          <cell r="DU264" t="str">
            <v/>
          </cell>
        </row>
        <row r="265">
          <cell r="DT265" t="str">
            <v/>
          </cell>
          <cell r="DU265" t="str">
            <v/>
          </cell>
        </row>
        <row r="266">
          <cell r="DT266" t="str">
            <v/>
          </cell>
          <cell r="DU266" t="str">
            <v/>
          </cell>
        </row>
        <row r="267">
          <cell r="DT267" t="str">
            <v/>
          </cell>
          <cell r="DU267" t="str">
            <v/>
          </cell>
        </row>
        <row r="268">
          <cell r="DT268" t="str">
            <v/>
          </cell>
          <cell r="DU268" t="str">
            <v/>
          </cell>
        </row>
        <row r="269">
          <cell r="DT269" t="str">
            <v/>
          </cell>
          <cell r="DU269" t="str">
            <v/>
          </cell>
        </row>
        <row r="270">
          <cell r="DT270" t="str">
            <v/>
          </cell>
          <cell r="DU270" t="str">
            <v/>
          </cell>
        </row>
        <row r="271">
          <cell r="DT271" t="str">
            <v/>
          </cell>
          <cell r="DU271" t="str">
            <v/>
          </cell>
        </row>
        <row r="272">
          <cell r="DT272" t="str">
            <v/>
          </cell>
          <cell r="DU272" t="str">
            <v/>
          </cell>
        </row>
        <row r="273">
          <cell r="DT273" t="str">
            <v/>
          </cell>
          <cell r="DU273" t="str">
            <v/>
          </cell>
        </row>
        <row r="274">
          <cell r="DT274" t="str">
            <v/>
          </cell>
          <cell r="DU274" t="str">
            <v/>
          </cell>
        </row>
        <row r="275">
          <cell r="DT275" t="str">
            <v/>
          </cell>
          <cell r="DU275" t="str">
            <v/>
          </cell>
        </row>
        <row r="276">
          <cell r="DT276" t="str">
            <v/>
          </cell>
          <cell r="DU276" t="str">
            <v/>
          </cell>
        </row>
        <row r="277">
          <cell r="DT277" t="str">
            <v/>
          </cell>
          <cell r="DU277" t="str">
            <v/>
          </cell>
        </row>
        <row r="278">
          <cell r="DT278" t="str">
            <v/>
          </cell>
          <cell r="DU278" t="str">
            <v/>
          </cell>
        </row>
        <row r="279">
          <cell r="DT279" t="str">
            <v/>
          </cell>
          <cell r="DU279" t="str">
            <v/>
          </cell>
        </row>
        <row r="280">
          <cell r="DT280" t="str">
            <v/>
          </cell>
          <cell r="DU280" t="str">
            <v/>
          </cell>
        </row>
        <row r="281">
          <cell r="DT281" t="str">
            <v/>
          </cell>
          <cell r="DU281" t="str">
            <v/>
          </cell>
        </row>
        <row r="282">
          <cell r="DT282" t="str">
            <v/>
          </cell>
          <cell r="DU282" t="str">
            <v/>
          </cell>
        </row>
        <row r="283">
          <cell r="DT283" t="str">
            <v/>
          </cell>
          <cell r="DU283" t="str">
            <v/>
          </cell>
        </row>
        <row r="284">
          <cell r="DT284" t="str">
            <v/>
          </cell>
          <cell r="DU284" t="str">
            <v/>
          </cell>
        </row>
        <row r="285">
          <cell r="DT285" t="str">
            <v/>
          </cell>
          <cell r="DU285" t="str">
            <v/>
          </cell>
        </row>
        <row r="286">
          <cell r="DT286" t="str">
            <v/>
          </cell>
          <cell r="DU286" t="str">
            <v/>
          </cell>
        </row>
        <row r="287">
          <cell r="DT287" t="str">
            <v/>
          </cell>
          <cell r="DU287" t="str">
            <v/>
          </cell>
        </row>
        <row r="288">
          <cell r="DT288" t="str">
            <v/>
          </cell>
          <cell r="DU288" t="str">
            <v/>
          </cell>
        </row>
        <row r="289">
          <cell r="DT289" t="str">
            <v/>
          </cell>
          <cell r="DU289" t="str">
            <v/>
          </cell>
        </row>
        <row r="290">
          <cell r="DT290" t="str">
            <v/>
          </cell>
          <cell r="DU290" t="str">
            <v/>
          </cell>
        </row>
        <row r="291">
          <cell r="DT291" t="str">
            <v/>
          </cell>
          <cell r="DU291" t="str">
            <v/>
          </cell>
        </row>
        <row r="292">
          <cell r="DT292" t="str">
            <v/>
          </cell>
          <cell r="DU292" t="str">
            <v/>
          </cell>
        </row>
        <row r="293">
          <cell r="DT293" t="str">
            <v/>
          </cell>
          <cell r="DU293" t="str">
            <v/>
          </cell>
        </row>
        <row r="294">
          <cell r="DT294" t="str">
            <v/>
          </cell>
          <cell r="DU294" t="str">
            <v/>
          </cell>
        </row>
        <row r="295">
          <cell r="DT295" t="str">
            <v/>
          </cell>
          <cell r="DU295" t="str">
            <v/>
          </cell>
        </row>
        <row r="296">
          <cell r="DT296" t="str">
            <v/>
          </cell>
          <cell r="DU296" t="str">
            <v/>
          </cell>
        </row>
        <row r="297">
          <cell r="DT297" t="str">
            <v/>
          </cell>
          <cell r="DU297" t="str">
            <v/>
          </cell>
        </row>
        <row r="298">
          <cell r="DT298" t="str">
            <v/>
          </cell>
          <cell r="DU298" t="str">
            <v/>
          </cell>
        </row>
        <row r="299">
          <cell r="DT299" t="str">
            <v/>
          </cell>
          <cell r="DU299" t="str">
            <v/>
          </cell>
        </row>
        <row r="300">
          <cell r="DT300" t="str">
            <v/>
          </cell>
          <cell r="DU300" t="str">
            <v/>
          </cell>
        </row>
        <row r="301">
          <cell r="DT301" t="str">
            <v/>
          </cell>
          <cell r="DU301" t="str">
            <v/>
          </cell>
        </row>
        <row r="302">
          <cell r="DT302" t="str">
            <v/>
          </cell>
          <cell r="DU302" t="str">
            <v/>
          </cell>
        </row>
        <row r="303">
          <cell r="DT303" t="str">
            <v/>
          </cell>
          <cell r="DU303" t="str">
            <v/>
          </cell>
        </row>
        <row r="304">
          <cell r="DT304" t="str">
            <v/>
          </cell>
          <cell r="DU304" t="str">
            <v/>
          </cell>
        </row>
        <row r="305">
          <cell r="DT305" t="str">
            <v/>
          </cell>
          <cell r="DU305" t="str">
            <v/>
          </cell>
        </row>
        <row r="306">
          <cell r="DT306" t="str">
            <v/>
          </cell>
          <cell r="DU306" t="str">
            <v/>
          </cell>
        </row>
        <row r="307">
          <cell r="DT307" t="str">
            <v/>
          </cell>
          <cell r="DU307" t="str">
            <v/>
          </cell>
        </row>
        <row r="308">
          <cell r="DT308" t="str">
            <v/>
          </cell>
          <cell r="DU308" t="str">
            <v/>
          </cell>
        </row>
        <row r="309">
          <cell r="DT309" t="str">
            <v/>
          </cell>
          <cell r="DU309" t="str">
            <v/>
          </cell>
        </row>
        <row r="310">
          <cell r="DT310" t="str">
            <v/>
          </cell>
          <cell r="DU310" t="str">
            <v/>
          </cell>
        </row>
        <row r="311">
          <cell r="DT311" t="str">
            <v/>
          </cell>
          <cell r="DU311" t="str">
            <v/>
          </cell>
        </row>
        <row r="312">
          <cell r="DT312" t="str">
            <v/>
          </cell>
          <cell r="DU312" t="str">
            <v/>
          </cell>
        </row>
        <row r="313">
          <cell r="DT313" t="str">
            <v/>
          </cell>
          <cell r="DU313" t="str">
            <v/>
          </cell>
        </row>
        <row r="314">
          <cell r="DT314" t="str">
            <v/>
          </cell>
          <cell r="DU314" t="str">
            <v/>
          </cell>
        </row>
        <row r="315">
          <cell r="DT315" t="str">
            <v/>
          </cell>
          <cell r="DU315" t="str">
            <v/>
          </cell>
        </row>
        <row r="316">
          <cell r="DT316" t="str">
            <v/>
          </cell>
          <cell r="DU316" t="str">
            <v/>
          </cell>
        </row>
        <row r="317">
          <cell r="DT317" t="str">
            <v/>
          </cell>
          <cell r="DU317" t="str">
            <v/>
          </cell>
        </row>
        <row r="318">
          <cell r="DT318" t="str">
            <v/>
          </cell>
          <cell r="DU318" t="str">
            <v/>
          </cell>
        </row>
        <row r="319">
          <cell r="DT319" t="str">
            <v/>
          </cell>
          <cell r="DU319" t="str">
            <v/>
          </cell>
        </row>
        <row r="320">
          <cell r="DT320" t="str">
            <v/>
          </cell>
          <cell r="DU320" t="str">
            <v/>
          </cell>
        </row>
        <row r="321">
          <cell r="DT321" t="str">
            <v/>
          </cell>
          <cell r="DU321" t="str">
            <v/>
          </cell>
        </row>
        <row r="322">
          <cell r="DT322" t="str">
            <v/>
          </cell>
          <cell r="DU322" t="str">
            <v/>
          </cell>
        </row>
        <row r="323">
          <cell r="DT323" t="str">
            <v/>
          </cell>
          <cell r="DU323" t="str">
            <v/>
          </cell>
        </row>
        <row r="324">
          <cell r="DT324" t="str">
            <v/>
          </cell>
          <cell r="DU324" t="str">
            <v/>
          </cell>
        </row>
        <row r="325">
          <cell r="DT325" t="str">
            <v/>
          </cell>
          <cell r="DU325" t="str">
            <v/>
          </cell>
        </row>
        <row r="326">
          <cell r="DT326" t="str">
            <v/>
          </cell>
          <cell r="DU326" t="str">
            <v/>
          </cell>
        </row>
        <row r="327">
          <cell r="DT327" t="str">
            <v/>
          </cell>
          <cell r="DU327" t="str">
            <v/>
          </cell>
        </row>
        <row r="328">
          <cell r="DT328" t="str">
            <v/>
          </cell>
          <cell r="DU328" t="str">
            <v/>
          </cell>
        </row>
        <row r="329">
          <cell r="DT329" t="str">
            <v/>
          </cell>
          <cell r="DU329" t="str">
            <v/>
          </cell>
        </row>
        <row r="330">
          <cell r="DT330" t="str">
            <v/>
          </cell>
          <cell r="DU330" t="str">
            <v/>
          </cell>
        </row>
        <row r="331">
          <cell r="DT331" t="str">
            <v/>
          </cell>
          <cell r="DU331" t="str">
            <v/>
          </cell>
        </row>
        <row r="332">
          <cell r="DT332" t="str">
            <v/>
          </cell>
          <cell r="DU332" t="str">
            <v/>
          </cell>
        </row>
        <row r="333">
          <cell r="DT333" t="str">
            <v/>
          </cell>
          <cell r="DU333" t="str">
            <v/>
          </cell>
        </row>
        <row r="334">
          <cell r="DT334" t="str">
            <v/>
          </cell>
          <cell r="DU334" t="str">
            <v/>
          </cell>
        </row>
        <row r="335">
          <cell r="DT335" t="str">
            <v/>
          </cell>
          <cell r="DU335" t="str">
            <v/>
          </cell>
        </row>
        <row r="336">
          <cell r="DT336" t="str">
            <v/>
          </cell>
          <cell r="DU336" t="str">
            <v/>
          </cell>
        </row>
        <row r="337">
          <cell r="DT337" t="str">
            <v/>
          </cell>
          <cell r="DU337" t="str">
            <v/>
          </cell>
        </row>
        <row r="338">
          <cell r="DT338" t="str">
            <v/>
          </cell>
          <cell r="DU338" t="str">
            <v/>
          </cell>
        </row>
        <row r="339">
          <cell r="DT339" t="str">
            <v/>
          </cell>
          <cell r="DU339" t="str">
            <v/>
          </cell>
        </row>
        <row r="340">
          <cell r="DT340" t="str">
            <v/>
          </cell>
          <cell r="DU340" t="str">
            <v/>
          </cell>
        </row>
        <row r="341">
          <cell r="DT341" t="str">
            <v/>
          </cell>
          <cell r="DU341" t="str">
            <v/>
          </cell>
        </row>
        <row r="342">
          <cell r="DT342" t="str">
            <v/>
          </cell>
          <cell r="DU342" t="str">
            <v/>
          </cell>
        </row>
        <row r="343">
          <cell r="DT343" t="str">
            <v/>
          </cell>
          <cell r="DU343" t="str">
            <v/>
          </cell>
        </row>
        <row r="344">
          <cell r="DT344" t="str">
            <v/>
          </cell>
          <cell r="DU344" t="str">
            <v/>
          </cell>
        </row>
        <row r="345">
          <cell r="DT345" t="str">
            <v/>
          </cell>
          <cell r="DU345" t="str">
            <v/>
          </cell>
        </row>
        <row r="346">
          <cell r="DT346" t="str">
            <v/>
          </cell>
          <cell r="DU346" t="str">
            <v/>
          </cell>
        </row>
        <row r="347">
          <cell r="DT347" t="str">
            <v/>
          </cell>
          <cell r="DU347" t="str">
            <v/>
          </cell>
        </row>
        <row r="348">
          <cell r="DT348" t="str">
            <v/>
          </cell>
          <cell r="DU348" t="str">
            <v/>
          </cell>
        </row>
        <row r="349">
          <cell r="DT349" t="str">
            <v/>
          </cell>
          <cell r="DU349" t="str">
            <v/>
          </cell>
        </row>
        <row r="350">
          <cell r="DT350" t="str">
            <v/>
          </cell>
          <cell r="DU350" t="str">
            <v/>
          </cell>
        </row>
        <row r="351">
          <cell r="DT351" t="str">
            <v/>
          </cell>
          <cell r="DU351" t="str">
            <v/>
          </cell>
        </row>
        <row r="352">
          <cell r="DT352" t="str">
            <v/>
          </cell>
          <cell r="DU352" t="str">
            <v/>
          </cell>
        </row>
        <row r="353">
          <cell r="DT353" t="str">
            <v/>
          </cell>
          <cell r="DU353" t="str">
            <v/>
          </cell>
        </row>
        <row r="354">
          <cell r="DT354" t="str">
            <v/>
          </cell>
          <cell r="DU354" t="str">
            <v/>
          </cell>
        </row>
        <row r="355">
          <cell r="DT355" t="str">
            <v/>
          </cell>
          <cell r="DU355" t="str">
            <v/>
          </cell>
        </row>
        <row r="356">
          <cell r="DT356" t="str">
            <v/>
          </cell>
          <cell r="DU356" t="str">
            <v/>
          </cell>
        </row>
        <row r="357">
          <cell r="DT357" t="str">
            <v/>
          </cell>
          <cell r="DU357" t="str">
            <v/>
          </cell>
        </row>
        <row r="358">
          <cell r="DT358" t="str">
            <v/>
          </cell>
          <cell r="DU358" t="str">
            <v/>
          </cell>
        </row>
        <row r="359">
          <cell r="DT359" t="str">
            <v/>
          </cell>
          <cell r="DU359" t="str">
            <v/>
          </cell>
        </row>
        <row r="360">
          <cell r="DT360" t="str">
            <v/>
          </cell>
          <cell r="DU360" t="str">
            <v/>
          </cell>
        </row>
        <row r="361">
          <cell r="DT361" t="str">
            <v/>
          </cell>
          <cell r="DU361" t="str">
            <v/>
          </cell>
        </row>
        <row r="362">
          <cell r="DT362" t="str">
            <v/>
          </cell>
          <cell r="DU362" t="str">
            <v/>
          </cell>
        </row>
        <row r="363">
          <cell r="DT363" t="str">
            <v/>
          </cell>
          <cell r="DU363" t="str">
            <v/>
          </cell>
        </row>
        <row r="364">
          <cell r="DT364" t="str">
            <v/>
          </cell>
          <cell r="DU364" t="str">
            <v/>
          </cell>
        </row>
        <row r="365">
          <cell r="DT365" t="str">
            <v/>
          </cell>
          <cell r="DU365" t="str">
            <v/>
          </cell>
        </row>
        <row r="366">
          <cell r="DT366" t="str">
            <v/>
          </cell>
          <cell r="DU366" t="str">
            <v/>
          </cell>
        </row>
        <row r="367">
          <cell r="DT367" t="str">
            <v/>
          </cell>
          <cell r="DU367" t="str">
            <v/>
          </cell>
        </row>
        <row r="368">
          <cell r="DT368" t="str">
            <v/>
          </cell>
          <cell r="DU368" t="str">
            <v/>
          </cell>
        </row>
        <row r="369">
          <cell r="DT369" t="str">
            <v/>
          </cell>
          <cell r="DU369" t="str">
            <v/>
          </cell>
        </row>
        <row r="370">
          <cell r="DT370" t="str">
            <v/>
          </cell>
          <cell r="DU370" t="str">
            <v/>
          </cell>
        </row>
        <row r="371">
          <cell r="DT371" t="str">
            <v/>
          </cell>
          <cell r="DU371" t="str">
            <v/>
          </cell>
        </row>
        <row r="372">
          <cell r="DT372" t="str">
            <v/>
          </cell>
          <cell r="DU372" t="str">
            <v/>
          </cell>
        </row>
        <row r="373">
          <cell r="DT373" t="str">
            <v/>
          </cell>
          <cell r="DU373" t="str">
            <v/>
          </cell>
        </row>
        <row r="374">
          <cell r="DT374" t="str">
            <v/>
          </cell>
          <cell r="DU374" t="str">
            <v/>
          </cell>
        </row>
        <row r="375">
          <cell r="DT375" t="str">
            <v/>
          </cell>
          <cell r="DU375" t="str">
            <v/>
          </cell>
        </row>
        <row r="376">
          <cell r="DT376" t="str">
            <v/>
          </cell>
          <cell r="DU376" t="str">
            <v/>
          </cell>
        </row>
        <row r="377">
          <cell r="DT377" t="str">
            <v/>
          </cell>
          <cell r="DU377" t="str">
            <v/>
          </cell>
        </row>
        <row r="378">
          <cell r="DT378" t="str">
            <v/>
          </cell>
          <cell r="DU378" t="str">
            <v/>
          </cell>
        </row>
        <row r="379">
          <cell r="DT379" t="str">
            <v/>
          </cell>
          <cell r="DU379" t="str">
            <v/>
          </cell>
        </row>
        <row r="380">
          <cell r="DT380" t="str">
            <v/>
          </cell>
          <cell r="DU380" t="str">
            <v/>
          </cell>
        </row>
        <row r="381">
          <cell r="DT381" t="str">
            <v/>
          </cell>
          <cell r="DU381" t="str">
            <v/>
          </cell>
        </row>
        <row r="382">
          <cell r="DT382" t="str">
            <v/>
          </cell>
          <cell r="DU382" t="str">
            <v/>
          </cell>
        </row>
        <row r="383">
          <cell r="DT383" t="str">
            <v/>
          </cell>
          <cell r="DU383" t="str">
            <v/>
          </cell>
        </row>
        <row r="384">
          <cell r="DT384" t="str">
            <v/>
          </cell>
          <cell r="DU384" t="str">
            <v/>
          </cell>
        </row>
        <row r="385">
          <cell r="DT385" t="str">
            <v/>
          </cell>
          <cell r="DU385" t="str">
            <v/>
          </cell>
        </row>
        <row r="386">
          <cell r="DT386" t="str">
            <v/>
          </cell>
          <cell r="DU386" t="str">
            <v/>
          </cell>
        </row>
        <row r="387">
          <cell r="DT387" t="str">
            <v/>
          </cell>
          <cell r="DU387" t="str">
            <v/>
          </cell>
        </row>
        <row r="388">
          <cell r="DT388" t="str">
            <v/>
          </cell>
          <cell r="DU388" t="str">
            <v/>
          </cell>
        </row>
        <row r="389">
          <cell r="DT389" t="str">
            <v/>
          </cell>
          <cell r="DU389" t="str">
            <v/>
          </cell>
        </row>
        <row r="390">
          <cell r="DT390" t="str">
            <v/>
          </cell>
          <cell r="DU390" t="str">
            <v/>
          </cell>
        </row>
        <row r="391">
          <cell r="DT391" t="str">
            <v/>
          </cell>
          <cell r="DU391" t="str">
            <v/>
          </cell>
        </row>
        <row r="392">
          <cell r="DT392" t="str">
            <v/>
          </cell>
          <cell r="DU392" t="str">
            <v/>
          </cell>
        </row>
        <row r="393">
          <cell r="DT393" t="str">
            <v/>
          </cell>
          <cell r="DU393" t="str">
            <v/>
          </cell>
        </row>
        <row r="394">
          <cell r="DT394" t="str">
            <v/>
          </cell>
          <cell r="DU394" t="str">
            <v/>
          </cell>
        </row>
        <row r="395">
          <cell r="DT395" t="str">
            <v/>
          </cell>
          <cell r="DU395" t="str">
            <v/>
          </cell>
        </row>
        <row r="396">
          <cell r="DT396" t="str">
            <v/>
          </cell>
          <cell r="DU396" t="str">
            <v/>
          </cell>
        </row>
        <row r="397">
          <cell r="DT397" t="str">
            <v/>
          </cell>
          <cell r="DU397" t="str">
            <v/>
          </cell>
        </row>
        <row r="398">
          <cell r="DT398" t="str">
            <v/>
          </cell>
          <cell r="DU398" t="str">
            <v/>
          </cell>
        </row>
        <row r="399">
          <cell r="DT399" t="str">
            <v/>
          </cell>
          <cell r="DU399" t="str">
            <v/>
          </cell>
        </row>
        <row r="400">
          <cell r="DT400" t="str">
            <v/>
          </cell>
          <cell r="DU400" t="str">
            <v/>
          </cell>
        </row>
        <row r="401">
          <cell r="DT401" t="str">
            <v/>
          </cell>
          <cell r="DU401" t="str">
            <v/>
          </cell>
        </row>
        <row r="402">
          <cell r="DT402" t="str">
            <v/>
          </cell>
          <cell r="DU402" t="str">
            <v/>
          </cell>
        </row>
        <row r="403">
          <cell r="DT403" t="str">
            <v/>
          </cell>
          <cell r="DU403" t="str">
            <v/>
          </cell>
        </row>
        <row r="404">
          <cell r="DT404" t="str">
            <v/>
          </cell>
          <cell r="DU404" t="str">
            <v/>
          </cell>
        </row>
        <row r="405">
          <cell r="DT405" t="str">
            <v/>
          </cell>
          <cell r="DU405" t="str">
            <v/>
          </cell>
        </row>
        <row r="406">
          <cell r="DT406" t="str">
            <v/>
          </cell>
          <cell r="DU406" t="str">
            <v/>
          </cell>
        </row>
        <row r="407">
          <cell r="DT407" t="str">
            <v/>
          </cell>
          <cell r="DU407" t="str">
            <v/>
          </cell>
        </row>
        <row r="408">
          <cell r="DT408" t="str">
            <v/>
          </cell>
          <cell r="DU408" t="str">
            <v/>
          </cell>
        </row>
        <row r="409">
          <cell r="DT409" t="str">
            <v/>
          </cell>
          <cell r="DU409" t="str">
            <v/>
          </cell>
        </row>
        <row r="410">
          <cell r="DT410" t="str">
            <v/>
          </cell>
          <cell r="DU410" t="str">
            <v/>
          </cell>
        </row>
        <row r="411">
          <cell r="DT411" t="str">
            <v/>
          </cell>
          <cell r="DU411" t="str">
            <v/>
          </cell>
        </row>
        <row r="412">
          <cell r="DT412" t="str">
            <v/>
          </cell>
          <cell r="DU412" t="str">
            <v/>
          </cell>
        </row>
        <row r="413">
          <cell r="DT413" t="str">
            <v/>
          </cell>
          <cell r="DU413" t="str">
            <v/>
          </cell>
        </row>
        <row r="414">
          <cell r="DT414" t="str">
            <v/>
          </cell>
          <cell r="DU414" t="str">
            <v/>
          </cell>
        </row>
        <row r="415">
          <cell r="DT415" t="str">
            <v/>
          </cell>
          <cell r="DU415" t="str">
            <v/>
          </cell>
        </row>
        <row r="416">
          <cell r="DT416" t="str">
            <v/>
          </cell>
          <cell r="DU416" t="str">
            <v/>
          </cell>
        </row>
        <row r="417">
          <cell r="DT417" t="str">
            <v/>
          </cell>
          <cell r="DU417" t="str">
            <v/>
          </cell>
        </row>
        <row r="418">
          <cell r="DT418" t="str">
            <v/>
          </cell>
          <cell r="DU418" t="str">
            <v/>
          </cell>
        </row>
        <row r="419">
          <cell r="DT419" t="str">
            <v/>
          </cell>
          <cell r="DU419" t="str">
            <v/>
          </cell>
        </row>
        <row r="420">
          <cell r="DT420" t="str">
            <v/>
          </cell>
          <cell r="DU420" t="str">
            <v/>
          </cell>
        </row>
        <row r="421">
          <cell r="DT421" t="str">
            <v/>
          </cell>
          <cell r="DU421" t="str">
            <v/>
          </cell>
        </row>
        <row r="422">
          <cell r="DT422" t="str">
            <v/>
          </cell>
          <cell r="DU422" t="str">
            <v/>
          </cell>
        </row>
        <row r="423">
          <cell r="DT423" t="str">
            <v/>
          </cell>
          <cell r="DU423" t="str">
            <v/>
          </cell>
        </row>
        <row r="424">
          <cell r="DT424" t="str">
            <v/>
          </cell>
          <cell r="DU424" t="str">
            <v/>
          </cell>
        </row>
        <row r="425">
          <cell r="DT425" t="str">
            <v/>
          </cell>
          <cell r="DU425" t="str">
            <v/>
          </cell>
        </row>
        <row r="426">
          <cell r="DT426" t="str">
            <v/>
          </cell>
          <cell r="DU426" t="str">
            <v/>
          </cell>
        </row>
        <row r="427">
          <cell r="DT427" t="str">
            <v/>
          </cell>
          <cell r="DU427" t="str">
            <v/>
          </cell>
        </row>
        <row r="428">
          <cell r="DT428" t="str">
            <v/>
          </cell>
          <cell r="DU428" t="str">
            <v/>
          </cell>
        </row>
        <row r="429">
          <cell r="DT429" t="str">
            <v/>
          </cell>
          <cell r="DU429" t="str">
            <v/>
          </cell>
        </row>
        <row r="430">
          <cell r="DT430" t="str">
            <v/>
          </cell>
          <cell r="DU430" t="str">
            <v/>
          </cell>
        </row>
        <row r="431">
          <cell r="DT431" t="str">
            <v/>
          </cell>
          <cell r="DU431" t="str">
            <v/>
          </cell>
        </row>
        <row r="432">
          <cell r="DT432" t="str">
            <v/>
          </cell>
          <cell r="DU432" t="str">
            <v/>
          </cell>
        </row>
        <row r="433">
          <cell r="DT433" t="str">
            <v/>
          </cell>
          <cell r="DU433" t="str">
            <v/>
          </cell>
        </row>
        <row r="434">
          <cell r="DT434" t="str">
            <v/>
          </cell>
          <cell r="DU434" t="str">
            <v/>
          </cell>
        </row>
        <row r="435">
          <cell r="DT435" t="str">
            <v/>
          </cell>
          <cell r="DU435" t="str">
            <v/>
          </cell>
        </row>
        <row r="436">
          <cell r="DT436" t="str">
            <v/>
          </cell>
          <cell r="DU436" t="str">
            <v/>
          </cell>
        </row>
        <row r="437">
          <cell r="DT437" t="str">
            <v/>
          </cell>
          <cell r="DU437" t="str">
            <v/>
          </cell>
        </row>
        <row r="438">
          <cell r="DT438" t="str">
            <v/>
          </cell>
          <cell r="DU438" t="str">
            <v/>
          </cell>
        </row>
        <row r="439">
          <cell r="DT439" t="str">
            <v/>
          </cell>
          <cell r="DU439" t="str">
            <v/>
          </cell>
        </row>
        <row r="440">
          <cell r="DT440" t="str">
            <v/>
          </cell>
          <cell r="DU440" t="str">
            <v/>
          </cell>
        </row>
        <row r="441">
          <cell r="DT441" t="str">
            <v/>
          </cell>
          <cell r="DU441" t="str">
            <v/>
          </cell>
        </row>
        <row r="442">
          <cell r="DT442" t="str">
            <v/>
          </cell>
          <cell r="DU442" t="str">
            <v/>
          </cell>
        </row>
        <row r="443">
          <cell r="DT443" t="str">
            <v/>
          </cell>
          <cell r="DU443" t="str">
            <v/>
          </cell>
        </row>
        <row r="444">
          <cell r="DT444" t="str">
            <v/>
          </cell>
          <cell r="DU444" t="str">
            <v/>
          </cell>
        </row>
        <row r="445">
          <cell r="DT445" t="str">
            <v/>
          </cell>
          <cell r="DU445" t="str">
            <v/>
          </cell>
        </row>
        <row r="446">
          <cell r="DT446" t="str">
            <v/>
          </cell>
          <cell r="DU446" t="str">
            <v/>
          </cell>
        </row>
        <row r="447">
          <cell r="DT447" t="str">
            <v/>
          </cell>
          <cell r="DU447" t="str">
            <v/>
          </cell>
        </row>
        <row r="448">
          <cell r="DT448" t="str">
            <v/>
          </cell>
          <cell r="DU448" t="str">
            <v/>
          </cell>
        </row>
        <row r="449">
          <cell r="DT449" t="str">
            <v/>
          </cell>
          <cell r="DU449" t="str">
            <v/>
          </cell>
        </row>
        <row r="450">
          <cell r="DT450" t="str">
            <v/>
          </cell>
          <cell r="DU450" t="str">
            <v/>
          </cell>
        </row>
        <row r="451">
          <cell r="DT451" t="str">
            <v/>
          </cell>
          <cell r="DU451" t="str">
            <v/>
          </cell>
        </row>
        <row r="452">
          <cell r="DT452" t="str">
            <v/>
          </cell>
          <cell r="DU452" t="str">
            <v/>
          </cell>
        </row>
        <row r="453">
          <cell r="DT453" t="str">
            <v/>
          </cell>
          <cell r="DU453" t="str">
            <v/>
          </cell>
        </row>
        <row r="454">
          <cell r="DT454" t="str">
            <v/>
          </cell>
          <cell r="DU454" t="str">
            <v/>
          </cell>
        </row>
        <row r="455">
          <cell r="DT455" t="str">
            <v/>
          </cell>
          <cell r="DU455" t="str">
            <v/>
          </cell>
        </row>
        <row r="456">
          <cell r="DT456" t="str">
            <v/>
          </cell>
          <cell r="DU456" t="str">
            <v/>
          </cell>
        </row>
        <row r="457">
          <cell r="DT457" t="str">
            <v/>
          </cell>
          <cell r="DU457" t="str">
            <v/>
          </cell>
        </row>
        <row r="458">
          <cell r="DT458" t="str">
            <v/>
          </cell>
          <cell r="DU458" t="str">
            <v/>
          </cell>
        </row>
        <row r="459">
          <cell r="DT459" t="str">
            <v/>
          </cell>
          <cell r="DU459" t="str">
            <v/>
          </cell>
        </row>
        <row r="460">
          <cell r="DT460" t="str">
            <v/>
          </cell>
          <cell r="DU460" t="str">
            <v/>
          </cell>
        </row>
        <row r="461">
          <cell r="DT461" t="str">
            <v/>
          </cell>
          <cell r="DU461" t="str">
            <v/>
          </cell>
        </row>
        <row r="462">
          <cell r="DT462" t="str">
            <v/>
          </cell>
          <cell r="DU462" t="str">
            <v/>
          </cell>
        </row>
        <row r="463">
          <cell r="DT463" t="str">
            <v/>
          </cell>
          <cell r="DU463" t="str">
            <v/>
          </cell>
        </row>
        <row r="464">
          <cell r="DT464" t="str">
            <v/>
          </cell>
          <cell r="DU464" t="str">
            <v/>
          </cell>
        </row>
        <row r="465">
          <cell r="DT465" t="str">
            <v/>
          </cell>
          <cell r="DU465" t="str">
            <v/>
          </cell>
        </row>
        <row r="466">
          <cell r="DT466" t="str">
            <v/>
          </cell>
          <cell r="DU466" t="str">
            <v/>
          </cell>
        </row>
        <row r="467">
          <cell r="DT467" t="str">
            <v/>
          </cell>
          <cell r="DU467" t="str">
            <v/>
          </cell>
        </row>
        <row r="468">
          <cell r="DT468" t="str">
            <v/>
          </cell>
          <cell r="DU468" t="str">
            <v/>
          </cell>
        </row>
        <row r="469">
          <cell r="DT469" t="str">
            <v/>
          </cell>
          <cell r="DU469" t="str">
            <v/>
          </cell>
        </row>
        <row r="470">
          <cell r="DT470" t="str">
            <v/>
          </cell>
          <cell r="DU470" t="str">
            <v/>
          </cell>
        </row>
        <row r="471">
          <cell r="DT471" t="str">
            <v/>
          </cell>
          <cell r="DU471" t="str">
            <v/>
          </cell>
        </row>
        <row r="472">
          <cell r="DT472" t="str">
            <v/>
          </cell>
          <cell r="DU472" t="str">
            <v/>
          </cell>
        </row>
        <row r="473">
          <cell r="DT473" t="str">
            <v/>
          </cell>
          <cell r="DU473" t="str">
            <v/>
          </cell>
        </row>
        <row r="474">
          <cell r="DT474" t="str">
            <v/>
          </cell>
          <cell r="DU474" t="str">
            <v/>
          </cell>
        </row>
        <row r="475">
          <cell r="DT475" t="str">
            <v/>
          </cell>
          <cell r="DU475" t="str">
            <v/>
          </cell>
        </row>
        <row r="476">
          <cell r="DT476" t="str">
            <v/>
          </cell>
          <cell r="DU476" t="str">
            <v/>
          </cell>
        </row>
        <row r="477">
          <cell r="DT477" t="str">
            <v/>
          </cell>
          <cell r="DU477" t="str">
            <v/>
          </cell>
        </row>
        <row r="478">
          <cell r="DT478" t="str">
            <v/>
          </cell>
          <cell r="DU478" t="str">
            <v/>
          </cell>
        </row>
        <row r="479">
          <cell r="DT479" t="str">
            <v/>
          </cell>
          <cell r="DU479" t="str">
            <v/>
          </cell>
        </row>
        <row r="480">
          <cell r="DT480" t="str">
            <v/>
          </cell>
          <cell r="DU480" t="str">
            <v/>
          </cell>
        </row>
        <row r="481">
          <cell r="DT481" t="str">
            <v/>
          </cell>
          <cell r="DU481" t="str">
            <v/>
          </cell>
        </row>
        <row r="482">
          <cell r="DT482" t="str">
            <v/>
          </cell>
          <cell r="DU482" t="str">
            <v/>
          </cell>
        </row>
        <row r="483">
          <cell r="DT483" t="str">
            <v/>
          </cell>
          <cell r="DU483" t="str">
            <v/>
          </cell>
        </row>
        <row r="484">
          <cell r="DT484" t="str">
            <v/>
          </cell>
          <cell r="DU484" t="str">
            <v/>
          </cell>
        </row>
        <row r="485">
          <cell r="DT485" t="str">
            <v/>
          </cell>
          <cell r="DU485" t="str">
            <v/>
          </cell>
        </row>
        <row r="486">
          <cell r="DT486" t="str">
            <v/>
          </cell>
          <cell r="DU486" t="str">
            <v/>
          </cell>
        </row>
        <row r="487">
          <cell r="DT487" t="str">
            <v/>
          </cell>
          <cell r="DU487" t="str">
            <v/>
          </cell>
        </row>
        <row r="488">
          <cell r="DT488" t="str">
            <v/>
          </cell>
          <cell r="DU488" t="str">
            <v/>
          </cell>
        </row>
        <row r="489">
          <cell r="DT489" t="str">
            <v/>
          </cell>
          <cell r="DU489" t="str">
            <v/>
          </cell>
        </row>
        <row r="490">
          <cell r="DT490" t="str">
            <v/>
          </cell>
          <cell r="DU490" t="str">
            <v/>
          </cell>
        </row>
        <row r="491">
          <cell r="DT491" t="str">
            <v/>
          </cell>
          <cell r="DU491" t="str">
            <v/>
          </cell>
        </row>
        <row r="492">
          <cell r="DT492" t="str">
            <v/>
          </cell>
          <cell r="DU492" t="str">
            <v/>
          </cell>
        </row>
        <row r="493">
          <cell r="DT493" t="str">
            <v/>
          </cell>
          <cell r="DU493" t="str">
            <v/>
          </cell>
        </row>
        <row r="494">
          <cell r="DT494" t="str">
            <v/>
          </cell>
          <cell r="DU494" t="str">
            <v/>
          </cell>
        </row>
        <row r="495">
          <cell r="DT495" t="str">
            <v/>
          </cell>
          <cell r="DU495" t="str">
            <v/>
          </cell>
        </row>
        <row r="496">
          <cell r="DT496" t="str">
            <v/>
          </cell>
          <cell r="DU496" t="str">
            <v/>
          </cell>
        </row>
        <row r="497">
          <cell r="DT497" t="str">
            <v/>
          </cell>
          <cell r="DU497" t="str">
            <v/>
          </cell>
        </row>
        <row r="498">
          <cell r="DT498" t="str">
            <v/>
          </cell>
          <cell r="DU498" t="str">
            <v/>
          </cell>
        </row>
        <row r="499">
          <cell r="DT499" t="str">
            <v/>
          </cell>
          <cell r="DU499" t="str">
            <v/>
          </cell>
        </row>
        <row r="500">
          <cell r="DT500" t="str">
            <v/>
          </cell>
          <cell r="DU500" t="str">
            <v/>
          </cell>
        </row>
        <row r="501">
          <cell r="DT501" t="str">
            <v/>
          </cell>
          <cell r="DU501" t="str">
            <v/>
          </cell>
        </row>
        <row r="502">
          <cell r="DT502" t="str">
            <v/>
          </cell>
          <cell r="DU502" t="str">
            <v/>
          </cell>
        </row>
        <row r="503">
          <cell r="DT503" t="str">
            <v/>
          </cell>
          <cell r="DU503" t="str">
            <v/>
          </cell>
        </row>
        <row r="504">
          <cell r="DT504" t="str">
            <v/>
          </cell>
          <cell r="DU504" t="str">
            <v/>
          </cell>
        </row>
        <row r="505">
          <cell r="DT505" t="str">
            <v/>
          </cell>
          <cell r="DU505" t="str">
            <v/>
          </cell>
        </row>
        <row r="506">
          <cell r="DT506" t="str">
            <v/>
          </cell>
          <cell r="DU506" t="str">
            <v/>
          </cell>
        </row>
        <row r="507">
          <cell r="DT507" t="str">
            <v/>
          </cell>
          <cell r="DU507" t="str">
            <v/>
          </cell>
        </row>
        <row r="508">
          <cell r="DT508" t="str">
            <v/>
          </cell>
          <cell r="DU508" t="str">
            <v/>
          </cell>
        </row>
        <row r="509">
          <cell r="DT509" t="str">
            <v/>
          </cell>
          <cell r="DU509" t="str">
            <v/>
          </cell>
        </row>
        <row r="510">
          <cell r="DT510" t="str">
            <v/>
          </cell>
          <cell r="DU510" t="str">
            <v/>
          </cell>
        </row>
        <row r="511">
          <cell r="DT511" t="str">
            <v/>
          </cell>
          <cell r="DU511" t="str">
            <v/>
          </cell>
        </row>
        <row r="512">
          <cell r="DT512" t="str">
            <v/>
          </cell>
          <cell r="DU512" t="str">
            <v/>
          </cell>
        </row>
        <row r="513">
          <cell r="DT513" t="str">
            <v/>
          </cell>
          <cell r="DU513" t="str">
            <v/>
          </cell>
        </row>
        <row r="514">
          <cell r="DT514" t="str">
            <v/>
          </cell>
          <cell r="DU514" t="str">
            <v/>
          </cell>
        </row>
        <row r="515">
          <cell r="DT515" t="str">
            <v/>
          </cell>
          <cell r="DU515" t="str">
            <v/>
          </cell>
        </row>
        <row r="516">
          <cell r="DT516" t="str">
            <v/>
          </cell>
          <cell r="DU516" t="str">
            <v/>
          </cell>
        </row>
        <row r="517">
          <cell r="DT517" t="str">
            <v/>
          </cell>
          <cell r="DU517" t="str">
            <v/>
          </cell>
        </row>
        <row r="518">
          <cell r="DT518" t="str">
            <v/>
          </cell>
          <cell r="DU518" t="str">
            <v/>
          </cell>
        </row>
        <row r="519">
          <cell r="DT519" t="str">
            <v/>
          </cell>
          <cell r="DU519" t="str">
            <v/>
          </cell>
        </row>
        <row r="520">
          <cell r="DT520" t="str">
            <v/>
          </cell>
          <cell r="DU520" t="str">
            <v/>
          </cell>
        </row>
        <row r="521">
          <cell r="DT521" t="str">
            <v/>
          </cell>
          <cell r="DU521" t="str">
            <v/>
          </cell>
        </row>
        <row r="522">
          <cell r="DT522" t="str">
            <v/>
          </cell>
          <cell r="DU522" t="str">
            <v/>
          </cell>
        </row>
        <row r="523">
          <cell r="DT523" t="str">
            <v/>
          </cell>
          <cell r="DU523" t="str">
            <v/>
          </cell>
        </row>
        <row r="524">
          <cell r="DT524" t="str">
            <v/>
          </cell>
          <cell r="DU524" t="str">
            <v/>
          </cell>
        </row>
        <row r="525">
          <cell r="DT525" t="str">
            <v/>
          </cell>
          <cell r="DU525" t="str">
            <v/>
          </cell>
        </row>
        <row r="526">
          <cell r="DT526" t="str">
            <v/>
          </cell>
          <cell r="DU526" t="str">
            <v/>
          </cell>
        </row>
        <row r="527">
          <cell r="DT527" t="str">
            <v/>
          </cell>
          <cell r="DU527" t="str">
            <v/>
          </cell>
        </row>
        <row r="528">
          <cell r="DT528" t="str">
            <v/>
          </cell>
          <cell r="DU528" t="str">
            <v/>
          </cell>
        </row>
        <row r="529">
          <cell r="DT529" t="str">
            <v/>
          </cell>
          <cell r="DU529" t="str">
            <v/>
          </cell>
        </row>
        <row r="530">
          <cell r="DT530" t="str">
            <v/>
          </cell>
          <cell r="DU530" t="str">
            <v/>
          </cell>
        </row>
        <row r="531">
          <cell r="DT531" t="str">
            <v/>
          </cell>
          <cell r="DU531" t="str">
            <v/>
          </cell>
        </row>
        <row r="532">
          <cell r="DT532" t="str">
            <v/>
          </cell>
          <cell r="DU532" t="str">
            <v/>
          </cell>
        </row>
        <row r="533">
          <cell r="DT533" t="str">
            <v/>
          </cell>
          <cell r="DU533" t="str">
            <v/>
          </cell>
        </row>
        <row r="534">
          <cell r="DT534" t="str">
            <v/>
          </cell>
          <cell r="DU534" t="str">
            <v/>
          </cell>
        </row>
        <row r="535">
          <cell r="DT535" t="str">
            <v/>
          </cell>
          <cell r="DU535" t="str">
            <v/>
          </cell>
        </row>
        <row r="536">
          <cell r="DT536" t="str">
            <v/>
          </cell>
          <cell r="DU536" t="str">
            <v/>
          </cell>
        </row>
        <row r="537">
          <cell r="DT537" t="str">
            <v/>
          </cell>
          <cell r="DU537" t="str">
            <v/>
          </cell>
        </row>
        <row r="538">
          <cell r="DT538" t="str">
            <v/>
          </cell>
          <cell r="DU538" t="str">
            <v/>
          </cell>
        </row>
        <row r="539">
          <cell r="DT539" t="str">
            <v/>
          </cell>
          <cell r="DU539" t="str">
            <v/>
          </cell>
        </row>
        <row r="540">
          <cell r="DT540" t="str">
            <v/>
          </cell>
          <cell r="DU540" t="str">
            <v/>
          </cell>
        </row>
        <row r="541">
          <cell r="DT541" t="str">
            <v/>
          </cell>
          <cell r="DU541" t="str">
            <v/>
          </cell>
        </row>
        <row r="542">
          <cell r="DT542" t="str">
            <v/>
          </cell>
          <cell r="DU542" t="str">
            <v/>
          </cell>
        </row>
        <row r="543">
          <cell r="DT543" t="str">
            <v/>
          </cell>
          <cell r="DU543" t="str">
            <v/>
          </cell>
        </row>
        <row r="544">
          <cell r="DT544" t="str">
            <v/>
          </cell>
          <cell r="DU544" t="str">
            <v/>
          </cell>
        </row>
        <row r="545">
          <cell r="DT545" t="str">
            <v/>
          </cell>
          <cell r="DU545" t="str">
            <v/>
          </cell>
        </row>
        <row r="546">
          <cell r="DT546" t="str">
            <v/>
          </cell>
          <cell r="DU546" t="str">
            <v/>
          </cell>
        </row>
        <row r="547">
          <cell r="DT547" t="str">
            <v/>
          </cell>
          <cell r="DU547" t="str">
            <v/>
          </cell>
        </row>
        <row r="548">
          <cell r="DT548" t="str">
            <v/>
          </cell>
          <cell r="DU548" t="str">
            <v/>
          </cell>
        </row>
        <row r="549">
          <cell r="DT549" t="str">
            <v/>
          </cell>
          <cell r="DU549" t="str">
            <v/>
          </cell>
        </row>
        <row r="550">
          <cell r="DT550" t="str">
            <v/>
          </cell>
          <cell r="DU550" t="str">
            <v/>
          </cell>
        </row>
        <row r="551">
          <cell r="DT551" t="str">
            <v/>
          </cell>
          <cell r="DU551" t="str">
            <v/>
          </cell>
        </row>
        <row r="552">
          <cell r="DT552" t="str">
            <v/>
          </cell>
          <cell r="DU552" t="str">
            <v/>
          </cell>
        </row>
        <row r="553">
          <cell r="DT553" t="str">
            <v/>
          </cell>
          <cell r="DU553" t="str">
            <v/>
          </cell>
        </row>
        <row r="554">
          <cell r="DT554" t="str">
            <v/>
          </cell>
          <cell r="DU554" t="str">
            <v/>
          </cell>
        </row>
        <row r="555">
          <cell r="DT555" t="str">
            <v/>
          </cell>
          <cell r="DU555" t="str">
            <v/>
          </cell>
        </row>
        <row r="556">
          <cell r="DT556" t="str">
            <v/>
          </cell>
          <cell r="DU556" t="str">
            <v/>
          </cell>
        </row>
        <row r="557">
          <cell r="DT557" t="str">
            <v/>
          </cell>
          <cell r="DU557" t="str">
            <v/>
          </cell>
        </row>
        <row r="558">
          <cell r="DT558" t="str">
            <v/>
          </cell>
          <cell r="DU558" t="str">
            <v/>
          </cell>
        </row>
        <row r="559">
          <cell r="DT559" t="str">
            <v/>
          </cell>
          <cell r="DU559" t="str">
            <v/>
          </cell>
        </row>
        <row r="560">
          <cell r="DT560" t="str">
            <v/>
          </cell>
          <cell r="DU560" t="str">
            <v/>
          </cell>
        </row>
        <row r="561">
          <cell r="DT561" t="str">
            <v/>
          </cell>
          <cell r="DU561" t="str">
            <v/>
          </cell>
        </row>
        <row r="562">
          <cell r="DT562" t="str">
            <v/>
          </cell>
          <cell r="DU562" t="str">
            <v/>
          </cell>
        </row>
        <row r="563">
          <cell r="DT563" t="str">
            <v/>
          </cell>
          <cell r="DU563" t="str">
            <v/>
          </cell>
        </row>
        <row r="564">
          <cell r="DT564" t="str">
            <v/>
          </cell>
          <cell r="DU564" t="str">
            <v/>
          </cell>
        </row>
        <row r="565">
          <cell r="DT565" t="str">
            <v/>
          </cell>
          <cell r="DU565" t="str">
            <v/>
          </cell>
        </row>
        <row r="566">
          <cell r="DT566" t="str">
            <v/>
          </cell>
          <cell r="DU566" t="str">
            <v/>
          </cell>
        </row>
        <row r="567">
          <cell r="DT567" t="str">
            <v/>
          </cell>
          <cell r="DU567" t="str">
            <v/>
          </cell>
        </row>
        <row r="568">
          <cell r="DT568" t="str">
            <v/>
          </cell>
          <cell r="DU568" t="str">
            <v/>
          </cell>
        </row>
        <row r="569">
          <cell r="DT569" t="str">
            <v/>
          </cell>
          <cell r="DU569" t="str">
            <v/>
          </cell>
        </row>
        <row r="570">
          <cell r="DT570" t="str">
            <v/>
          </cell>
          <cell r="DU570" t="str">
            <v/>
          </cell>
        </row>
        <row r="571">
          <cell r="DT571" t="str">
            <v/>
          </cell>
          <cell r="DU571" t="str">
            <v/>
          </cell>
        </row>
        <row r="572">
          <cell r="DT572" t="str">
            <v/>
          </cell>
          <cell r="DU572" t="str">
            <v/>
          </cell>
        </row>
        <row r="573">
          <cell r="DT573" t="str">
            <v/>
          </cell>
          <cell r="DU573" t="str">
            <v/>
          </cell>
        </row>
        <row r="574">
          <cell r="DT574" t="str">
            <v/>
          </cell>
          <cell r="DU574" t="str">
            <v/>
          </cell>
        </row>
        <row r="575">
          <cell r="DT575" t="str">
            <v/>
          </cell>
          <cell r="DU575" t="str">
            <v/>
          </cell>
        </row>
        <row r="576">
          <cell r="DT576" t="str">
            <v/>
          </cell>
          <cell r="DU576" t="str">
            <v/>
          </cell>
        </row>
        <row r="577">
          <cell r="DT577" t="str">
            <v/>
          </cell>
          <cell r="DU577" t="str">
            <v/>
          </cell>
        </row>
        <row r="578">
          <cell r="DT578" t="str">
            <v/>
          </cell>
          <cell r="DU578" t="str">
            <v/>
          </cell>
        </row>
        <row r="579">
          <cell r="DT579" t="str">
            <v/>
          </cell>
          <cell r="DU579" t="str">
            <v/>
          </cell>
        </row>
        <row r="580">
          <cell r="DT580" t="str">
            <v/>
          </cell>
          <cell r="DU580" t="str">
            <v/>
          </cell>
        </row>
        <row r="581">
          <cell r="DT581" t="str">
            <v/>
          </cell>
          <cell r="DU581" t="str">
            <v/>
          </cell>
        </row>
        <row r="582">
          <cell r="DT582" t="str">
            <v/>
          </cell>
          <cell r="DU582" t="str">
            <v/>
          </cell>
        </row>
        <row r="583">
          <cell r="DT583" t="str">
            <v/>
          </cell>
          <cell r="DU583" t="str">
            <v/>
          </cell>
        </row>
        <row r="584">
          <cell r="DT584" t="str">
            <v/>
          </cell>
          <cell r="DU584" t="str">
            <v/>
          </cell>
        </row>
        <row r="585">
          <cell r="DT585" t="str">
            <v/>
          </cell>
          <cell r="DU585" t="str">
            <v/>
          </cell>
        </row>
        <row r="586">
          <cell r="DT586" t="str">
            <v/>
          </cell>
          <cell r="DU586" t="str">
            <v/>
          </cell>
        </row>
        <row r="587">
          <cell r="DT587" t="str">
            <v/>
          </cell>
          <cell r="DU587" t="str">
            <v/>
          </cell>
        </row>
        <row r="588">
          <cell r="DT588" t="str">
            <v/>
          </cell>
          <cell r="DU588" t="str">
            <v/>
          </cell>
        </row>
        <row r="589">
          <cell r="DT589" t="str">
            <v/>
          </cell>
          <cell r="DU589" t="str">
            <v/>
          </cell>
        </row>
        <row r="590">
          <cell r="DT590" t="str">
            <v/>
          </cell>
          <cell r="DU590" t="str">
            <v/>
          </cell>
        </row>
        <row r="591">
          <cell r="DT591" t="str">
            <v/>
          </cell>
          <cell r="DU591" t="str">
            <v/>
          </cell>
        </row>
        <row r="592">
          <cell r="DT592" t="str">
            <v/>
          </cell>
          <cell r="DU592" t="str">
            <v/>
          </cell>
        </row>
        <row r="593">
          <cell r="DT593" t="str">
            <v/>
          </cell>
          <cell r="DU593" t="str">
            <v/>
          </cell>
        </row>
        <row r="594">
          <cell r="DT594" t="str">
            <v/>
          </cell>
          <cell r="DU594" t="str">
            <v/>
          </cell>
        </row>
        <row r="595">
          <cell r="DT595" t="str">
            <v/>
          </cell>
          <cell r="DU595" t="str">
            <v/>
          </cell>
        </row>
        <row r="596">
          <cell r="DT596" t="str">
            <v/>
          </cell>
          <cell r="DU596" t="str">
            <v/>
          </cell>
        </row>
        <row r="597">
          <cell r="DT597" t="str">
            <v/>
          </cell>
          <cell r="DU597" t="str">
            <v/>
          </cell>
        </row>
        <row r="598">
          <cell r="DT598" t="str">
            <v/>
          </cell>
          <cell r="DU598" t="str">
            <v/>
          </cell>
        </row>
        <row r="599">
          <cell r="DT599" t="str">
            <v/>
          </cell>
          <cell r="DU599" t="str">
            <v/>
          </cell>
        </row>
        <row r="600">
          <cell r="DT600" t="str">
            <v/>
          </cell>
          <cell r="DU600" t="str">
            <v/>
          </cell>
        </row>
        <row r="601">
          <cell r="DT601" t="str">
            <v/>
          </cell>
          <cell r="DU601" t="str">
            <v/>
          </cell>
        </row>
        <row r="602">
          <cell r="DT602" t="str">
            <v/>
          </cell>
          <cell r="DU602" t="str">
            <v/>
          </cell>
        </row>
        <row r="603">
          <cell r="DT603" t="str">
            <v/>
          </cell>
          <cell r="DU603" t="str">
            <v/>
          </cell>
        </row>
        <row r="604">
          <cell r="DT604" t="str">
            <v/>
          </cell>
          <cell r="DU604" t="str">
            <v/>
          </cell>
        </row>
        <row r="605">
          <cell r="DT605" t="str">
            <v/>
          </cell>
          <cell r="DU605" t="str">
            <v/>
          </cell>
        </row>
        <row r="606">
          <cell r="DT606" t="str">
            <v/>
          </cell>
          <cell r="DU606" t="str">
            <v/>
          </cell>
        </row>
        <row r="607">
          <cell r="DT607" t="str">
            <v/>
          </cell>
          <cell r="DU607" t="str">
            <v/>
          </cell>
        </row>
        <row r="608">
          <cell r="DT608" t="str">
            <v/>
          </cell>
          <cell r="DU608" t="str">
            <v/>
          </cell>
        </row>
        <row r="609">
          <cell r="DT609" t="str">
            <v/>
          </cell>
          <cell r="DU609" t="str">
            <v/>
          </cell>
        </row>
        <row r="610">
          <cell r="DT610" t="str">
            <v/>
          </cell>
          <cell r="DU610" t="str">
            <v/>
          </cell>
        </row>
        <row r="611">
          <cell r="DT611" t="str">
            <v/>
          </cell>
          <cell r="DU611" t="str">
            <v/>
          </cell>
        </row>
        <row r="612">
          <cell r="DT612" t="str">
            <v/>
          </cell>
          <cell r="DU612" t="str">
            <v/>
          </cell>
        </row>
        <row r="613">
          <cell r="DT613" t="str">
            <v/>
          </cell>
          <cell r="DU613" t="str">
            <v/>
          </cell>
        </row>
        <row r="614">
          <cell r="DT614" t="str">
            <v/>
          </cell>
          <cell r="DU614" t="str">
            <v/>
          </cell>
        </row>
        <row r="615">
          <cell r="DT615" t="str">
            <v/>
          </cell>
          <cell r="DU615" t="str">
            <v/>
          </cell>
        </row>
        <row r="616">
          <cell r="DT616" t="str">
            <v/>
          </cell>
          <cell r="DU616" t="str">
            <v/>
          </cell>
        </row>
        <row r="617">
          <cell r="DT617" t="str">
            <v/>
          </cell>
          <cell r="DU617" t="str">
            <v/>
          </cell>
        </row>
        <row r="618">
          <cell r="DT618" t="str">
            <v/>
          </cell>
          <cell r="DU618" t="str">
            <v/>
          </cell>
        </row>
        <row r="619">
          <cell r="DT619" t="str">
            <v/>
          </cell>
          <cell r="DU619" t="str">
            <v/>
          </cell>
        </row>
        <row r="620">
          <cell r="DT620" t="str">
            <v/>
          </cell>
          <cell r="DU620" t="str">
            <v/>
          </cell>
        </row>
        <row r="621">
          <cell r="DT621" t="str">
            <v/>
          </cell>
          <cell r="DU621" t="str">
            <v/>
          </cell>
        </row>
        <row r="622">
          <cell r="DT622" t="str">
            <v/>
          </cell>
          <cell r="DU622" t="str">
            <v/>
          </cell>
        </row>
        <row r="623">
          <cell r="DT623" t="str">
            <v/>
          </cell>
          <cell r="DU623" t="str">
            <v/>
          </cell>
        </row>
        <row r="624">
          <cell r="DT624" t="str">
            <v/>
          </cell>
          <cell r="DU624" t="str">
            <v/>
          </cell>
        </row>
        <row r="625">
          <cell r="DT625" t="str">
            <v/>
          </cell>
          <cell r="DU625" t="str">
            <v/>
          </cell>
        </row>
        <row r="626">
          <cell r="DT626" t="str">
            <v/>
          </cell>
          <cell r="DU626" t="str">
            <v/>
          </cell>
        </row>
        <row r="627">
          <cell r="DT627" t="str">
            <v/>
          </cell>
          <cell r="DU627" t="str">
            <v/>
          </cell>
        </row>
        <row r="628">
          <cell r="DT628" t="str">
            <v/>
          </cell>
          <cell r="DU628" t="str">
            <v/>
          </cell>
        </row>
        <row r="629">
          <cell r="DT629" t="str">
            <v/>
          </cell>
          <cell r="DU629" t="str">
            <v/>
          </cell>
        </row>
        <row r="630">
          <cell r="DT630" t="str">
            <v/>
          </cell>
          <cell r="DU630" t="str">
            <v/>
          </cell>
        </row>
        <row r="631">
          <cell r="DT631" t="str">
            <v/>
          </cell>
          <cell r="DU631" t="str">
            <v/>
          </cell>
        </row>
        <row r="632">
          <cell r="DT632" t="str">
            <v/>
          </cell>
          <cell r="DU632" t="str">
            <v/>
          </cell>
        </row>
        <row r="633">
          <cell r="DT633" t="str">
            <v/>
          </cell>
          <cell r="DU633" t="str">
            <v/>
          </cell>
        </row>
        <row r="634">
          <cell r="DT634" t="str">
            <v/>
          </cell>
          <cell r="DU634" t="str">
            <v/>
          </cell>
        </row>
        <row r="635">
          <cell r="DT635" t="str">
            <v/>
          </cell>
          <cell r="DU635" t="str">
            <v/>
          </cell>
        </row>
        <row r="636">
          <cell r="DT636" t="str">
            <v/>
          </cell>
          <cell r="DU636" t="str">
            <v/>
          </cell>
        </row>
        <row r="637">
          <cell r="DT637" t="str">
            <v/>
          </cell>
          <cell r="DU637" t="str">
            <v/>
          </cell>
        </row>
        <row r="638">
          <cell r="DT638" t="str">
            <v/>
          </cell>
          <cell r="DU638" t="str">
            <v/>
          </cell>
        </row>
        <row r="639">
          <cell r="DT639" t="str">
            <v/>
          </cell>
          <cell r="DU639" t="str">
            <v/>
          </cell>
        </row>
        <row r="640">
          <cell r="DT640" t="str">
            <v/>
          </cell>
          <cell r="DU640" t="str">
            <v/>
          </cell>
        </row>
        <row r="641">
          <cell r="DT641" t="str">
            <v/>
          </cell>
          <cell r="DU641" t="str">
            <v/>
          </cell>
        </row>
        <row r="642">
          <cell r="DT642" t="str">
            <v/>
          </cell>
          <cell r="DU642" t="str">
            <v/>
          </cell>
        </row>
        <row r="643">
          <cell r="DT643" t="str">
            <v/>
          </cell>
          <cell r="DU643" t="str">
            <v/>
          </cell>
        </row>
        <row r="644">
          <cell r="DT644" t="str">
            <v/>
          </cell>
          <cell r="DU644" t="str">
            <v/>
          </cell>
        </row>
        <row r="645">
          <cell r="DT645" t="str">
            <v/>
          </cell>
          <cell r="DU645" t="str">
            <v/>
          </cell>
        </row>
        <row r="646">
          <cell r="DT646" t="str">
            <v/>
          </cell>
          <cell r="DU646" t="str">
            <v/>
          </cell>
        </row>
        <row r="647">
          <cell r="DT647" t="str">
            <v/>
          </cell>
          <cell r="DU647" t="str">
            <v/>
          </cell>
        </row>
        <row r="648">
          <cell r="DT648" t="str">
            <v/>
          </cell>
          <cell r="DU648" t="str">
            <v/>
          </cell>
        </row>
        <row r="649">
          <cell r="DT649" t="str">
            <v/>
          </cell>
          <cell r="DU649" t="str">
            <v/>
          </cell>
        </row>
        <row r="650">
          <cell r="DT650" t="str">
            <v/>
          </cell>
          <cell r="DU650" t="str">
            <v/>
          </cell>
        </row>
        <row r="651">
          <cell r="DT651" t="str">
            <v/>
          </cell>
          <cell r="DU651" t="str">
            <v/>
          </cell>
        </row>
        <row r="652">
          <cell r="DT652" t="str">
            <v/>
          </cell>
          <cell r="DU652" t="str">
            <v/>
          </cell>
        </row>
        <row r="653">
          <cell r="DT653" t="str">
            <v/>
          </cell>
          <cell r="DU653" t="str">
            <v/>
          </cell>
        </row>
        <row r="654">
          <cell r="DT654" t="str">
            <v/>
          </cell>
          <cell r="DU654" t="str">
            <v/>
          </cell>
        </row>
        <row r="655">
          <cell r="DT655" t="str">
            <v/>
          </cell>
          <cell r="DU655" t="str">
            <v/>
          </cell>
        </row>
        <row r="656">
          <cell r="DT656" t="str">
            <v/>
          </cell>
          <cell r="DU656" t="str">
            <v/>
          </cell>
        </row>
        <row r="657">
          <cell r="DT657" t="str">
            <v/>
          </cell>
          <cell r="DU657" t="str">
            <v/>
          </cell>
        </row>
        <row r="658">
          <cell r="DT658" t="str">
            <v/>
          </cell>
          <cell r="DU658" t="str">
            <v/>
          </cell>
        </row>
        <row r="659">
          <cell r="DT659" t="str">
            <v/>
          </cell>
          <cell r="DU659" t="str">
            <v/>
          </cell>
        </row>
        <row r="660">
          <cell r="DT660" t="str">
            <v/>
          </cell>
          <cell r="DU660" t="str">
            <v/>
          </cell>
        </row>
        <row r="661">
          <cell r="DT661" t="str">
            <v/>
          </cell>
          <cell r="DU661" t="str">
            <v/>
          </cell>
        </row>
        <row r="662">
          <cell r="DT662" t="str">
            <v/>
          </cell>
          <cell r="DU662" t="str">
            <v/>
          </cell>
        </row>
        <row r="663">
          <cell r="DT663" t="str">
            <v/>
          </cell>
          <cell r="DU663" t="str">
            <v/>
          </cell>
        </row>
        <row r="664">
          <cell r="DT664" t="str">
            <v/>
          </cell>
          <cell r="DU664" t="str">
            <v/>
          </cell>
        </row>
        <row r="665">
          <cell r="DT665" t="str">
            <v/>
          </cell>
          <cell r="DU665" t="str">
            <v/>
          </cell>
        </row>
        <row r="666">
          <cell r="DT666" t="str">
            <v/>
          </cell>
          <cell r="DU666" t="str">
            <v/>
          </cell>
        </row>
        <row r="667">
          <cell r="DT667" t="str">
            <v/>
          </cell>
          <cell r="DU667" t="str">
            <v/>
          </cell>
        </row>
        <row r="668">
          <cell r="DT668" t="str">
            <v/>
          </cell>
          <cell r="DU668" t="str">
            <v/>
          </cell>
        </row>
        <row r="669">
          <cell r="DT669" t="str">
            <v/>
          </cell>
          <cell r="DU669" t="str">
            <v/>
          </cell>
        </row>
        <row r="670">
          <cell r="DT670" t="str">
            <v/>
          </cell>
          <cell r="DU670" t="str">
            <v/>
          </cell>
        </row>
        <row r="671">
          <cell r="DT671" t="str">
            <v/>
          </cell>
          <cell r="DU671" t="str">
            <v/>
          </cell>
        </row>
        <row r="672">
          <cell r="DT672" t="str">
            <v/>
          </cell>
          <cell r="DU672" t="str">
            <v/>
          </cell>
        </row>
        <row r="673">
          <cell r="DT673" t="str">
            <v/>
          </cell>
          <cell r="DU673" t="str">
            <v/>
          </cell>
        </row>
        <row r="674">
          <cell r="DT674" t="str">
            <v/>
          </cell>
          <cell r="DU674" t="str">
            <v/>
          </cell>
        </row>
        <row r="675">
          <cell r="DT675" t="str">
            <v/>
          </cell>
          <cell r="DU675" t="str">
            <v/>
          </cell>
        </row>
        <row r="676">
          <cell r="DT676" t="str">
            <v/>
          </cell>
          <cell r="DU676" t="str">
            <v/>
          </cell>
        </row>
        <row r="677">
          <cell r="DT677" t="str">
            <v/>
          </cell>
          <cell r="DU677" t="str">
            <v/>
          </cell>
        </row>
        <row r="678">
          <cell r="DT678" t="str">
            <v/>
          </cell>
          <cell r="DU678" t="str">
            <v/>
          </cell>
        </row>
        <row r="679">
          <cell r="DT679" t="str">
            <v/>
          </cell>
          <cell r="DU679" t="str">
            <v/>
          </cell>
        </row>
        <row r="680">
          <cell r="DT680" t="str">
            <v/>
          </cell>
          <cell r="DU680" t="str">
            <v/>
          </cell>
        </row>
        <row r="681">
          <cell r="DT681" t="str">
            <v/>
          </cell>
          <cell r="DU681" t="str">
            <v/>
          </cell>
        </row>
        <row r="682">
          <cell r="DT682" t="str">
            <v/>
          </cell>
          <cell r="DU682" t="str">
            <v/>
          </cell>
        </row>
        <row r="683">
          <cell r="DT683" t="str">
            <v/>
          </cell>
          <cell r="DU683" t="str">
            <v/>
          </cell>
        </row>
        <row r="684">
          <cell r="DT684" t="str">
            <v/>
          </cell>
          <cell r="DU684" t="str">
            <v/>
          </cell>
        </row>
        <row r="685">
          <cell r="DT685" t="str">
            <v/>
          </cell>
          <cell r="DU685" t="str">
            <v/>
          </cell>
        </row>
        <row r="686">
          <cell r="DT686" t="str">
            <v/>
          </cell>
          <cell r="DU686" t="str">
            <v/>
          </cell>
        </row>
        <row r="687">
          <cell r="DT687" t="str">
            <v/>
          </cell>
          <cell r="DU687" t="str">
            <v/>
          </cell>
        </row>
        <row r="688">
          <cell r="DT688" t="str">
            <v/>
          </cell>
          <cell r="DU688" t="str">
            <v/>
          </cell>
        </row>
        <row r="689">
          <cell r="DT689" t="str">
            <v/>
          </cell>
          <cell r="DU689" t="str">
            <v/>
          </cell>
        </row>
        <row r="690">
          <cell r="DT690" t="str">
            <v/>
          </cell>
          <cell r="DU690" t="str">
            <v/>
          </cell>
        </row>
        <row r="691">
          <cell r="DT691" t="str">
            <v/>
          </cell>
          <cell r="DU691" t="str">
            <v/>
          </cell>
        </row>
        <row r="692">
          <cell r="DT692" t="str">
            <v/>
          </cell>
          <cell r="DU692" t="str">
            <v/>
          </cell>
        </row>
        <row r="693">
          <cell r="DT693" t="str">
            <v/>
          </cell>
          <cell r="DU693" t="str">
            <v/>
          </cell>
        </row>
        <row r="694">
          <cell r="DT694" t="str">
            <v/>
          </cell>
          <cell r="DU694" t="str">
            <v/>
          </cell>
        </row>
        <row r="695">
          <cell r="DT695" t="str">
            <v/>
          </cell>
          <cell r="DU695" t="str">
            <v/>
          </cell>
        </row>
        <row r="696">
          <cell r="DT696" t="str">
            <v/>
          </cell>
          <cell r="DU696" t="str">
            <v/>
          </cell>
        </row>
        <row r="697">
          <cell r="DT697" t="str">
            <v/>
          </cell>
          <cell r="DU697" t="str">
            <v/>
          </cell>
        </row>
        <row r="698">
          <cell r="DT698" t="str">
            <v/>
          </cell>
          <cell r="DU698" t="str">
            <v/>
          </cell>
        </row>
        <row r="699">
          <cell r="DT699" t="str">
            <v/>
          </cell>
          <cell r="DU699" t="str">
            <v/>
          </cell>
        </row>
        <row r="700">
          <cell r="DT700" t="str">
            <v/>
          </cell>
          <cell r="DU700" t="str">
            <v/>
          </cell>
        </row>
      </sheetData>
      <sheetData sheetId="6"/>
      <sheetData sheetId="7"/>
      <sheetData sheetId="8"/>
      <sheetData sheetId="9"/>
      <sheetData sheetId="10"/>
      <sheetData sheetId="11" refreshError="1"/>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監督経歴"/>
      <sheetName val="MEMO"/>
      <sheetName val="工事費総括表"/>
      <sheetName val="内訳"/>
      <sheetName val="財産計算"/>
      <sheetName val="数量"/>
      <sheetName val="日数"/>
      <sheetName val="数量計算書"/>
      <sheetName val="距離計算"/>
      <sheetName val="一位代価"/>
      <sheetName val="資材単価"/>
      <sheetName val="損料"/>
      <sheetName val="市価"/>
      <sheetName val="歩掛"/>
      <sheetName val="表紙"/>
      <sheetName val="物品請求書"/>
      <sheetName val="物品受領書"/>
      <sheetName val="官給品使用明細書"/>
      <sheetName val="撤去品等発生通知書"/>
      <sheetName val="物品取得通知書"/>
      <sheetName val="撤去品等使用見込調書"/>
      <sheetName val="官給品仕訳"/>
      <sheetName val="現場監督報告書 (1)"/>
      <sheetName val="現場監督報告書 (2)"/>
      <sheetName val="営繕工事等明細書１"/>
      <sheetName val="営繕工事等受渡証書１"/>
      <sheetName val="営繕工事等明細書２"/>
      <sheetName val="営繕工事等受渡証書２"/>
      <sheetName val="検査調書１"/>
      <sheetName val="検査調書２"/>
      <sheetName val="監督終了報告書"/>
      <sheetName val="写真供覧"/>
      <sheetName val="府県別労務"/>
      <sheetName val="労務単価"/>
      <sheetName val="H13労務単価"/>
      <sheetName val="H13技術者単価"/>
      <sheetName val="その他率"/>
      <sheetName val="決議書　1"/>
      <sheetName val="決議書　2"/>
    </sheetNames>
    <sheetDataSet>
      <sheetData sheetId="0" refreshError="1">
        <row r="3">
          <cell r="C3" t="str">
            <v>贄浦港西防波堤灯台新設工事</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内訳表"/>
      <sheetName val="工事費内訳表"/>
      <sheetName val="一位代価表"/>
    </sheetNames>
    <sheetDataSet>
      <sheetData sheetId="0"/>
      <sheetData sheetId="1">
        <row r="11">
          <cell r="H11">
            <v>447832</v>
          </cell>
        </row>
        <row r="43">
          <cell r="H43">
            <v>376116</v>
          </cell>
        </row>
        <row r="69">
          <cell r="H69">
            <v>638323</v>
          </cell>
        </row>
      </sheetData>
      <sheetData sheetId="2">
        <row r="147">
          <cell r="F147">
            <v>7761</v>
          </cell>
        </row>
        <row r="223">
          <cell r="F223">
            <v>8447</v>
          </cell>
        </row>
      </sheetData>
    </sheetDataSet>
  </externalBook>
</externalLink>
</file>

<file path=xl/externalLinks/externalLink7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鉄骨集計"/>
      <sheetName val="鉄骨拾い"/>
      <sheetName val="鉄骨DATA"/>
    </sheetNames>
    <sheetDataSet>
      <sheetData sheetId="0" refreshError="1"/>
      <sheetData sheetId="1" refreshError="1"/>
      <sheetData sheetId="2">
        <row r="2">
          <cell r="A2" t="str">
            <v>SS400</v>
          </cell>
        </row>
        <row r="3">
          <cell r="A3" t="str">
            <v>SN400A</v>
          </cell>
        </row>
        <row r="4">
          <cell r="A4" t="str">
            <v>SN400B</v>
          </cell>
        </row>
        <row r="5">
          <cell r="A5" t="str">
            <v>SN490C</v>
          </cell>
        </row>
        <row r="6">
          <cell r="A6" t="str">
            <v>STKR400</v>
          </cell>
        </row>
        <row r="7">
          <cell r="A7" t="str">
            <v>STK400</v>
          </cell>
        </row>
        <row r="8">
          <cell r="A8" t="str">
            <v>BCR295</v>
          </cell>
        </row>
        <row r="9">
          <cell r="A9" t="str">
            <v>SSC400</v>
          </cell>
        </row>
      </sheetData>
    </sheetDataSet>
  </externalBook>
</externalLink>
</file>

<file path=xl/externalLinks/externalLink7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7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目次"/>
      <sheetName val="1"/>
      <sheetName val="2"/>
      <sheetName val="3"/>
      <sheetName val="4"/>
      <sheetName val="5"/>
      <sheetName val="6"/>
      <sheetName val="7"/>
      <sheetName val="8"/>
      <sheetName val="9"/>
      <sheetName val="10"/>
      <sheetName val="11"/>
      <sheetName val="12"/>
      <sheetName val="13"/>
    </sheetNames>
    <sheetDataSet>
      <sheetData sheetId="0">
        <row r="2">
          <cell r="B2" t="str">
            <v>H13.5版</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7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
      <sheetName val="土工集計"/>
      <sheetName val="付帯・土工"/>
      <sheetName val="本管"/>
      <sheetName val="本管土工"/>
      <sheetName val="取付管"/>
      <sheetName val="人孔数量"/>
      <sheetName val="人孔"/>
      <sheetName val="躯体"/>
      <sheetName val="鉄筋"/>
    </sheetNames>
    <sheetDataSet>
      <sheetData sheetId="0"/>
      <sheetData sheetId="1">
        <row r="2">
          <cell r="B2" t="str">
            <v>場内整備土工集計表</v>
          </cell>
        </row>
        <row r="3">
          <cell r="B3" t="str">
            <v>場     所</v>
          </cell>
          <cell r="C3" t="str">
            <v>機械掘削</v>
          </cell>
          <cell r="D3" t="str">
            <v>人力掘削</v>
          </cell>
          <cell r="E3" t="str">
            <v>埋戻し(機械)</v>
          </cell>
          <cell r="F3" t="str">
            <v>埋戻し(人力)</v>
          </cell>
          <cell r="G3" t="str">
            <v>砂基礎(人力)</v>
          </cell>
          <cell r="H3" t="str">
            <v>床均し</v>
          </cell>
          <cell r="I3" t="str">
            <v>残土</v>
          </cell>
          <cell r="J3" t="str">
            <v>摘   要</v>
          </cell>
        </row>
        <row r="4">
          <cell r="C4" t="str">
            <v>(m3)</v>
          </cell>
          <cell r="D4" t="str">
            <v>(m3)</v>
          </cell>
          <cell r="E4" t="str">
            <v>(m3)</v>
          </cell>
          <cell r="F4" t="str">
            <v>(m3)</v>
          </cell>
          <cell r="G4" t="str">
            <v>(m3)</v>
          </cell>
          <cell r="H4" t="str">
            <v>(m2)</v>
          </cell>
          <cell r="I4" t="str">
            <v>(m3)</v>
          </cell>
        </row>
        <row r="5">
          <cell r="B5" t="str">
            <v>本管</v>
          </cell>
          <cell r="C5">
            <v>596.80816875000005</v>
          </cell>
          <cell r="E5">
            <v>360.71999999999997</v>
          </cell>
          <cell r="G5">
            <v>153.69</v>
          </cell>
          <cell r="H5">
            <v>212.49375000000001</v>
          </cell>
          <cell r="I5">
            <v>443.11816875000011</v>
          </cell>
        </row>
        <row r="6">
          <cell r="B6" t="str">
            <v>取付管</v>
          </cell>
          <cell r="C6">
            <v>32.83</v>
          </cell>
          <cell r="E6">
            <v>31.299999999999997</v>
          </cell>
          <cell r="I6">
            <v>1.53</v>
          </cell>
        </row>
        <row r="7">
          <cell r="B7" t="str">
            <v>人孔</v>
          </cell>
          <cell r="C7">
            <v>80.729874999999993</v>
          </cell>
          <cell r="E7">
            <v>48.999491284624995</v>
          </cell>
          <cell r="H7">
            <v>32.164999999999999</v>
          </cell>
          <cell r="I7">
            <v>31.730383715374998</v>
          </cell>
        </row>
        <row r="8">
          <cell r="B8" t="str">
            <v>集水桝(A)</v>
          </cell>
          <cell r="C8">
            <v>12.26</v>
          </cell>
          <cell r="F8">
            <v>8.27</v>
          </cell>
          <cell r="H8">
            <v>4.8600000000000003</v>
          </cell>
          <cell r="I8">
            <v>3.99</v>
          </cell>
        </row>
        <row r="9">
          <cell r="B9" t="str">
            <v>集水桝(B)</v>
          </cell>
          <cell r="C9">
            <v>4.8499999999999996</v>
          </cell>
          <cell r="F9">
            <v>3.39</v>
          </cell>
          <cell r="H9">
            <v>1.62</v>
          </cell>
          <cell r="I9">
            <v>1.4599999999999995</v>
          </cell>
        </row>
        <row r="10">
          <cell r="B10" t="str">
            <v>集水桝(C)</v>
          </cell>
          <cell r="C10">
            <v>3.31</v>
          </cell>
          <cell r="F10">
            <v>2.4500000000000002</v>
          </cell>
          <cell r="H10">
            <v>0.81</v>
          </cell>
          <cell r="I10">
            <v>0.85999999999999988</v>
          </cell>
        </row>
        <row r="11">
          <cell r="B11" t="str">
            <v>集水桝(D)</v>
          </cell>
          <cell r="C11">
            <v>1</v>
          </cell>
          <cell r="F11">
            <v>0.8</v>
          </cell>
          <cell r="H11">
            <v>0.48</v>
          </cell>
          <cell r="I11">
            <v>0.19999999999999996</v>
          </cell>
        </row>
        <row r="12">
          <cell r="B12" t="str">
            <v>ﾒｯｼｭﾌｪﾝｽ門扉</v>
          </cell>
          <cell r="D12">
            <v>0.4</v>
          </cell>
          <cell r="F12">
            <v>0.2</v>
          </cell>
          <cell r="I12">
            <v>0.2</v>
          </cell>
        </row>
        <row r="13">
          <cell r="B13" t="str">
            <v>ﾒｯｼｭﾌｪﾝｽ</v>
          </cell>
          <cell r="D13">
            <v>21</v>
          </cell>
          <cell r="F13">
            <v>14.8</v>
          </cell>
          <cell r="I13">
            <v>6.1999999999999993</v>
          </cell>
        </row>
        <row r="14">
          <cell r="B14" t="str">
            <v>歩車道境界ﾌﾞﾛｯｸ</v>
          </cell>
          <cell r="C14">
            <v>4.1900000000000004</v>
          </cell>
          <cell r="F14">
            <v>1.85</v>
          </cell>
          <cell r="H14">
            <v>11.96</v>
          </cell>
          <cell r="I14">
            <v>2.3400000000000003</v>
          </cell>
        </row>
        <row r="15">
          <cell r="B15" t="str">
            <v>横断工(300×300)</v>
          </cell>
          <cell r="C15">
            <v>4.5</v>
          </cell>
          <cell r="F15">
            <v>1.69</v>
          </cell>
          <cell r="H15">
            <v>5.25</v>
          </cell>
          <cell r="I15">
            <v>2.81</v>
          </cell>
        </row>
        <row r="16">
          <cell r="B16" t="str">
            <v>U字(300)側溝</v>
          </cell>
          <cell r="C16">
            <v>85.71</v>
          </cell>
          <cell r="F16">
            <v>34.89</v>
          </cell>
          <cell r="H16">
            <v>108.48</v>
          </cell>
          <cell r="I16">
            <v>50.819999999999993</v>
          </cell>
        </row>
        <row r="17">
          <cell r="B17" t="str">
            <v>LU型街渠</v>
          </cell>
          <cell r="C17">
            <v>204.59</v>
          </cell>
          <cell r="F17">
            <v>115.06</v>
          </cell>
          <cell r="H17">
            <v>238.52</v>
          </cell>
          <cell r="I17">
            <v>89.53</v>
          </cell>
        </row>
        <row r="18">
          <cell r="B18" t="str">
            <v>LU型街渠用集水桝</v>
          </cell>
          <cell r="C18">
            <v>8.52</v>
          </cell>
          <cell r="F18">
            <v>5.98</v>
          </cell>
          <cell r="H18">
            <v>4.5599999999999996</v>
          </cell>
          <cell r="I18">
            <v>2.5399999999999991</v>
          </cell>
        </row>
        <row r="19">
          <cell r="I19">
            <v>0</v>
          </cell>
        </row>
        <row r="20">
          <cell r="I20">
            <v>0</v>
          </cell>
        </row>
        <row r="21">
          <cell r="I21">
            <v>0</v>
          </cell>
        </row>
        <row r="22">
          <cell r="I22">
            <v>0</v>
          </cell>
        </row>
        <row r="23">
          <cell r="B23" t="str">
            <v>合     計</v>
          </cell>
          <cell r="C23">
            <v>1039.29804375</v>
          </cell>
          <cell r="D23">
            <v>21.4</v>
          </cell>
          <cell r="E23">
            <v>441.01949128462496</v>
          </cell>
          <cell r="F23">
            <v>189.38</v>
          </cell>
          <cell r="G23">
            <v>153.69</v>
          </cell>
          <cell r="H23">
            <v>621.19875000000002</v>
          </cell>
          <cell r="I23">
            <v>637.32855246537497</v>
          </cell>
          <cell r="J23">
            <v>0</v>
          </cell>
        </row>
      </sheetData>
      <sheetData sheetId="2"/>
      <sheetData sheetId="3"/>
      <sheetData sheetId="4"/>
      <sheetData sheetId="5"/>
      <sheetData sheetId="6"/>
      <sheetData sheetId="7"/>
      <sheetData sheetId="8"/>
      <sheetData sheetId="9"/>
    </sheetDataSet>
  </externalBook>
</externalLink>
</file>

<file path=xl/externalLinks/externalLink7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7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表"/>
      <sheetName val="内訳一覧表"/>
      <sheetName val="設計書"/>
      <sheetName val="１～10号明細書"/>
      <sheetName val="１～10号明細書金抜き"/>
      <sheetName val="Sheet1"/>
      <sheetName val="Sheet2"/>
    </sheetNames>
    <sheetDataSet>
      <sheetData sheetId="0"/>
      <sheetData sheetId="1"/>
      <sheetData sheetId="2">
        <row r="65">
          <cell r="AN65" t="str">
            <v xml:space="preserve"> 平成  １４年度</v>
          </cell>
          <cell r="AO65" t="str">
            <v>第　  　号</v>
          </cell>
          <cell r="AQ65" t="str">
            <v>工　事　設　計　書</v>
          </cell>
          <cell r="AT65" t="str">
            <v xml:space="preserve"> 四 　日 　市 　市</v>
          </cell>
        </row>
        <row r="67">
          <cell r="AN67" t="str">
            <v xml:space="preserve"> 排 水 区 名</v>
          </cell>
          <cell r="AU67" t="str">
            <v xml:space="preserve"> </v>
          </cell>
        </row>
        <row r="68">
          <cell r="AS68" t="str">
            <v xml:space="preserve">   審査　 　 　　年 　  　　　月　   　 　日</v>
          </cell>
        </row>
        <row r="69">
          <cell r="AN69" t="str">
            <v xml:space="preserve"> 施 工 地 名</v>
          </cell>
          <cell r="AP69" t="str">
            <v>四日市市　寿町　地内</v>
          </cell>
          <cell r="AS69" t="str">
            <v>課長</v>
          </cell>
          <cell r="AU69" t="str">
            <v>副参事</v>
          </cell>
          <cell r="AW69" t="str">
            <v>係長</v>
          </cell>
        </row>
        <row r="71">
          <cell r="AN71" t="str">
            <v xml:space="preserve"> 工 　　　種</v>
          </cell>
          <cell r="AP71" t="str">
            <v>日永浄化ｾﾝﾀｰ監視制御装置改修工事</v>
          </cell>
          <cell r="AS71" t="str">
            <v>場長</v>
          </cell>
          <cell r="AU71" t="str">
            <v>課長</v>
          </cell>
          <cell r="AW71" t="str">
            <v>主幹</v>
          </cell>
        </row>
        <row r="72">
          <cell r="AU72" t="str">
            <v>補佐</v>
          </cell>
        </row>
        <row r="73">
          <cell r="AN73" t="str">
            <v xml:space="preserve"> 工　   　費</v>
          </cell>
          <cell r="AP73" t="str">
            <v>　　一金</v>
          </cell>
          <cell r="AR73" t="str">
            <v>円也</v>
          </cell>
          <cell r="AS73" t="str">
            <v xml:space="preserve"> 　設計 　  　　年   　 　　　月    　　　日</v>
          </cell>
        </row>
        <row r="74">
          <cell r="AS74" t="str">
            <v>設計</v>
          </cell>
          <cell r="AV74" t="str">
            <v>検  算</v>
          </cell>
        </row>
        <row r="75">
          <cell r="AN75" t="str">
            <v xml:space="preserve"> 工　   　期</v>
          </cell>
          <cell r="AP75" t="str">
            <v>契約の日より　平成　１４年　２月　２０日　　限り</v>
          </cell>
        </row>
        <row r="76">
          <cell r="AN76" t="str">
            <v>　　　　　　　工　　事　　ノ　　大　　要</v>
          </cell>
          <cell r="AR76" t="str">
            <v>　　　　  　　起  　　工  　　理  　　由</v>
          </cell>
        </row>
        <row r="77">
          <cell r="AN77" t="str">
            <v/>
          </cell>
          <cell r="AQ77">
            <v>0</v>
          </cell>
        </row>
        <row r="78">
          <cell r="AN78" t="str">
            <v/>
          </cell>
          <cell r="AQ78">
            <v>0</v>
          </cell>
        </row>
        <row r="79">
          <cell r="AN79" t="str">
            <v/>
          </cell>
          <cell r="AQ79">
            <v>0</v>
          </cell>
        </row>
        <row r="80">
          <cell r="AN80" t="str">
            <v/>
          </cell>
        </row>
        <row r="81">
          <cell r="AN81" t="str">
            <v/>
          </cell>
        </row>
        <row r="82">
          <cell r="AN82" t="str">
            <v/>
          </cell>
        </row>
        <row r="83">
          <cell r="AN83" t="str">
            <v/>
          </cell>
        </row>
        <row r="84">
          <cell r="AN84" t="str">
            <v/>
          </cell>
          <cell r="AR84" t="str">
            <v/>
          </cell>
        </row>
        <row r="85">
          <cell r="AN85" t="str">
            <v/>
          </cell>
          <cell r="AR85" t="str">
            <v/>
          </cell>
        </row>
        <row r="86">
          <cell r="AN86" t="str">
            <v>　　設    計    書    用    紙</v>
          </cell>
          <cell r="AU86" t="str">
            <v>四    日    市    市</v>
          </cell>
        </row>
      </sheetData>
      <sheetData sheetId="3"/>
      <sheetData sheetId="4"/>
      <sheetData sheetId="5"/>
      <sheetData sheetId="6"/>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積算書"/>
      <sheetName val="内訳明細書"/>
      <sheetName val="一位代価表"/>
      <sheetName val="内訳明細書 (2)"/>
      <sheetName val="見積01"/>
    </sheetNames>
    <sheetDataSet>
      <sheetData sheetId="0" refreshError="1"/>
      <sheetData sheetId="1" refreshError="1"/>
      <sheetData sheetId="2" refreshError="1"/>
      <sheetData sheetId="3" refreshError="1"/>
      <sheetData sheetId="4" refreshError="1"/>
    </sheetDataSet>
  </externalBook>
</externalLink>
</file>

<file path=xl/externalLinks/externalLink8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決議書　１枚目"/>
      <sheetName val="決議書　２枚目"/>
      <sheetName val="推薦理由書"/>
      <sheetName val="一位代価"/>
      <sheetName val="予定価格内訳"/>
      <sheetName val="工事総括"/>
      <sheetName val="内訳表紙"/>
      <sheetName val="特定材料"/>
      <sheetName val="工程"/>
      <sheetName val="標識別内訳"/>
      <sheetName val="公開様式"/>
      <sheetName val="再使用品"/>
      <sheetName val="廃棄機器"/>
      <sheetName val="技術者算出"/>
      <sheetName val="ｹｰﾌﾞﾙｺﾈｸﾀ"/>
      <sheetName val="積算根拠"/>
    </sheetNames>
    <sheetDataSet>
      <sheetData sheetId="0" refreshError="1"/>
      <sheetData sheetId="1" refreshError="1"/>
      <sheetData sheetId="2" refreshError="1"/>
      <sheetData sheetId="3"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移動体通信式灯台監視装置</v>
          </cell>
          <cell r="C2" t="str">
            <v>取付</v>
          </cell>
          <cell r="D2" t="str">
            <v>MS95</v>
          </cell>
          <cell r="E2" t="str">
            <v>式</v>
          </cell>
          <cell r="F2">
            <v>1</v>
          </cell>
          <cell r="H2">
            <v>18809.8</v>
          </cell>
          <cell r="I2" t="str">
            <v>海電 P2-30</v>
          </cell>
          <cell r="S2">
            <v>1</v>
          </cell>
          <cell r="T2">
            <v>1</v>
          </cell>
        </row>
        <row r="3">
          <cell r="C3" t="str">
            <v>ホーク・アンカーボルト</v>
          </cell>
          <cell r="D3" t="str">
            <v>SUS B1070</v>
          </cell>
          <cell r="E3" t="str">
            <v>本</v>
          </cell>
          <cell r="F3">
            <v>4</v>
          </cell>
          <cell r="G3">
            <v>265</v>
          </cell>
          <cell r="H3">
            <v>1060</v>
          </cell>
          <cell r="I3" t="str">
            <v>物 P45</v>
          </cell>
        </row>
        <row r="4">
          <cell r="C4" t="str">
            <v>電工</v>
          </cell>
          <cell r="E4" t="str">
            <v>人</v>
          </cell>
          <cell r="F4">
            <v>0.6</v>
          </cell>
          <cell r="G4">
            <v>17400</v>
          </cell>
          <cell r="H4">
            <v>10440</v>
          </cell>
          <cell r="I4" t="str">
            <v>三重県</v>
          </cell>
        </row>
        <row r="5">
          <cell r="C5" t="str">
            <v>普通作業員</v>
          </cell>
          <cell r="E5" t="str">
            <v>人</v>
          </cell>
          <cell r="F5">
            <v>0.3</v>
          </cell>
          <cell r="G5">
            <v>17100</v>
          </cell>
          <cell r="H5">
            <v>5130</v>
          </cell>
          <cell r="I5" t="str">
            <v>三重県</v>
          </cell>
        </row>
        <row r="6">
          <cell r="C6" t="str">
            <v>その他</v>
          </cell>
          <cell r="D6" t="str">
            <v>（労）×１４％</v>
          </cell>
          <cell r="E6" t="str">
            <v>式</v>
          </cell>
          <cell r="F6">
            <v>1</v>
          </cell>
          <cell r="H6">
            <v>2179.8000000000002</v>
          </cell>
          <cell r="I6">
            <v>15570</v>
          </cell>
          <cell r="K6" t="str">
            <v>×</v>
          </cell>
          <cell r="L6">
            <v>0.14000000000000001</v>
          </cell>
        </row>
        <row r="8">
          <cell r="A8">
            <v>2</v>
          </cell>
          <cell r="B8" t="str">
            <v>保護端子函ＳＰＴ－ＢＯＸ</v>
          </cell>
          <cell r="C8" t="str">
            <v>取付</v>
          </cell>
          <cell r="D8" t="str">
            <v>移動体８項目用（制御有）</v>
          </cell>
          <cell r="E8" t="str">
            <v>式</v>
          </cell>
          <cell r="F8">
            <v>1</v>
          </cell>
          <cell r="H8">
            <v>131430</v>
          </cell>
          <cell r="T8">
            <v>1</v>
          </cell>
        </row>
        <row r="9">
          <cell r="C9" t="str">
            <v>保護端子函ＳＰＴ－ＢＯＸ</v>
          </cell>
          <cell r="D9" t="str">
            <v>移動体８項目用（制御有）</v>
          </cell>
          <cell r="E9" t="str">
            <v>個</v>
          </cell>
          <cell r="F9">
            <v>1</v>
          </cell>
          <cell r="H9">
            <v>121000</v>
          </cell>
          <cell r="I9" t="str">
            <v>市価</v>
          </cell>
          <cell r="R9" t="str">
            <v>特定材料A</v>
          </cell>
        </row>
        <row r="10">
          <cell r="C10" t="str">
            <v>ﾎｰｸｽﾄﾗｲｸｱﾝｶｰﾎﾞﾙﾄ</v>
          </cell>
          <cell r="D10" t="str">
            <v>SUS304 M6×45</v>
          </cell>
          <cell r="E10" t="str">
            <v>本</v>
          </cell>
          <cell r="F10">
            <v>4</v>
          </cell>
          <cell r="G10">
            <v>128</v>
          </cell>
          <cell r="H10">
            <v>512</v>
          </cell>
          <cell r="I10" t="str">
            <v>物 P46</v>
          </cell>
        </row>
        <row r="11">
          <cell r="C11" t="str">
            <v>電工</v>
          </cell>
          <cell r="E11" t="str">
            <v>人</v>
          </cell>
          <cell r="F11">
            <v>0.5</v>
          </cell>
          <cell r="G11">
            <v>17400</v>
          </cell>
          <cell r="H11">
            <v>8700</v>
          </cell>
          <cell r="I11" t="str">
            <v>三重県</v>
          </cell>
        </row>
        <row r="12">
          <cell r="C12" t="str">
            <v>その他</v>
          </cell>
          <cell r="D12" t="str">
            <v>（労）×１４％</v>
          </cell>
          <cell r="E12" t="str">
            <v>式</v>
          </cell>
          <cell r="F12">
            <v>1</v>
          </cell>
          <cell r="H12">
            <v>1218</v>
          </cell>
          <cell r="I12">
            <v>8700</v>
          </cell>
          <cell r="K12" t="str">
            <v>×</v>
          </cell>
          <cell r="L12">
            <v>0.14000000000000001</v>
          </cell>
        </row>
        <row r="14">
          <cell r="A14">
            <v>3</v>
          </cell>
          <cell r="B14" t="str">
            <v>電線管</v>
          </cell>
          <cell r="C14" t="str">
            <v>VE28</v>
          </cell>
          <cell r="D14" t="str">
            <v>露出配管</v>
          </cell>
          <cell r="E14" t="str">
            <v>ｍ</v>
          </cell>
          <cell r="F14">
            <v>1</v>
          </cell>
          <cell r="H14">
            <v>1745.2599999999998</v>
          </cell>
          <cell r="I14" t="str">
            <v>建 P578</v>
          </cell>
        </row>
        <row r="15">
          <cell r="C15" t="str">
            <v>電線管</v>
          </cell>
          <cell r="D15" t="str">
            <v>VE28</v>
          </cell>
          <cell r="E15" t="str">
            <v>ｍ</v>
          </cell>
          <cell r="F15">
            <v>1.1000000000000001</v>
          </cell>
          <cell r="G15">
            <v>130</v>
          </cell>
          <cell r="H15">
            <v>143</v>
          </cell>
          <cell r="I15" t="str">
            <v>積 P519 中部</v>
          </cell>
          <cell r="L15">
            <v>520</v>
          </cell>
          <cell r="M15" t="str">
            <v>÷</v>
          </cell>
          <cell r="N15">
            <v>4</v>
          </cell>
        </row>
        <row r="16">
          <cell r="C16" t="str">
            <v>付属品</v>
          </cell>
          <cell r="D16" t="str">
            <v>電線管×３０％</v>
          </cell>
          <cell r="E16" t="str">
            <v>式</v>
          </cell>
          <cell r="F16">
            <v>1</v>
          </cell>
          <cell r="H16">
            <v>39</v>
          </cell>
          <cell r="I16">
            <v>130</v>
          </cell>
          <cell r="K16" t="str">
            <v>×</v>
          </cell>
          <cell r="L16">
            <v>0.3</v>
          </cell>
        </row>
        <row r="17">
          <cell r="C17" t="str">
            <v>雑材料</v>
          </cell>
          <cell r="D17" t="str">
            <v>（材）×５％</v>
          </cell>
          <cell r="E17" t="str">
            <v>式</v>
          </cell>
          <cell r="F17">
            <v>1</v>
          </cell>
          <cell r="H17">
            <v>9.1</v>
          </cell>
          <cell r="I17">
            <v>182</v>
          </cell>
          <cell r="K17" t="str">
            <v>×</v>
          </cell>
          <cell r="L17">
            <v>0.05</v>
          </cell>
        </row>
        <row r="18">
          <cell r="C18" t="str">
            <v>電工</v>
          </cell>
          <cell r="E18" t="str">
            <v>人</v>
          </cell>
          <cell r="F18">
            <v>7.6999999999999999E-2</v>
          </cell>
          <cell r="G18">
            <v>17400</v>
          </cell>
          <cell r="H18">
            <v>1339.8</v>
          </cell>
          <cell r="I18" t="str">
            <v>三重県</v>
          </cell>
          <cell r="J18">
            <v>6.4000000000000001E-2</v>
          </cell>
          <cell r="K18" t="str">
            <v>×</v>
          </cell>
          <cell r="L18">
            <v>1.2</v>
          </cell>
          <cell r="T18">
            <v>6</v>
          </cell>
        </row>
        <row r="19">
          <cell r="C19" t="str">
            <v>その他</v>
          </cell>
          <cell r="D19" t="str">
            <v>（労）×１６％</v>
          </cell>
          <cell r="E19" t="str">
            <v>式</v>
          </cell>
          <cell r="F19">
            <v>1</v>
          </cell>
          <cell r="H19">
            <v>214.36</v>
          </cell>
          <cell r="I19">
            <v>1339.8</v>
          </cell>
          <cell r="K19" t="str">
            <v>×</v>
          </cell>
          <cell r="L19">
            <v>0.16</v>
          </cell>
        </row>
        <row r="23">
          <cell r="A23">
            <v>4</v>
          </cell>
          <cell r="B23" t="str">
            <v>電線管</v>
          </cell>
          <cell r="C23" t="str">
            <v>VE22</v>
          </cell>
          <cell r="D23" t="str">
            <v>露出配管</v>
          </cell>
          <cell r="E23" t="str">
            <v>ｍ</v>
          </cell>
          <cell r="F23">
            <v>1</v>
          </cell>
          <cell r="H23">
            <v>1407.51</v>
          </cell>
          <cell r="I23" t="str">
            <v>建 P578</v>
          </cell>
        </row>
        <row r="24">
          <cell r="C24" t="str">
            <v>電線管</v>
          </cell>
          <cell r="D24" t="str">
            <v>VE22</v>
          </cell>
          <cell r="E24" t="str">
            <v>ｍ</v>
          </cell>
          <cell r="F24">
            <v>1.1000000000000001</v>
          </cell>
          <cell r="G24">
            <v>65</v>
          </cell>
          <cell r="H24">
            <v>71.5</v>
          </cell>
          <cell r="I24" t="str">
            <v>積 P519 中部</v>
          </cell>
          <cell r="L24">
            <v>260</v>
          </cell>
          <cell r="M24" t="str">
            <v>÷</v>
          </cell>
          <cell r="N24">
            <v>4</v>
          </cell>
        </row>
        <row r="25">
          <cell r="C25" t="str">
            <v>付属品</v>
          </cell>
          <cell r="D25" t="str">
            <v>電線管×３０％</v>
          </cell>
          <cell r="E25" t="str">
            <v>式</v>
          </cell>
          <cell r="F25">
            <v>1</v>
          </cell>
          <cell r="H25">
            <v>19.5</v>
          </cell>
          <cell r="I25">
            <v>65</v>
          </cell>
          <cell r="K25" t="str">
            <v>×</v>
          </cell>
          <cell r="L25">
            <v>0.3</v>
          </cell>
        </row>
        <row r="26">
          <cell r="C26" t="str">
            <v>雑材料</v>
          </cell>
          <cell r="D26" t="str">
            <v>（材）×５％</v>
          </cell>
          <cell r="E26" t="str">
            <v>式</v>
          </cell>
          <cell r="F26">
            <v>1</v>
          </cell>
          <cell r="H26">
            <v>4.55</v>
          </cell>
          <cell r="I26">
            <v>91</v>
          </cell>
          <cell r="K26" t="str">
            <v>×</v>
          </cell>
          <cell r="L26">
            <v>0.05</v>
          </cell>
        </row>
        <row r="27">
          <cell r="C27" t="str">
            <v>電工</v>
          </cell>
          <cell r="E27" t="str">
            <v>人</v>
          </cell>
          <cell r="F27">
            <v>6.5000000000000002E-2</v>
          </cell>
          <cell r="G27">
            <v>17400</v>
          </cell>
          <cell r="H27">
            <v>1131</v>
          </cell>
          <cell r="I27" t="str">
            <v>三重県</v>
          </cell>
          <cell r="J27">
            <v>5.3999999999999999E-2</v>
          </cell>
          <cell r="K27" t="str">
            <v>×</v>
          </cell>
          <cell r="L27">
            <v>1.2</v>
          </cell>
          <cell r="T27">
            <v>6</v>
          </cell>
        </row>
        <row r="28">
          <cell r="C28" t="str">
            <v>その他</v>
          </cell>
          <cell r="D28" t="str">
            <v>（労）×１６％</v>
          </cell>
          <cell r="E28" t="str">
            <v>式</v>
          </cell>
          <cell r="F28">
            <v>1</v>
          </cell>
          <cell r="H28">
            <v>180.96</v>
          </cell>
          <cell r="I28">
            <v>1131</v>
          </cell>
          <cell r="K28" t="str">
            <v>×</v>
          </cell>
          <cell r="L28">
            <v>0.16</v>
          </cell>
        </row>
        <row r="30">
          <cell r="A30">
            <v>5</v>
          </cell>
          <cell r="B30" t="str">
            <v>電線管</v>
          </cell>
          <cell r="C30" t="str">
            <v>VE16</v>
          </cell>
          <cell r="D30" t="str">
            <v>露出配管</v>
          </cell>
          <cell r="E30" t="str">
            <v>ｍ</v>
          </cell>
          <cell r="F30">
            <v>1</v>
          </cell>
          <cell r="H30">
            <v>1154.27</v>
          </cell>
          <cell r="I30" t="str">
            <v>建 P578</v>
          </cell>
        </row>
        <row r="31">
          <cell r="C31" t="str">
            <v>電線管</v>
          </cell>
          <cell r="D31" t="str">
            <v>VE16</v>
          </cell>
          <cell r="E31" t="str">
            <v>ｍ</v>
          </cell>
          <cell r="F31">
            <v>1.1000000000000001</v>
          </cell>
          <cell r="G31">
            <v>57.5</v>
          </cell>
          <cell r="H31">
            <v>63.25</v>
          </cell>
          <cell r="I31" t="str">
            <v>積 P519 中部</v>
          </cell>
          <cell r="L31">
            <v>230</v>
          </cell>
          <cell r="M31" t="str">
            <v>÷</v>
          </cell>
          <cell r="N31">
            <v>4</v>
          </cell>
        </row>
        <row r="32">
          <cell r="C32" t="str">
            <v>付属品</v>
          </cell>
          <cell r="D32" t="str">
            <v>電線管×３０％</v>
          </cell>
          <cell r="E32" t="str">
            <v>式</v>
          </cell>
          <cell r="F32">
            <v>1</v>
          </cell>
          <cell r="H32">
            <v>17.25</v>
          </cell>
          <cell r="I32">
            <v>57.5</v>
          </cell>
          <cell r="K32" t="str">
            <v>×</v>
          </cell>
          <cell r="L32">
            <v>0.3</v>
          </cell>
        </row>
        <row r="33">
          <cell r="C33" t="str">
            <v>雑材料</v>
          </cell>
          <cell r="D33" t="str">
            <v>（材）×５％</v>
          </cell>
          <cell r="E33" t="str">
            <v>式</v>
          </cell>
          <cell r="F33">
            <v>1</v>
          </cell>
          <cell r="H33">
            <v>4.0199999999999996</v>
          </cell>
          <cell r="I33">
            <v>80.5</v>
          </cell>
          <cell r="K33" t="str">
            <v>×</v>
          </cell>
          <cell r="L33">
            <v>0.05</v>
          </cell>
        </row>
        <row r="34">
          <cell r="C34" t="str">
            <v>電工</v>
          </cell>
          <cell r="E34" t="str">
            <v>人</v>
          </cell>
          <cell r="F34">
            <v>5.2999999999999999E-2</v>
          </cell>
          <cell r="G34">
            <v>17400</v>
          </cell>
          <cell r="H34">
            <v>922.2</v>
          </cell>
          <cell r="I34" t="str">
            <v>三重県</v>
          </cell>
          <cell r="J34">
            <v>4.3999999999999997E-2</v>
          </cell>
          <cell r="K34" t="str">
            <v>×</v>
          </cell>
          <cell r="L34">
            <v>1.2</v>
          </cell>
          <cell r="T34">
            <v>6</v>
          </cell>
        </row>
        <row r="35">
          <cell r="C35" t="str">
            <v>その他</v>
          </cell>
          <cell r="D35" t="str">
            <v>（労）×１６％</v>
          </cell>
          <cell r="E35" t="str">
            <v>式</v>
          </cell>
          <cell r="F35">
            <v>1</v>
          </cell>
          <cell r="H35">
            <v>147.55000000000001</v>
          </cell>
          <cell r="I35">
            <v>922.2</v>
          </cell>
          <cell r="K35" t="str">
            <v>×</v>
          </cell>
          <cell r="L35">
            <v>0.16</v>
          </cell>
        </row>
        <row r="37">
          <cell r="A37">
            <v>6</v>
          </cell>
          <cell r="B37" t="str">
            <v>配線</v>
          </cell>
          <cell r="C37" t="str">
            <v>VVR5.5sq×2C</v>
          </cell>
          <cell r="D37" t="str">
            <v>管内（VE）</v>
          </cell>
          <cell r="E37" t="str">
            <v>ｍ</v>
          </cell>
          <cell r="F37">
            <v>1</v>
          </cell>
          <cell r="H37">
            <v>540.51</v>
          </cell>
          <cell r="I37" t="str">
            <v>建 P206</v>
          </cell>
        </row>
        <row r="38">
          <cell r="C38" t="str">
            <v>電線</v>
          </cell>
          <cell r="D38" t="str">
            <v>VVR5.5sq×2C</v>
          </cell>
          <cell r="E38" t="str">
            <v>ｍ</v>
          </cell>
          <cell r="F38">
            <v>1.1000000000000001</v>
          </cell>
          <cell r="G38">
            <v>101</v>
          </cell>
          <cell r="H38">
            <v>111.1</v>
          </cell>
          <cell r="I38" t="str">
            <v>物 P468 四日市</v>
          </cell>
        </row>
        <row r="39">
          <cell r="C39" t="str">
            <v>雑材料</v>
          </cell>
          <cell r="D39" t="str">
            <v>（材）×５％</v>
          </cell>
          <cell r="E39" t="str">
            <v>式</v>
          </cell>
          <cell r="F39">
            <v>1</v>
          </cell>
          <cell r="H39">
            <v>5.55</v>
          </cell>
          <cell r="I39">
            <v>111.1</v>
          </cell>
          <cell r="K39" t="str">
            <v>×</v>
          </cell>
          <cell r="L39">
            <v>0.05</v>
          </cell>
        </row>
        <row r="40">
          <cell r="C40" t="str">
            <v>電工</v>
          </cell>
          <cell r="E40" t="str">
            <v>人</v>
          </cell>
          <cell r="F40">
            <v>2.1000000000000001E-2</v>
          </cell>
          <cell r="G40">
            <v>17400</v>
          </cell>
          <cell r="H40">
            <v>365.4</v>
          </cell>
          <cell r="I40" t="str">
            <v>三重県</v>
          </cell>
          <cell r="T40">
            <v>6</v>
          </cell>
        </row>
        <row r="41">
          <cell r="C41" t="str">
            <v>その他</v>
          </cell>
          <cell r="D41" t="str">
            <v>（労）×１６％</v>
          </cell>
          <cell r="E41" t="str">
            <v>式</v>
          </cell>
          <cell r="F41">
            <v>1</v>
          </cell>
          <cell r="H41">
            <v>58.46</v>
          </cell>
          <cell r="I41">
            <v>365.4</v>
          </cell>
          <cell r="K41" t="str">
            <v>×</v>
          </cell>
          <cell r="L41">
            <v>0.16</v>
          </cell>
        </row>
        <row r="44">
          <cell r="A44">
            <v>7</v>
          </cell>
          <cell r="B44" t="str">
            <v>配線</v>
          </cell>
          <cell r="C44" t="str">
            <v>VVR5.5sq×2C</v>
          </cell>
          <cell r="D44" t="str">
            <v>ﾋﾟｯﾄ内</v>
          </cell>
          <cell r="E44" t="str">
            <v>ｍ</v>
          </cell>
          <cell r="F44">
            <v>1</v>
          </cell>
          <cell r="H44">
            <v>459.77</v>
          </cell>
          <cell r="I44" t="str">
            <v>建 P206</v>
          </cell>
        </row>
        <row r="45">
          <cell r="C45" t="str">
            <v>電線</v>
          </cell>
          <cell r="D45" t="str">
            <v>VVR5.5sq×2C</v>
          </cell>
          <cell r="E45" t="str">
            <v>ｍ</v>
          </cell>
          <cell r="F45">
            <v>1.1000000000000001</v>
          </cell>
          <cell r="G45">
            <v>101</v>
          </cell>
          <cell r="H45">
            <v>111.1</v>
          </cell>
          <cell r="I45" t="str">
            <v>物 P468 四日市</v>
          </cell>
        </row>
        <row r="46">
          <cell r="C46" t="str">
            <v>雑材料</v>
          </cell>
          <cell r="D46" t="str">
            <v>（材）×５％</v>
          </cell>
          <cell r="E46" t="str">
            <v>式</v>
          </cell>
          <cell r="F46">
            <v>1</v>
          </cell>
          <cell r="H46">
            <v>5.55</v>
          </cell>
          <cell r="I46">
            <v>111.1</v>
          </cell>
          <cell r="K46" t="str">
            <v>×</v>
          </cell>
          <cell r="L46">
            <v>0.05</v>
          </cell>
        </row>
        <row r="47">
          <cell r="C47" t="str">
            <v>電工</v>
          </cell>
          <cell r="E47" t="str">
            <v>人</v>
          </cell>
          <cell r="F47">
            <v>1.7000000000000001E-2</v>
          </cell>
          <cell r="G47">
            <v>17400</v>
          </cell>
          <cell r="H47">
            <v>295.8</v>
          </cell>
          <cell r="I47" t="str">
            <v>三重県</v>
          </cell>
          <cell r="J47">
            <v>2.1000000000000001E-2</v>
          </cell>
          <cell r="K47" t="str">
            <v>×</v>
          </cell>
          <cell r="L47">
            <v>0.8</v>
          </cell>
          <cell r="T47">
            <v>6</v>
          </cell>
        </row>
        <row r="48">
          <cell r="C48" t="str">
            <v>その他</v>
          </cell>
          <cell r="D48" t="str">
            <v>（労）×１６％</v>
          </cell>
          <cell r="E48" t="str">
            <v>式</v>
          </cell>
          <cell r="F48">
            <v>1</v>
          </cell>
          <cell r="H48">
            <v>47.32</v>
          </cell>
          <cell r="I48">
            <v>295.8</v>
          </cell>
          <cell r="K48" t="str">
            <v>×</v>
          </cell>
          <cell r="L48">
            <v>0.16</v>
          </cell>
        </row>
        <row r="50">
          <cell r="A50">
            <v>8</v>
          </cell>
          <cell r="B50" t="str">
            <v>配線</v>
          </cell>
          <cell r="C50" t="str">
            <v>CVV1.25sq×4C</v>
          </cell>
          <cell r="D50" t="str">
            <v>管内（VE）</v>
          </cell>
          <cell r="E50" t="str">
            <v>ｍ</v>
          </cell>
          <cell r="F50">
            <v>1</v>
          </cell>
          <cell r="H50">
            <v>464.38</v>
          </cell>
          <cell r="I50" t="str">
            <v>建 P209</v>
          </cell>
          <cell r="T50">
            <v>10</v>
          </cell>
        </row>
        <row r="51">
          <cell r="C51" t="str">
            <v>電線</v>
          </cell>
          <cell r="D51" t="str">
            <v>CVV1.25sq×4C</v>
          </cell>
          <cell r="E51" t="str">
            <v>ｍ</v>
          </cell>
          <cell r="F51">
            <v>1.1000000000000001</v>
          </cell>
          <cell r="G51">
            <v>71.400000000000006</v>
          </cell>
          <cell r="H51">
            <v>78.540000000000006</v>
          </cell>
          <cell r="I51" t="str">
            <v>物 P476名古屋</v>
          </cell>
        </row>
        <row r="52">
          <cell r="C52" t="str">
            <v>雑材料</v>
          </cell>
          <cell r="D52" t="str">
            <v>（材）×３％</v>
          </cell>
          <cell r="E52" t="str">
            <v>式</v>
          </cell>
          <cell r="F52">
            <v>1</v>
          </cell>
          <cell r="H52">
            <v>2.35</v>
          </cell>
          <cell r="I52">
            <v>78.540000000000006</v>
          </cell>
          <cell r="K52" t="str">
            <v>×</v>
          </cell>
          <cell r="L52">
            <v>0.03</v>
          </cell>
        </row>
        <row r="53">
          <cell r="C53" t="str">
            <v>電工</v>
          </cell>
          <cell r="E53" t="str">
            <v>人</v>
          </cell>
          <cell r="F53">
            <v>1.9E-2</v>
          </cell>
          <cell r="G53">
            <v>17400</v>
          </cell>
          <cell r="H53">
            <v>330.6</v>
          </cell>
          <cell r="I53" t="str">
            <v>三重県</v>
          </cell>
        </row>
        <row r="54">
          <cell r="C54" t="str">
            <v>その他</v>
          </cell>
          <cell r="D54" t="str">
            <v>（労）×１６％</v>
          </cell>
          <cell r="E54" t="str">
            <v>式</v>
          </cell>
          <cell r="F54">
            <v>1</v>
          </cell>
          <cell r="H54">
            <v>52.89</v>
          </cell>
          <cell r="I54">
            <v>330.6</v>
          </cell>
          <cell r="K54" t="str">
            <v>×</v>
          </cell>
          <cell r="L54">
            <v>0.16</v>
          </cell>
        </row>
        <row r="56">
          <cell r="A56">
            <v>9</v>
          </cell>
          <cell r="B56" t="str">
            <v>配線</v>
          </cell>
          <cell r="C56" t="str">
            <v>CVV1.25sq×10C</v>
          </cell>
          <cell r="D56" t="str">
            <v>管内（VE）</v>
          </cell>
          <cell r="E56" t="str">
            <v>ｍ</v>
          </cell>
          <cell r="F56">
            <v>1</v>
          </cell>
          <cell r="H56">
            <v>916.75</v>
          </cell>
          <cell r="I56" t="str">
            <v>建 P209</v>
          </cell>
          <cell r="T56">
            <v>10</v>
          </cell>
        </row>
        <row r="57">
          <cell r="C57" t="str">
            <v>電線</v>
          </cell>
          <cell r="D57" t="str">
            <v>CVV1.25sq×10C</v>
          </cell>
          <cell r="E57" t="str">
            <v>ｍ</v>
          </cell>
          <cell r="F57">
            <v>1.1000000000000001</v>
          </cell>
          <cell r="G57">
            <v>150</v>
          </cell>
          <cell r="H57">
            <v>165</v>
          </cell>
          <cell r="I57" t="str">
            <v>物 P476名古屋</v>
          </cell>
        </row>
        <row r="58">
          <cell r="C58" t="str">
            <v>雑材料</v>
          </cell>
          <cell r="D58" t="str">
            <v>（材）×３％</v>
          </cell>
          <cell r="E58" t="str">
            <v>式</v>
          </cell>
          <cell r="F58">
            <v>1</v>
          </cell>
          <cell r="H58">
            <v>4.95</v>
          </cell>
          <cell r="I58">
            <v>165</v>
          </cell>
          <cell r="K58" t="str">
            <v>×</v>
          </cell>
          <cell r="L58">
            <v>0.03</v>
          </cell>
        </row>
        <row r="59">
          <cell r="C59" t="str">
            <v>電工</v>
          </cell>
          <cell r="E59" t="str">
            <v>人</v>
          </cell>
          <cell r="F59">
            <v>3.6999999999999998E-2</v>
          </cell>
          <cell r="G59">
            <v>17400</v>
          </cell>
          <cell r="H59">
            <v>643.79999999999995</v>
          </cell>
          <cell r="I59" t="str">
            <v>三重県</v>
          </cell>
        </row>
        <row r="60">
          <cell r="C60" t="str">
            <v>その他</v>
          </cell>
          <cell r="D60" t="str">
            <v>（労）×１６％</v>
          </cell>
          <cell r="E60" t="str">
            <v>式</v>
          </cell>
          <cell r="F60">
            <v>1</v>
          </cell>
          <cell r="H60">
            <v>103</v>
          </cell>
          <cell r="I60">
            <v>643.79999999999995</v>
          </cell>
          <cell r="K60" t="str">
            <v>×</v>
          </cell>
          <cell r="L60">
            <v>0.16</v>
          </cell>
        </row>
        <row r="65">
          <cell r="A65">
            <v>10</v>
          </cell>
          <cell r="B65" t="str">
            <v>配線</v>
          </cell>
          <cell r="C65" t="str">
            <v>CVV1.25sq×4C</v>
          </cell>
          <cell r="D65" t="str">
            <v>ﾋﾟｯﾄ内</v>
          </cell>
          <cell r="E65" t="str">
            <v>ｍ</v>
          </cell>
          <cell r="F65">
            <v>1</v>
          </cell>
          <cell r="H65">
            <v>383.65</v>
          </cell>
          <cell r="I65" t="str">
            <v>建 P209</v>
          </cell>
          <cell r="T65">
            <v>10</v>
          </cell>
        </row>
        <row r="66">
          <cell r="C66" t="str">
            <v>電線</v>
          </cell>
          <cell r="D66" t="str">
            <v>CVV1.25sq×4C</v>
          </cell>
          <cell r="E66" t="str">
            <v>ｍ</v>
          </cell>
          <cell r="F66">
            <v>1.1000000000000001</v>
          </cell>
          <cell r="G66">
            <v>71.400000000000006</v>
          </cell>
          <cell r="H66">
            <v>78.540000000000006</v>
          </cell>
          <cell r="I66" t="str">
            <v>物 P476名古屋</v>
          </cell>
        </row>
        <row r="67">
          <cell r="C67" t="str">
            <v>雑材料</v>
          </cell>
          <cell r="D67" t="str">
            <v>（材）×３％</v>
          </cell>
          <cell r="E67" t="str">
            <v>式</v>
          </cell>
          <cell r="F67">
            <v>1</v>
          </cell>
          <cell r="H67">
            <v>2.35</v>
          </cell>
          <cell r="I67">
            <v>78.540000000000006</v>
          </cell>
          <cell r="K67" t="str">
            <v>×</v>
          </cell>
          <cell r="L67">
            <v>0.03</v>
          </cell>
        </row>
        <row r="68">
          <cell r="C68" t="str">
            <v>電工</v>
          </cell>
          <cell r="E68" t="str">
            <v>人</v>
          </cell>
          <cell r="F68">
            <v>1.4999999999999999E-2</v>
          </cell>
          <cell r="G68">
            <v>17400</v>
          </cell>
          <cell r="H68">
            <v>261</v>
          </cell>
          <cell r="I68" t="str">
            <v>三重県</v>
          </cell>
          <cell r="J68">
            <v>1.9E-2</v>
          </cell>
          <cell r="K68" t="str">
            <v>×</v>
          </cell>
          <cell r="L68">
            <v>0.8</v>
          </cell>
        </row>
        <row r="69">
          <cell r="C69" t="str">
            <v>その他</v>
          </cell>
          <cell r="D69" t="str">
            <v>（労）×１６％</v>
          </cell>
          <cell r="E69" t="str">
            <v>式</v>
          </cell>
          <cell r="F69">
            <v>1</v>
          </cell>
          <cell r="H69">
            <v>41.76</v>
          </cell>
          <cell r="I69">
            <v>261</v>
          </cell>
          <cell r="K69" t="str">
            <v>×</v>
          </cell>
          <cell r="L69">
            <v>0.16</v>
          </cell>
        </row>
        <row r="71">
          <cell r="A71">
            <v>11</v>
          </cell>
          <cell r="B71" t="str">
            <v>有線式灯台監視装置撤去</v>
          </cell>
          <cell r="C71" t="str">
            <v>送信装置</v>
          </cell>
          <cell r="E71" t="str">
            <v>式</v>
          </cell>
          <cell r="F71">
            <v>1</v>
          </cell>
          <cell r="H71">
            <v>5371.65</v>
          </cell>
          <cell r="I71" t="str">
            <v>海電 P2-30</v>
          </cell>
          <cell r="T71">
            <v>1</v>
          </cell>
        </row>
        <row r="72">
          <cell r="C72" t="str">
            <v>電工</v>
          </cell>
          <cell r="E72" t="str">
            <v>人</v>
          </cell>
          <cell r="F72">
            <v>0.18</v>
          </cell>
          <cell r="G72">
            <v>17400</v>
          </cell>
          <cell r="H72">
            <v>3132</v>
          </cell>
          <cell r="I72" t="str">
            <v>三重県</v>
          </cell>
          <cell r="J72">
            <v>0.6</v>
          </cell>
          <cell r="K72" t="str">
            <v>×</v>
          </cell>
          <cell r="L72">
            <v>0.3</v>
          </cell>
        </row>
        <row r="73">
          <cell r="C73" t="str">
            <v>普通作業員</v>
          </cell>
          <cell r="E73" t="str">
            <v>人</v>
          </cell>
          <cell r="F73">
            <v>0.09</v>
          </cell>
          <cell r="G73">
            <v>17100</v>
          </cell>
          <cell r="H73">
            <v>1539</v>
          </cell>
          <cell r="I73" t="str">
            <v>三重県</v>
          </cell>
          <cell r="J73">
            <v>0.3</v>
          </cell>
          <cell r="K73" t="str">
            <v>×</v>
          </cell>
          <cell r="L73">
            <v>0.3</v>
          </cell>
        </row>
        <row r="74">
          <cell r="C74" t="str">
            <v>その他</v>
          </cell>
          <cell r="D74" t="str">
            <v>（労）×１５％</v>
          </cell>
          <cell r="E74" t="str">
            <v>式</v>
          </cell>
          <cell r="F74">
            <v>1</v>
          </cell>
          <cell r="H74">
            <v>700.65</v>
          </cell>
          <cell r="I74">
            <v>4671</v>
          </cell>
          <cell r="K74" t="str">
            <v>×</v>
          </cell>
          <cell r="L74">
            <v>0.15</v>
          </cell>
        </row>
        <row r="76">
          <cell r="A76">
            <v>12</v>
          </cell>
          <cell r="B76" t="str">
            <v>電線管撤去</v>
          </cell>
          <cell r="C76" t="str">
            <v>VE22</v>
          </cell>
          <cell r="E76" t="str">
            <v>ｍ</v>
          </cell>
          <cell r="F76">
            <v>1</v>
          </cell>
          <cell r="H76">
            <v>260.13</v>
          </cell>
          <cell r="I76" t="str">
            <v>建 P578</v>
          </cell>
        </row>
        <row r="77">
          <cell r="C77" t="str">
            <v>電工</v>
          </cell>
          <cell r="E77" t="str">
            <v>人</v>
          </cell>
          <cell r="F77">
            <v>1.2999999999999999E-2</v>
          </cell>
          <cell r="G77">
            <v>17400</v>
          </cell>
          <cell r="H77">
            <v>226.2</v>
          </cell>
          <cell r="I77" t="str">
            <v>三重県</v>
          </cell>
          <cell r="J77">
            <v>5.3999999999999999E-2</v>
          </cell>
          <cell r="K77" t="str">
            <v>×</v>
          </cell>
          <cell r="L77">
            <v>1.2</v>
          </cell>
          <cell r="M77" t="str">
            <v>×</v>
          </cell>
          <cell r="N77">
            <v>0.2</v>
          </cell>
          <cell r="T77">
            <v>6</v>
          </cell>
        </row>
        <row r="78">
          <cell r="C78" t="str">
            <v>その他</v>
          </cell>
          <cell r="D78" t="str">
            <v>（労）×１５％</v>
          </cell>
          <cell r="E78" t="str">
            <v>式</v>
          </cell>
          <cell r="F78">
            <v>1</v>
          </cell>
          <cell r="H78">
            <v>33.93</v>
          </cell>
          <cell r="I78">
            <v>226.2</v>
          </cell>
          <cell r="K78" t="str">
            <v>×</v>
          </cell>
          <cell r="L78">
            <v>0.15</v>
          </cell>
        </row>
        <row r="80">
          <cell r="A80">
            <v>13</v>
          </cell>
          <cell r="B80" t="str">
            <v>電線管撤去</v>
          </cell>
          <cell r="C80" t="str">
            <v>VE16</v>
          </cell>
          <cell r="E80" t="str">
            <v>ｍ</v>
          </cell>
          <cell r="F80">
            <v>1</v>
          </cell>
          <cell r="H80">
            <v>220.11</v>
          </cell>
          <cell r="I80" t="str">
            <v>建 P578</v>
          </cell>
        </row>
        <row r="81">
          <cell r="C81" t="str">
            <v>電工</v>
          </cell>
          <cell r="E81" t="str">
            <v>人</v>
          </cell>
          <cell r="F81">
            <v>1.0999999999999999E-2</v>
          </cell>
          <cell r="G81">
            <v>17400</v>
          </cell>
          <cell r="H81">
            <v>191.4</v>
          </cell>
          <cell r="I81" t="str">
            <v>三重県</v>
          </cell>
          <cell r="J81">
            <v>4.3999999999999997E-2</v>
          </cell>
          <cell r="K81" t="str">
            <v>×</v>
          </cell>
          <cell r="L81">
            <v>1.2</v>
          </cell>
          <cell r="M81" t="str">
            <v>×</v>
          </cell>
          <cell r="N81">
            <v>0.2</v>
          </cell>
          <cell r="T81">
            <v>6</v>
          </cell>
        </row>
        <row r="82">
          <cell r="C82" t="str">
            <v>その他</v>
          </cell>
          <cell r="D82" t="str">
            <v>（労）×１５％</v>
          </cell>
          <cell r="E82" t="str">
            <v>式</v>
          </cell>
          <cell r="F82">
            <v>1</v>
          </cell>
          <cell r="H82">
            <v>28.71</v>
          </cell>
          <cell r="I82">
            <v>191.4</v>
          </cell>
          <cell r="K82" t="str">
            <v>×</v>
          </cell>
          <cell r="L82">
            <v>0.15</v>
          </cell>
        </row>
        <row r="86">
          <cell r="A86">
            <v>14</v>
          </cell>
          <cell r="B86" t="str">
            <v>電線撤去</v>
          </cell>
          <cell r="C86" t="str">
            <v>VVR14sq×2C</v>
          </cell>
          <cell r="D86" t="str">
            <v>管内（VE）</v>
          </cell>
          <cell r="E86" t="str">
            <v>ｍ</v>
          </cell>
          <cell r="F86">
            <v>1</v>
          </cell>
          <cell r="H86">
            <v>120.06</v>
          </cell>
          <cell r="I86" t="str">
            <v>建 P206</v>
          </cell>
        </row>
        <row r="87">
          <cell r="C87" t="str">
            <v>電工</v>
          </cell>
          <cell r="E87" t="str">
            <v>人</v>
          </cell>
          <cell r="F87">
            <v>6.0000000000000001E-3</v>
          </cell>
          <cell r="G87">
            <v>17400</v>
          </cell>
          <cell r="H87">
            <v>104.4</v>
          </cell>
          <cell r="I87" t="str">
            <v>三重県</v>
          </cell>
          <cell r="J87">
            <v>2.9000000000000001E-2</v>
          </cell>
          <cell r="K87" t="str">
            <v>×</v>
          </cell>
          <cell r="L87">
            <v>0.2</v>
          </cell>
          <cell r="T87">
            <v>6</v>
          </cell>
        </row>
        <row r="88">
          <cell r="C88" t="str">
            <v>その他</v>
          </cell>
          <cell r="D88" t="str">
            <v>（労）×１５％</v>
          </cell>
          <cell r="E88" t="str">
            <v>式</v>
          </cell>
          <cell r="F88">
            <v>1</v>
          </cell>
          <cell r="H88">
            <v>15.66</v>
          </cell>
          <cell r="I88">
            <v>104.4</v>
          </cell>
          <cell r="K88" t="str">
            <v>×</v>
          </cell>
          <cell r="L88">
            <v>0.15</v>
          </cell>
        </row>
        <row r="90">
          <cell r="A90">
            <v>15</v>
          </cell>
          <cell r="B90" t="str">
            <v>電線撤去</v>
          </cell>
          <cell r="C90" t="str">
            <v>VVR14sq×2C</v>
          </cell>
          <cell r="D90" t="str">
            <v>ﾋﾟｯﾄ内</v>
          </cell>
          <cell r="E90" t="str">
            <v>ｍ</v>
          </cell>
          <cell r="F90">
            <v>1</v>
          </cell>
          <cell r="H90">
            <v>100.05</v>
          </cell>
          <cell r="I90" t="str">
            <v>建 P206</v>
          </cell>
        </row>
        <row r="91">
          <cell r="C91" t="str">
            <v>電工</v>
          </cell>
          <cell r="E91" t="str">
            <v>人</v>
          </cell>
          <cell r="F91">
            <v>5.0000000000000001E-3</v>
          </cell>
          <cell r="G91">
            <v>17400</v>
          </cell>
          <cell r="H91">
            <v>87</v>
          </cell>
          <cell r="I91" t="str">
            <v>三重県</v>
          </cell>
          <cell r="J91">
            <v>2.9000000000000001E-2</v>
          </cell>
          <cell r="K91" t="str">
            <v>×</v>
          </cell>
          <cell r="L91">
            <v>0.8</v>
          </cell>
          <cell r="M91" t="str">
            <v>×</v>
          </cell>
          <cell r="N91">
            <v>0.2</v>
          </cell>
          <cell r="T91">
            <v>6</v>
          </cell>
        </row>
        <row r="92">
          <cell r="C92" t="str">
            <v>その他</v>
          </cell>
          <cell r="D92" t="str">
            <v>（労）×１５％</v>
          </cell>
          <cell r="E92" t="str">
            <v>式</v>
          </cell>
          <cell r="F92">
            <v>1</v>
          </cell>
          <cell r="H92">
            <v>13.05</v>
          </cell>
          <cell r="I92">
            <v>87</v>
          </cell>
          <cell r="K92" t="str">
            <v>×</v>
          </cell>
          <cell r="L92">
            <v>0.15</v>
          </cell>
        </row>
        <row r="94">
          <cell r="A94">
            <v>16</v>
          </cell>
          <cell r="B94" t="str">
            <v>電線撤去</v>
          </cell>
          <cell r="C94" t="str">
            <v>CVV1.25sq×10C</v>
          </cell>
          <cell r="D94" t="str">
            <v>管内（VE）</v>
          </cell>
          <cell r="E94" t="str">
            <v>ｍ</v>
          </cell>
          <cell r="F94">
            <v>1</v>
          </cell>
          <cell r="H94">
            <v>140.07</v>
          </cell>
          <cell r="I94" t="str">
            <v>建 P209</v>
          </cell>
          <cell r="T94">
            <v>10</v>
          </cell>
        </row>
        <row r="95">
          <cell r="C95" t="str">
            <v>電工</v>
          </cell>
          <cell r="E95" t="str">
            <v>人</v>
          </cell>
          <cell r="F95">
            <v>7.0000000000000001E-3</v>
          </cell>
          <cell r="G95">
            <v>17400</v>
          </cell>
          <cell r="H95">
            <v>121.8</v>
          </cell>
          <cell r="I95" t="str">
            <v>三重県</v>
          </cell>
          <cell r="J95">
            <v>3.6999999999999998E-2</v>
          </cell>
          <cell r="K95" t="str">
            <v>×</v>
          </cell>
          <cell r="L95">
            <v>0.2</v>
          </cell>
        </row>
        <row r="96">
          <cell r="C96" t="str">
            <v>その他</v>
          </cell>
          <cell r="D96" t="str">
            <v>（労）×１５％</v>
          </cell>
          <cell r="E96" t="str">
            <v>式</v>
          </cell>
          <cell r="F96">
            <v>1</v>
          </cell>
          <cell r="H96">
            <v>18.27</v>
          </cell>
          <cell r="I96">
            <v>121.8</v>
          </cell>
          <cell r="K96" t="str">
            <v>×</v>
          </cell>
          <cell r="L96">
            <v>0.15</v>
          </cell>
        </row>
        <row r="98">
          <cell r="A98">
            <v>17</v>
          </cell>
          <cell r="B98" t="str">
            <v>電線撤去</v>
          </cell>
          <cell r="C98" t="str">
            <v>CVV1.25sq×6C</v>
          </cell>
          <cell r="D98" t="str">
            <v>管内（VE）</v>
          </cell>
          <cell r="E98" t="str">
            <v>ｍ</v>
          </cell>
          <cell r="F98">
            <v>1</v>
          </cell>
          <cell r="H98">
            <v>100.05</v>
          </cell>
          <cell r="I98" t="str">
            <v>建 P209</v>
          </cell>
          <cell r="T98">
            <v>10</v>
          </cell>
        </row>
        <row r="99">
          <cell r="C99" t="str">
            <v>電工</v>
          </cell>
          <cell r="E99" t="str">
            <v>人</v>
          </cell>
          <cell r="F99">
            <v>5.0000000000000001E-3</v>
          </cell>
          <cell r="G99">
            <v>17400</v>
          </cell>
          <cell r="H99">
            <v>87</v>
          </cell>
          <cell r="I99" t="str">
            <v>三重県</v>
          </cell>
          <cell r="J99">
            <v>2.5000000000000001E-2</v>
          </cell>
          <cell r="K99" t="str">
            <v>×</v>
          </cell>
          <cell r="L99">
            <v>0.2</v>
          </cell>
        </row>
        <row r="100">
          <cell r="C100" t="str">
            <v>その他</v>
          </cell>
          <cell r="D100" t="str">
            <v>（労）×１５％</v>
          </cell>
          <cell r="E100" t="str">
            <v>式</v>
          </cell>
          <cell r="F100">
            <v>1</v>
          </cell>
          <cell r="H100">
            <v>13.05</v>
          </cell>
          <cell r="I100">
            <v>87</v>
          </cell>
          <cell r="K100" t="str">
            <v>×</v>
          </cell>
          <cell r="L100">
            <v>0.15</v>
          </cell>
        </row>
        <row r="102">
          <cell r="A102">
            <v>18</v>
          </cell>
          <cell r="B102" t="str">
            <v>電線撤去</v>
          </cell>
          <cell r="C102" t="str">
            <v>CVV1.25sq×2C</v>
          </cell>
          <cell r="D102" t="str">
            <v>管内（VE）</v>
          </cell>
          <cell r="E102" t="str">
            <v>ｍ</v>
          </cell>
          <cell r="F102">
            <v>1</v>
          </cell>
          <cell r="H102">
            <v>60.03</v>
          </cell>
          <cell r="I102" t="str">
            <v>建 P209</v>
          </cell>
          <cell r="T102">
            <v>10</v>
          </cell>
        </row>
        <row r="103">
          <cell r="C103" t="str">
            <v>電工</v>
          </cell>
          <cell r="E103" t="str">
            <v>人</v>
          </cell>
          <cell r="F103">
            <v>3.0000000000000001E-3</v>
          </cell>
          <cell r="G103">
            <v>17400</v>
          </cell>
          <cell r="H103">
            <v>52.2</v>
          </cell>
          <cell r="I103" t="str">
            <v>三重県</v>
          </cell>
          <cell r="J103">
            <v>1.4999999999999999E-2</v>
          </cell>
          <cell r="K103" t="str">
            <v>×</v>
          </cell>
          <cell r="L103">
            <v>0.2</v>
          </cell>
        </row>
        <row r="104">
          <cell r="C104" t="str">
            <v>その他</v>
          </cell>
          <cell r="D104" t="str">
            <v>（労）×１５％</v>
          </cell>
          <cell r="E104" t="str">
            <v>式</v>
          </cell>
          <cell r="F104">
            <v>1</v>
          </cell>
          <cell r="H104">
            <v>7.83</v>
          </cell>
          <cell r="I104">
            <v>52.2</v>
          </cell>
          <cell r="K104" t="str">
            <v>×</v>
          </cell>
          <cell r="L104">
            <v>0.15</v>
          </cell>
        </row>
        <row r="107">
          <cell r="A107">
            <v>19</v>
          </cell>
          <cell r="B107" t="str">
            <v>電線撤去</v>
          </cell>
          <cell r="C107" t="str">
            <v>CVV1.25sq×6C</v>
          </cell>
          <cell r="D107" t="str">
            <v>ﾋﾟｯﾄ内</v>
          </cell>
          <cell r="E107" t="str">
            <v>ｍ</v>
          </cell>
          <cell r="F107">
            <v>1</v>
          </cell>
          <cell r="H107">
            <v>80.039999999999992</v>
          </cell>
          <cell r="I107" t="str">
            <v>建 P209</v>
          </cell>
          <cell r="T107">
            <v>10</v>
          </cell>
        </row>
        <row r="108">
          <cell r="C108" t="str">
            <v>電工</v>
          </cell>
          <cell r="E108" t="str">
            <v>人</v>
          </cell>
          <cell r="F108">
            <v>4.0000000000000001E-3</v>
          </cell>
          <cell r="G108">
            <v>17400</v>
          </cell>
          <cell r="H108">
            <v>69.599999999999994</v>
          </cell>
          <cell r="I108" t="str">
            <v>三重県</v>
          </cell>
          <cell r="J108">
            <v>2.5000000000000001E-2</v>
          </cell>
          <cell r="K108" t="str">
            <v>×</v>
          </cell>
          <cell r="L108">
            <v>0.8</v>
          </cell>
          <cell r="M108" t="str">
            <v>×</v>
          </cell>
          <cell r="N108">
            <v>0.2</v>
          </cell>
        </row>
        <row r="109">
          <cell r="C109" t="str">
            <v>その他</v>
          </cell>
          <cell r="D109" t="str">
            <v>（労）×１５％</v>
          </cell>
          <cell r="E109" t="str">
            <v>式</v>
          </cell>
          <cell r="F109">
            <v>1</v>
          </cell>
          <cell r="H109">
            <v>10.44</v>
          </cell>
          <cell r="I109">
            <v>69.599999999999994</v>
          </cell>
          <cell r="K109" t="str">
            <v>×</v>
          </cell>
          <cell r="L109">
            <v>0.15</v>
          </cell>
        </row>
        <row r="111">
          <cell r="A111">
            <v>20</v>
          </cell>
          <cell r="B111" t="str">
            <v>有線式灯台監視装置改造</v>
          </cell>
          <cell r="C111" t="str">
            <v>受信装置</v>
          </cell>
          <cell r="E111" t="str">
            <v>式</v>
          </cell>
          <cell r="F111">
            <v>1</v>
          </cell>
          <cell r="H111">
            <v>51860.5</v>
          </cell>
          <cell r="T111">
            <v>10</v>
          </cell>
        </row>
        <row r="112">
          <cell r="C112" t="str">
            <v>ＭＰＩユニット用ＲＯＭ</v>
          </cell>
          <cell r="D112" t="str">
            <v>ＭＰＩユニット用</v>
          </cell>
          <cell r="E112" t="str">
            <v>個</v>
          </cell>
          <cell r="F112">
            <v>1</v>
          </cell>
          <cell r="H112">
            <v>50000</v>
          </cell>
          <cell r="I112" t="str">
            <v>市価</v>
          </cell>
          <cell r="R112" t="str">
            <v>特定材料A</v>
          </cell>
        </row>
        <row r="113">
          <cell r="C113" t="str">
            <v>ダイオード</v>
          </cell>
          <cell r="D113" t="str">
            <v>1S953</v>
          </cell>
          <cell r="E113" t="str">
            <v>個</v>
          </cell>
          <cell r="F113">
            <v>2</v>
          </cell>
          <cell r="G113">
            <v>100</v>
          </cell>
          <cell r="H113">
            <v>200</v>
          </cell>
          <cell r="I113" t="str">
            <v>市価</v>
          </cell>
        </row>
        <row r="114">
          <cell r="C114" t="str">
            <v>ピンヘッタ</v>
          </cell>
          <cell r="D114" t="str">
            <v>5P</v>
          </cell>
          <cell r="E114" t="str">
            <v>個</v>
          </cell>
          <cell r="F114">
            <v>1</v>
          </cell>
          <cell r="H114">
            <v>100</v>
          </cell>
          <cell r="I114" t="str">
            <v>市価</v>
          </cell>
        </row>
        <row r="115">
          <cell r="C115" t="str">
            <v>ショートソケット</v>
          </cell>
          <cell r="E115" t="str">
            <v>個</v>
          </cell>
          <cell r="F115">
            <v>2</v>
          </cell>
          <cell r="G115">
            <v>25</v>
          </cell>
          <cell r="H115">
            <v>50</v>
          </cell>
          <cell r="I115" t="str">
            <v>市価</v>
          </cell>
        </row>
        <row r="116">
          <cell r="C116" t="str">
            <v>雑材料</v>
          </cell>
          <cell r="D116" t="str">
            <v>（材）×３％</v>
          </cell>
          <cell r="E116" t="str">
            <v>式</v>
          </cell>
          <cell r="F116">
            <v>1</v>
          </cell>
          <cell r="H116">
            <v>1510.5</v>
          </cell>
          <cell r="I116">
            <v>50350</v>
          </cell>
          <cell r="K116" t="str">
            <v>×</v>
          </cell>
          <cell r="L116">
            <v>0.03</v>
          </cell>
        </row>
        <row r="118">
          <cell r="A118">
            <v>21</v>
          </cell>
          <cell r="B118" t="str">
            <v>ＬＡ管制器Ⅰ型改造</v>
          </cell>
          <cell r="E118" t="str">
            <v>式</v>
          </cell>
          <cell r="F118">
            <v>1</v>
          </cell>
          <cell r="H118">
            <v>132048</v>
          </cell>
        </row>
        <row r="119">
          <cell r="C119" t="str">
            <v>ＬＡ管制器Ⅰ型改造</v>
          </cell>
          <cell r="D119" t="str">
            <v>南灯台</v>
          </cell>
          <cell r="E119" t="str">
            <v>式</v>
          </cell>
          <cell r="F119">
            <v>1</v>
          </cell>
          <cell r="H119">
            <v>309</v>
          </cell>
          <cell r="J119" t="str">
            <v>一位代価</v>
          </cell>
          <cell r="K119">
            <v>22</v>
          </cell>
        </row>
        <row r="120">
          <cell r="C120" t="str">
            <v>ＬＡ管制器Ⅰ型改造</v>
          </cell>
          <cell r="D120" t="str">
            <v>北灯台</v>
          </cell>
          <cell r="E120" t="str">
            <v>式</v>
          </cell>
          <cell r="F120">
            <v>1</v>
          </cell>
          <cell r="H120">
            <v>131739</v>
          </cell>
          <cell r="J120" t="str">
            <v>一位代価</v>
          </cell>
          <cell r="K120">
            <v>23</v>
          </cell>
        </row>
        <row r="122">
          <cell r="A122">
            <v>22</v>
          </cell>
          <cell r="B122" t="str">
            <v>ＬＡ管制器Ⅰ型改造</v>
          </cell>
          <cell r="D122" t="str">
            <v>南灯台</v>
          </cell>
          <cell r="E122" t="str">
            <v>式</v>
          </cell>
          <cell r="F122">
            <v>1</v>
          </cell>
          <cell r="H122">
            <v>309</v>
          </cell>
        </row>
        <row r="123">
          <cell r="C123" t="str">
            <v>４Ｐ端子</v>
          </cell>
          <cell r="D123" t="str">
            <v>ML3391-4P</v>
          </cell>
          <cell r="E123" t="str">
            <v>個</v>
          </cell>
          <cell r="F123">
            <v>1</v>
          </cell>
          <cell r="H123">
            <v>300</v>
          </cell>
          <cell r="I123" t="str">
            <v>市価</v>
          </cell>
        </row>
        <row r="124">
          <cell r="C124" t="str">
            <v>雑材料</v>
          </cell>
          <cell r="D124" t="str">
            <v>（材）×３％</v>
          </cell>
          <cell r="E124" t="str">
            <v>式</v>
          </cell>
          <cell r="F124">
            <v>1</v>
          </cell>
          <cell r="H124">
            <v>9</v>
          </cell>
          <cell r="I124">
            <v>300</v>
          </cell>
          <cell r="K124" t="str">
            <v>×</v>
          </cell>
          <cell r="L124">
            <v>0.03</v>
          </cell>
        </row>
        <row r="128">
          <cell r="A128">
            <v>23</v>
          </cell>
          <cell r="B128" t="str">
            <v>ＬＡ管制器Ⅰ型改造</v>
          </cell>
          <cell r="D128" t="str">
            <v>北灯台</v>
          </cell>
          <cell r="E128" t="str">
            <v>式</v>
          </cell>
          <cell r="F128">
            <v>1</v>
          </cell>
          <cell r="H128">
            <v>131739</v>
          </cell>
        </row>
        <row r="129">
          <cell r="C129" t="str">
            <v>４Ｐ端子</v>
          </cell>
          <cell r="D129" t="str">
            <v>ML3391-4P</v>
          </cell>
          <cell r="E129" t="str">
            <v>個</v>
          </cell>
          <cell r="F129">
            <v>1</v>
          </cell>
          <cell r="H129">
            <v>300</v>
          </cell>
          <cell r="I129" t="str">
            <v>市価</v>
          </cell>
        </row>
        <row r="130">
          <cell r="C130" t="str">
            <v>雑材料</v>
          </cell>
          <cell r="D130" t="str">
            <v>（材）×３％</v>
          </cell>
          <cell r="E130" t="str">
            <v>式</v>
          </cell>
          <cell r="F130">
            <v>1</v>
          </cell>
          <cell r="H130">
            <v>9</v>
          </cell>
          <cell r="I130">
            <v>300</v>
          </cell>
          <cell r="K130" t="str">
            <v>×</v>
          </cell>
          <cell r="L130">
            <v>0.03</v>
          </cell>
        </row>
        <row r="131">
          <cell r="C131" t="str">
            <v>保護端子函ＳＰＴ－ＢＯＸ</v>
          </cell>
          <cell r="D131" t="str">
            <v>取付</v>
          </cell>
          <cell r="E131" t="str">
            <v>式</v>
          </cell>
          <cell r="F131">
            <v>1</v>
          </cell>
          <cell r="H131">
            <v>131430</v>
          </cell>
          <cell r="J131" t="str">
            <v>一位代価</v>
          </cell>
          <cell r="K131">
            <v>2</v>
          </cell>
        </row>
        <row r="133">
          <cell r="A133">
            <v>24</v>
          </cell>
          <cell r="B133" t="str">
            <v>交通船</v>
          </cell>
          <cell r="C133" t="str">
            <v>鋼D 50PS 4.9t</v>
          </cell>
          <cell r="E133" t="str">
            <v>日</v>
          </cell>
          <cell r="F133">
            <v>1</v>
          </cell>
          <cell r="H133">
            <v>64708.93</v>
          </cell>
          <cell r="I133" t="str">
            <v>港湾 単P27</v>
          </cell>
          <cell r="T133">
            <v>26</v>
          </cell>
        </row>
        <row r="134">
          <cell r="C134" t="str">
            <v>主燃料</v>
          </cell>
          <cell r="D134" t="str">
            <v>Ａ重油</v>
          </cell>
          <cell r="E134" t="str">
            <v>㍑</v>
          </cell>
          <cell r="F134">
            <v>45</v>
          </cell>
          <cell r="G134">
            <v>29.5</v>
          </cell>
          <cell r="H134">
            <v>1327.5</v>
          </cell>
          <cell r="I134" t="str">
            <v>物 P694 四日市 ローリ</v>
          </cell>
        </row>
        <row r="135">
          <cell r="C135" t="str">
            <v>高級船員</v>
          </cell>
          <cell r="E135" t="str">
            <v>人</v>
          </cell>
          <cell r="F135">
            <v>1.2</v>
          </cell>
          <cell r="G135">
            <v>26400</v>
          </cell>
          <cell r="H135">
            <v>31680</v>
          </cell>
          <cell r="I135" t="str">
            <v>三重県</v>
          </cell>
          <cell r="L135" t="str">
            <v>β</v>
          </cell>
          <cell r="M135" t="str">
            <v>＝</v>
          </cell>
          <cell r="N135">
            <v>1.2</v>
          </cell>
        </row>
        <row r="136">
          <cell r="C136" t="str">
            <v>普通船員</v>
          </cell>
          <cell r="E136" t="str">
            <v>人</v>
          </cell>
          <cell r="F136">
            <v>1.2</v>
          </cell>
          <cell r="G136">
            <v>19700</v>
          </cell>
          <cell r="H136">
            <v>23640</v>
          </cell>
          <cell r="I136" t="str">
            <v>三重県</v>
          </cell>
          <cell r="L136" t="str">
            <v>β</v>
          </cell>
          <cell r="M136" t="str">
            <v>＝</v>
          </cell>
          <cell r="N136">
            <v>1.2</v>
          </cell>
        </row>
        <row r="137">
          <cell r="C137" t="str">
            <v>損料</v>
          </cell>
          <cell r="D137" t="str">
            <v>運転</v>
          </cell>
          <cell r="E137" t="str">
            <v>日</v>
          </cell>
          <cell r="F137">
            <v>1</v>
          </cell>
          <cell r="G137">
            <v>2740</v>
          </cell>
          <cell r="H137">
            <v>2740</v>
          </cell>
          <cell r="I137" t="str">
            <v>損 船P13</v>
          </cell>
        </row>
        <row r="138">
          <cell r="C138" t="str">
            <v>損料</v>
          </cell>
          <cell r="D138" t="str">
            <v>供用</v>
          </cell>
          <cell r="E138" t="str">
            <v>日</v>
          </cell>
          <cell r="F138">
            <v>1.65</v>
          </cell>
          <cell r="G138">
            <v>3030</v>
          </cell>
          <cell r="H138">
            <v>4999.5</v>
          </cell>
          <cell r="I138" t="str">
            <v>損 船P14</v>
          </cell>
          <cell r="L138" t="str">
            <v>α</v>
          </cell>
          <cell r="M138" t="str">
            <v>＝</v>
          </cell>
          <cell r="N138">
            <v>1.65</v>
          </cell>
        </row>
        <row r="139">
          <cell r="C139" t="str">
            <v>雑材料</v>
          </cell>
          <cell r="D139" t="str">
            <v>（上記）×０.５％</v>
          </cell>
          <cell r="E139" t="str">
            <v>式</v>
          </cell>
          <cell r="F139">
            <v>1</v>
          </cell>
          <cell r="H139">
            <v>321.93</v>
          </cell>
          <cell r="I139">
            <v>64387</v>
          </cell>
          <cell r="K139" t="str">
            <v>×</v>
          </cell>
          <cell r="L139">
            <v>5.0000000000000001E-3</v>
          </cell>
        </row>
        <row r="141">
          <cell r="A141">
            <v>25</v>
          </cell>
          <cell r="B141" t="str">
            <v>試験調整費</v>
          </cell>
          <cell r="E141" t="str">
            <v>式</v>
          </cell>
          <cell r="F141">
            <v>1</v>
          </cell>
          <cell r="H141">
            <v>500000</v>
          </cell>
          <cell r="I141" t="str">
            <v>海電指 P2-12</v>
          </cell>
          <cell r="T141">
            <v>26</v>
          </cell>
        </row>
        <row r="142">
          <cell r="C142" t="str">
            <v>技術者</v>
          </cell>
          <cell r="E142" t="str">
            <v>人</v>
          </cell>
          <cell r="F142">
            <v>10</v>
          </cell>
          <cell r="G142">
            <v>50000</v>
          </cell>
          <cell r="H142">
            <v>500000</v>
          </cell>
          <cell r="I142" t="str">
            <v>市価</v>
          </cell>
        </row>
        <row r="144">
          <cell r="A144">
            <v>26</v>
          </cell>
          <cell r="B144" t="str">
            <v>旅費</v>
          </cell>
          <cell r="C144" t="str">
            <v>技術者</v>
          </cell>
          <cell r="E144" t="str">
            <v>式</v>
          </cell>
          <cell r="F144">
            <v>1</v>
          </cell>
          <cell r="H144">
            <v>121878</v>
          </cell>
          <cell r="I144" t="str">
            <v>海電指 P2-7</v>
          </cell>
          <cell r="T144">
            <v>26</v>
          </cell>
        </row>
        <row r="145">
          <cell r="C145" t="str">
            <v>ＪＲ運賃等</v>
          </cell>
          <cell r="D145" t="str">
            <v>東京～四日市</v>
          </cell>
          <cell r="E145" t="str">
            <v>往復</v>
          </cell>
          <cell r="F145">
            <v>2</v>
          </cell>
          <cell r="G145">
            <v>21160</v>
          </cell>
          <cell r="H145">
            <v>42320</v>
          </cell>
          <cell r="I145">
            <v>11110</v>
          </cell>
          <cell r="K145" t="str">
            <v>÷</v>
          </cell>
          <cell r="L145">
            <v>1.05</v>
          </cell>
          <cell r="M145" t="str">
            <v>×</v>
          </cell>
          <cell r="N145">
            <v>2</v>
          </cell>
        </row>
        <row r="146">
          <cell r="C146" t="str">
            <v>宿泊費</v>
          </cell>
          <cell r="D146" t="str">
            <v>４級以上</v>
          </cell>
          <cell r="E146" t="str">
            <v>泊</v>
          </cell>
          <cell r="F146">
            <v>2</v>
          </cell>
          <cell r="G146">
            <v>9333</v>
          </cell>
          <cell r="H146">
            <v>18666</v>
          </cell>
          <cell r="I146">
            <v>9800</v>
          </cell>
          <cell r="K146" t="str">
            <v>÷</v>
          </cell>
          <cell r="L146">
            <v>1.05</v>
          </cell>
        </row>
        <row r="147">
          <cell r="C147" t="str">
            <v>滞在日額旅費</v>
          </cell>
          <cell r="D147" t="str">
            <v>４級以上</v>
          </cell>
          <cell r="E147" t="str">
            <v>泊</v>
          </cell>
          <cell r="F147">
            <v>6</v>
          </cell>
          <cell r="G147">
            <v>8752</v>
          </cell>
          <cell r="H147">
            <v>52512</v>
          </cell>
          <cell r="I147">
            <v>9190</v>
          </cell>
          <cell r="K147" t="str">
            <v>÷</v>
          </cell>
          <cell r="L147">
            <v>1.05</v>
          </cell>
        </row>
        <row r="148">
          <cell r="C148" t="str">
            <v>日当</v>
          </cell>
          <cell r="D148" t="str">
            <v>４級以上</v>
          </cell>
          <cell r="E148" t="str">
            <v>日</v>
          </cell>
          <cell r="F148">
            <v>4</v>
          </cell>
          <cell r="G148">
            <v>2095</v>
          </cell>
          <cell r="H148">
            <v>8380</v>
          </cell>
          <cell r="I148">
            <v>2200</v>
          </cell>
          <cell r="K148" t="str">
            <v>÷</v>
          </cell>
          <cell r="L148">
            <v>1.05</v>
          </cell>
        </row>
        <row r="149">
          <cell r="A149">
            <v>27</v>
          </cell>
          <cell r="B149" t="str">
            <v>携帯電話契約</v>
          </cell>
          <cell r="E149" t="str">
            <v>台</v>
          </cell>
          <cell r="F149">
            <v>1</v>
          </cell>
          <cell r="H149">
            <v>3000</v>
          </cell>
          <cell r="T149">
            <v>26</v>
          </cell>
        </row>
        <row r="150">
          <cell r="C150" t="str">
            <v>契約事務手数料</v>
          </cell>
          <cell r="E150" t="str">
            <v>台</v>
          </cell>
          <cell r="F150">
            <v>1</v>
          </cell>
          <cell r="G150">
            <v>3000</v>
          </cell>
          <cell r="H150">
            <v>3000</v>
          </cell>
          <cell r="I150" t="str">
            <v>市価</v>
          </cell>
        </row>
        <row r="152">
          <cell r="A152">
            <v>28</v>
          </cell>
          <cell r="B152" t="str">
            <v>電話休止事務</v>
          </cell>
          <cell r="E152" t="str">
            <v>台</v>
          </cell>
          <cell r="F152">
            <v>1</v>
          </cell>
          <cell r="H152">
            <v>2000</v>
          </cell>
          <cell r="T152">
            <v>26</v>
          </cell>
        </row>
        <row r="153">
          <cell r="C153" t="str">
            <v>休止事務手数料</v>
          </cell>
          <cell r="E153" t="str">
            <v>台</v>
          </cell>
          <cell r="F153">
            <v>1</v>
          </cell>
          <cell r="G153">
            <v>2000</v>
          </cell>
          <cell r="H153">
            <v>2000</v>
          </cell>
          <cell r="I153" t="str">
            <v>市価</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8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Ａ代価 "/>
    </sheetNames>
    <sheetDataSet>
      <sheetData sheetId="0"/>
    </sheetDataSet>
  </externalBook>
</externalLink>
</file>

<file path=xl/externalLinks/externalLink8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コード"/>
      <sheetName val="明細 (屋外) "/>
      <sheetName val="明細 (便)"/>
      <sheetName val="明細 (浄)"/>
      <sheetName val="明細 (小)"/>
      <sheetName val="代価表"/>
      <sheetName val="県単価"/>
      <sheetName val="市場単価"/>
      <sheetName val="刊行物"/>
      <sheetName val="便所見積"/>
      <sheetName val="その他見積 "/>
    </sheetNames>
    <sheetDataSet>
      <sheetData sheetId="0">
        <row r="1">
          <cell r="B1" t="str">
            <v>コード</v>
          </cell>
          <cell r="C1" t="str">
            <v>名　　称</v>
          </cell>
          <cell r="D1" t="str">
            <v>形状寸法</v>
          </cell>
          <cell r="E1" t="str">
            <v>金　　額</v>
          </cell>
          <cell r="F1" t="str">
            <v>単位数量</v>
          </cell>
          <cell r="G1" t="str">
            <v>単位</v>
          </cell>
          <cell r="H1" t="str">
            <v>摘要欄</v>
          </cell>
        </row>
        <row r="2">
          <cell r="B2">
            <v>101</v>
          </cell>
          <cell r="C2" t="str">
            <v>特殊作業員</v>
          </cell>
          <cell r="E2">
            <v>21600</v>
          </cell>
          <cell r="F2">
            <v>1</v>
          </cell>
          <cell r="G2" t="str">
            <v>人</v>
          </cell>
          <cell r="H2" t="str">
            <v>R0100</v>
          </cell>
        </row>
        <row r="3">
          <cell r="B3">
            <v>102</v>
          </cell>
          <cell r="C3" t="str">
            <v>普通作業員</v>
          </cell>
          <cell r="E3">
            <v>17400</v>
          </cell>
          <cell r="F3">
            <v>1</v>
          </cell>
          <cell r="G3" t="str">
            <v>人</v>
          </cell>
          <cell r="H3" t="str">
            <v>R0200</v>
          </cell>
        </row>
        <row r="4">
          <cell r="B4">
            <v>103</v>
          </cell>
          <cell r="C4" t="str">
            <v>世話役</v>
          </cell>
          <cell r="E4">
            <v>25700</v>
          </cell>
          <cell r="F4">
            <v>1</v>
          </cell>
          <cell r="G4" t="str">
            <v>人</v>
          </cell>
          <cell r="H4" t="str">
            <v>R4000</v>
          </cell>
        </row>
        <row r="5">
          <cell r="B5">
            <v>104</v>
          </cell>
          <cell r="C5" t="str">
            <v>電工</v>
          </cell>
          <cell r="E5">
            <v>18300</v>
          </cell>
          <cell r="F5">
            <v>1</v>
          </cell>
          <cell r="G5" t="str">
            <v>人</v>
          </cell>
          <cell r="H5" t="str">
            <v>R0800</v>
          </cell>
        </row>
        <row r="6">
          <cell r="B6">
            <v>105</v>
          </cell>
          <cell r="C6" t="str">
            <v>配管工</v>
          </cell>
          <cell r="E6">
            <v>16700</v>
          </cell>
          <cell r="F6">
            <v>1</v>
          </cell>
          <cell r="G6" t="str">
            <v>人</v>
          </cell>
          <cell r="H6" t="str">
            <v>R3100</v>
          </cell>
        </row>
        <row r="7">
          <cell r="B7">
            <v>106</v>
          </cell>
        </row>
        <row r="8">
          <cell r="B8">
            <v>107</v>
          </cell>
        </row>
        <row r="9">
          <cell r="B9">
            <v>108</v>
          </cell>
        </row>
        <row r="10">
          <cell r="B10">
            <v>109</v>
          </cell>
        </row>
        <row r="11">
          <cell r="B11">
            <v>110</v>
          </cell>
        </row>
        <row r="12">
          <cell r="B12">
            <v>201</v>
          </cell>
          <cell r="C12" t="str">
            <v>遣り方</v>
          </cell>
          <cell r="D12" t="str">
            <v>一般</v>
          </cell>
          <cell r="E12">
            <v>220</v>
          </cell>
          <cell r="F12">
            <v>1</v>
          </cell>
          <cell r="G12" t="str">
            <v>m2</v>
          </cell>
          <cell r="H12" t="str">
            <v>B0-132511</v>
          </cell>
        </row>
        <row r="13">
          <cell r="B13">
            <v>202</v>
          </cell>
          <cell r="C13" t="str">
            <v>平遣り方</v>
          </cell>
          <cell r="E13">
            <v>2550</v>
          </cell>
          <cell r="F13">
            <v>1</v>
          </cell>
          <cell r="G13" t="str">
            <v>箇所</v>
          </cell>
          <cell r="H13" t="str">
            <v>B0-132512</v>
          </cell>
        </row>
        <row r="14">
          <cell r="B14">
            <v>203</v>
          </cell>
          <cell r="C14" t="str">
            <v>隅遣り方</v>
          </cell>
          <cell r="E14">
            <v>3830</v>
          </cell>
          <cell r="F14">
            <v>1</v>
          </cell>
          <cell r="G14" t="str">
            <v>箇所</v>
          </cell>
          <cell r="H14" t="str">
            <v>B0-132513</v>
          </cell>
        </row>
        <row r="15">
          <cell r="B15">
            <v>204</v>
          </cell>
          <cell r="C15" t="str">
            <v>墨出し</v>
          </cell>
          <cell r="D15" t="str">
            <v>一般</v>
          </cell>
          <cell r="E15">
            <v>390</v>
          </cell>
          <cell r="F15">
            <v>1</v>
          </cell>
          <cell r="G15" t="str">
            <v>m2</v>
          </cell>
          <cell r="H15" t="str">
            <v>B0-132514</v>
          </cell>
        </row>
        <row r="16">
          <cell r="B16">
            <v>205</v>
          </cell>
          <cell r="C16" t="str">
            <v>外部単管足場</v>
          </cell>
          <cell r="D16" t="str">
            <v>高さ10m未満,2ヶ月</v>
          </cell>
          <cell r="E16">
            <v>1180</v>
          </cell>
          <cell r="F16">
            <v>1</v>
          </cell>
          <cell r="G16" t="str">
            <v>掛m2</v>
          </cell>
          <cell r="H16" t="str">
            <v>B0-131222</v>
          </cell>
        </row>
        <row r="17">
          <cell r="B17">
            <v>206</v>
          </cell>
          <cell r="C17" t="str">
            <v>内部足場</v>
          </cell>
          <cell r="D17" t="str">
            <v>脚立足場,2ヶ月</v>
          </cell>
          <cell r="E17">
            <v>230</v>
          </cell>
          <cell r="F17">
            <v>1</v>
          </cell>
          <cell r="G17" t="str">
            <v>延m2</v>
          </cell>
          <cell r="H17" t="str">
            <v>B0-131231</v>
          </cell>
        </row>
        <row r="18">
          <cell r="B18">
            <v>207</v>
          </cell>
          <cell r="C18" t="str">
            <v>養生</v>
          </cell>
          <cell r="D18" t="str">
            <v>一般</v>
          </cell>
          <cell r="E18">
            <v>215</v>
          </cell>
          <cell r="F18">
            <v>1</v>
          </cell>
          <cell r="G18" t="str">
            <v>延m2</v>
          </cell>
          <cell r="H18" t="str">
            <v>B0-132515</v>
          </cell>
        </row>
        <row r="19">
          <cell r="B19">
            <v>208</v>
          </cell>
          <cell r="C19" t="str">
            <v>整理清掃跡片付け</v>
          </cell>
          <cell r="D19" t="str">
            <v>一般</v>
          </cell>
          <cell r="E19">
            <v>900</v>
          </cell>
          <cell r="F19">
            <v>1</v>
          </cell>
          <cell r="G19" t="str">
            <v>延m2</v>
          </cell>
          <cell r="H19" t="str">
            <v>B0-132531</v>
          </cell>
        </row>
        <row r="20">
          <cell r="B20">
            <v>209</v>
          </cell>
          <cell r="C20" t="str">
            <v>根切り</v>
          </cell>
          <cell r="D20" t="str">
            <v>つぼ掘り,ﾊﾞｯｸﾎｳ0.35m3</v>
          </cell>
          <cell r="E20">
            <v>1170</v>
          </cell>
          <cell r="F20">
            <v>1</v>
          </cell>
          <cell r="G20" t="str">
            <v>m3</v>
          </cell>
          <cell r="H20" t="str">
            <v>B0-132233</v>
          </cell>
        </row>
        <row r="21">
          <cell r="B21">
            <v>209.1</v>
          </cell>
          <cell r="C21" t="str">
            <v>すきとり</v>
          </cell>
          <cell r="D21" t="str">
            <v>ﾌﾞﾙﾄｰｻﾞ3t</v>
          </cell>
          <cell r="E21">
            <v>666</v>
          </cell>
          <cell r="F21">
            <v>1</v>
          </cell>
          <cell r="G21" t="str">
            <v>m3</v>
          </cell>
          <cell r="H21" t="str">
            <v>B0-132218</v>
          </cell>
        </row>
        <row r="22">
          <cell r="B22">
            <v>209.2</v>
          </cell>
          <cell r="C22" t="str">
            <v>根切り</v>
          </cell>
          <cell r="D22" t="str">
            <v>山留め,ﾊﾞｯｸﾎｳ0.6m3</v>
          </cell>
          <cell r="E22">
            <v>685</v>
          </cell>
          <cell r="F22">
            <v>1</v>
          </cell>
          <cell r="G22" t="str">
            <v>m3</v>
          </cell>
          <cell r="H22" t="str">
            <v>B0-132233</v>
          </cell>
        </row>
        <row r="23">
          <cell r="B23">
            <v>209.3</v>
          </cell>
          <cell r="C23" t="str">
            <v>根切り</v>
          </cell>
          <cell r="D23" t="str">
            <v>小規模土工,ﾊﾞｯｸﾎｳ0.2m3</v>
          </cell>
          <cell r="E23">
            <v>1780</v>
          </cell>
          <cell r="F23">
            <v>1</v>
          </cell>
          <cell r="G23" t="str">
            <v>m3</v>
          </cell>
          <cell r="H23" t="str">
            <v>B0-132233</v>
          </cell>
        </row>
        <row r="24">
          <cell r="B24">
            <v>209.4</v>
          </cell>
          <cell r="C24" t="str">
            <v>根切り</v>
          </cell>
          <cell r="D24" t="str">
            <v>人力土工</v>
          </cell>
          <cell r="E24">
            <v>9120</v>
          </cell>
          <cell r="F24">
            <v>1</v>
          </cell>
          <cell r="G24" t="str">
            <v>m3</v>
          </cell>
          <cell r="H24" t="str">
            <v>B0-132233</v>
          </cell>
        </row>
        <row r="25">
          <cell r="B25">
            <v>209.5</v>
          </cell>
          <cell r="C25" t="str">
            <v>床付け</v>
          </cell>
          <cell r="E25">
            <v>434</v>
          </cell>
          <cell r="F25">
            <v>1</v>
          </cell>
          <cell r="G25" t="str">
            <v>m2</v>
          </cell>
          <cell r="H25" t="str">
            <v>B0-132226</v>
          </cell>
        </row>
        <row r="26">
          <cell r="B26">
            <v>210</v>
          </cell>
          <cell r="C26" t="str">
            <v>埋戻し</v>
          </cell>
          <cell r="D26" t="str">
            <v>つぼ掘り,ﾊﾞｯｸﾎｳ0.35m3</v>
          </cell>
          <cell r="E26">
            <v>1630</v>
          </cell>
          <cell r="F26">
            <v>1</v>
          </cell>
          <cell r="G26" t="str">
            <v>m3</v>
          </cell>
          <cell r="H26" t="str">
            <v>B0-132251</v>
          </cell>
        </row>
        <row r="27">
          <cell r="B27">
            <v>210.1</v>
          </cell>
          <cell r="C27" t="str">
            <v>埋戻し</v>
          </cell>
          <cell r="D27" t="str">
            <v>つぼ掘り,ﾊﾞｯｸﾎｳ0.6m3</v>
          </cell>
          <cell r="E27">
            <v>1430</v>
          </cell>
          <cell r="F27">
            <v>1</v>
          </cell>
          <cell r="G27" t="str">
            <v>m3</v>
          </cell>
          <cell r="H27" t="str">
            <v>B0-132251</v>
          </cell>
        </row>
        <row r="28">
          <cell r="B28">
            <v>210.2</v>
          </cell>
          <cell r="C28" t="str">
            <v>埋戻し</v>
          </cell>
          <cell r="D28" t="str">
            <v>山留め,ﾊﾞｯｸﾎｳ0.6m3</v>
          </cell>
          <cell r="E28">
            <v>1430</v>
          </cell>
          <cell r="F28">
            <v>1</v>
          </cell>
          <cell r="G28" t="str">
            <v>m3</v>
          </cell>
          <cell r="H28" t="str">
            <v>B0-132251</v>
          </cell>
        </row>
        <row r="29">
          <cell r="B29">
            <v>210.3</v>
          </cell>
          <cell r="C29" t="str">
            <v>埋戻し</v>
          </cell>
          <cell r="D29" t="str">
            <v>小規模土工,ﾊﾞｯｸﾎｳ0.2m3</v>
          </cell>
          <cell r="E29">
            <v>3300</v>
          </cell>
          <cell r="F29">
            <v>1</v>
          </cell>
          <cell r="G29" t="str">
            <v>m3</v>
          </cell>
          <cell r="H29" t="str">
            <v>B0-132251</v>
          </cell>
        </row>
        <row r="30">
          <cell r="B30">
            <v>210.4</v>
          </cell>
          <cell r="C30" t="str">
            <v>埋戻し</v>
          </cell>
          <cell r="D30" t="str">
            <v>人力土工</v>
          </cell>
          <cell r="E30">
            <v>4120</v>
          </cell>
          <cell r="F30">
            <v>1</v>
          </cell>
          <cell r="G30" t="str">
            <v>m3</v>
          </cell>
          <cell r="H30" t="str">
            <v>B0-132251</v>
          </cell>
        </row>
        <row r="31">
          <cell r="B31">
            <v>211</v>
          </cell>
          <cell r="C31" t="str">
            <v>積込み</v>
          </cell>
          <cell r="D31" t="str">
            <v>小規模土工,ﾊﾞｯｸﾎｳ0.2m3</v>
          </cell>
          <cell r="E31">
            <v>588</v>
          </cell>
          <cell r="F31">
            <v>1</v>
          </cell>
          <cell r="G31" t="str">
            <v>m3</v>
          </cell>
          <cell r="H31" t="str">
            <v>B0-132612</v>
          </cell>
        </row>
        <row r="32">
          <cell r="B32">
            <v>212</v>
          </cell>
          <cell r="C32" t="str">
            <v>建設発生土運搬</v>
          </cell>
          <cell r="D32" t="str">
            <v>ﾀﾞﾝﾌﾟ4t,0.2km以下</v>
          </cell>
          <cell r="E32">
            <v>730</v>
          </cell>
          <cell r="F32">
            <v>1</v>
          </cell>
          <cell r="G32" t="str">
            <v>m3</v>
          </cell>
          <cell r="H32" t="str">
            <v>B0-132623</v>
          </cell>
        </row>
        <row r="33">
          <cell r="B33">
            <v>213</v>
          </cell>
          <cell r="C33" t="str">
            <v>敷きならし締固め</v>
          </cell>
          <cell r="D33" t="str">
            <v>ﾌﾞﾙ3t,振動ﾛｰﾗｰ2.5～2.8t</v>
          </cell>
          <cell r="E33">
            <v>932</v>
          </cell>
          <cell r="F33">
            <v>1</v>
          </cell>
          <cell r="G33" t="str">
            <v>m3</v>
          </cell>
          <cell r="H33" t="str">
            <v>B0-132247</v>
          </cell>
        </row>
        <row r="34">
          <cell r="B34">
            <v>213.5</v>
          </cell>
          <cell r="C34" t="str">
            <v>敷きならし</v>
          </cell>
          <cell r="D34" t="str">
            <v>ﾌﾞﾙﾄｰｻﾞ3t</v>
          </cell>
          <cell r="E34">
            <v>431</v>
          </cell>
          <cell r="F34">
            <v>1</v>
          </cell>
          <cell r="G34" t="str">
            <v>m3</v>
          </cell>
          <cell r="H34" t="str">
            <v>B0-132243</v>
          </cell>
        </row>
        <row r="35">
          <cell r="B35">
            <v>214</v>
          </cell>
          <cell r="C35" t="str">
            <v>人力敷きならし</v>
          </cell>
          <cell r="D35" t="str">
            <v>構内敷均し</v>
          </cell>
          <cell r="E35">
            <v>3690</v>
          </cell>
          <cell r="F35">
            <v>1</v>
          </cell>
          <cell r="G35" t="str">
            <v>m3</v>
          </cell>
          <cell r="H35" t="str">
            <v>B0-132244</v>
          </cell>
        </row>
        <row r="36">
          <cell r="B36">
            <v>214.1</v>
          </cell>
          <cell r="C36" t="str">
            <v>盛土</v>
          </cell>
          <cell r="D36" t="str">
            <v>ﾊﾞｯｸﾎｳ0.35m3</v>
          </cell>
          <cell r="E36">
            <v>1630</v>
          </cell>
          <cell r="F36">
            <v>1</v>
          </cell>
          <cell r="G36" t="str">
            <v>m3</v>
          </cell>
          <cell r="H36" t="str">
            <v>B0-132261</v>
          </cell>
        </row>
        <row r="37">
          <cell r="B37">
            <v>214.2</v>
          </cell>
          <cell r="C37" t="str">
            <v>盛土</v>
          </cell>
          <cell r="D37" t="str">
            <v>ﾊﾞｯｸﾎｳ0.6m3</v>
          </cell>
          <cell r="E37">
            <v>1430</v>
          </cell>
          <cell r="F37">
            <v>1</v>
          </cell>
          <cell r="G37" t="str">
            <v>m3</v>
          </cell>
          <cell r="H37" t="str">
            <v>B0-132261</v>
          </cell>
        </row>
        <row r="38">
          <cell r="B38">
            <v>214.3</v>
          </cell>
          <cell r="C38" t="str">
            <v>敷砂</v>
          </cell>
          <cell r="E38">
            <v>6050</v>
          </cell>
          <cell r="F38">
            <v>1</v>
          </cell>
          <cell r="G38" t="str">
            <v>m3</v>
          </cell>
          <cell r="H38" t="str">
            <v>B0-141211</v>
          </cell>
        </row>
        <row r="39">
          <cell r="B39">
            <v>215</v>
          </cell>
          <cell r="C39" t="str">
            <v>砂利地業</v>
          </cell>
          <cell r="E39">
            <v>5900</v>
          </cell>
          <cell r="F39">
            <v>1</v>
          </cell>
          <cell r="G39" t="str">
            <v>m3</v>
          </cell>
          <cell r="H39" t="str">
            <v>B1-133311</v>
          </cell>
        </row>
        <row r="40">
          <cell r="B40">
            <v>301</v>
          </cell>
          <cell r="C40" t="str">
            <v>生コンクリート</v>
          </cell>
          <cell r="D40" t="str">
            <v>18N/mm2</v>
          </cell>
          <cell r="E40">
            <v>9900</v>
          </cell>
          <cell r="F40">
            <v>1</v>
          </cell>
          <cell r="G40" t="str">
            <v>m3</v>
          </cell>
          <cell r="H40" t="str">
            <v>B1-134202</v>
          </cell>
        </row>
        <row r="41">
          <cell r="B41">
            <v>302</v>
          </cell>
          <cell r="C41" t="str">
            <v>生コンクリート</v>
          </cell>
          <cell r="D41" t="str">
            <v>21N/mm2</v>
          </cell>
          <cell r="E41">
            <v>10200</v>
          </cell>
          <cell r="F41">
            <v>1</v>
          </cell>
          <cell r="G41" t="str">
            <v>m3</v>
          </cell>
          <cell r="H41" t="str">
            <v>B1-134202</v>
          </cell>
        </row>
        <row r="42">
          <cell r="B42">
            <v>303</v>
          </cell>
          <cell r="C42" t="str">
            <v>ｺﾝｸﾘｰﾄ打設手間</v>
          </cell>
          <cell r="D42" t="str">
            <v>均し,ｼｭｰﾄ打</v>
          </cell>
          <cell r="E42">
            <v>3140</v>
          </cell>
          <cell r="F42">
            <v>1</v>
          </cell>
          <cell r="G42" t="str">
            <v>m3</v>
          </cell>
          <cell r="H42" t="str">
            <v>B0-134214</v>
          </cell>
        </row>
        <row r="43">
          <cell r="B43">
            <v>304</v>
          </cell>
          <cell r="C43" t="str">
            <v>ｺﾝｸﾘｰﾄ打設手間</v>
          </cell>
          <cell r="D43" t="str">
            <v>一般,ﾌﾞｰﾑ式,20m3未満</v>
          </cell>
          <cell r="E43">
            <v>2790</v>
          </cell>
          <cell r="F43">
            <v>1</v>
          </cell>
          <cell r="G43" t="str">
            <v>m3</v>
          </cell>
          <cell r="H43" t="str">
            <v>B0-134214</v>
          </cell>
        </row>
        <row r="44">
          <cell r="B44">
            <v>305</v>
          </cell>
          <cell r="C44" t="str">
            <v>ｺﾝｸﾘｰﾄ打設手間</v>
          </cell>
          <cell r="D44" t="str">
            <v>土間,ﾌﾞｰﾑ式,20m3未満</v>
          </cell>
          <cell r="E44">
            <v>863</v>
          </cell>
          <cell r="F44">
            <v>1</v>
          </cell>
          <cell r="G44" t="str">
            <v>m3</v>
          </cell>
          <cell r="H44" t="str">
            <v>B0-134214</v>
          </cell>
        </row>
        <row r="45">
          <cell r="B45">
            <v>306</v>
          </cell>
          <cell r="C45" t="str">
            <v>ｺﾝｸﾘｰﾄ打設手間</v>
          </cell>
          <cell r="D45" t="str">
            <v>耐圧,ﾌﾞｰﾑ式,20m3未満</v>
          </cell>
          <cell r="E45">
            <v>1250</v>
          </cell>
          <cell r="F45">
            <v>1</v>
          </cell>
          <cell r="G45" t="str">
            <v>m3</v>
          </cell>
          <cell r="H45" t="str">
            <v>B0-134214</v>
          </cell>
        </row>
        <row r="46">
          <cell r="B46">
            <v>307</v>
          </cell>
          <cell r="C46" t="str">
            <v>型枠</v>
          </cell>
          <cell r="D46" t="str">
            <v>独立基礎</v>
          </cell>
          <cell r="E46">
            <v>3300</v>
          </cell>
          <cell r="F46">
            <v>1</v>
          </cell>
          <cell r="G46" t="str">
            <v>m2</v>
          </cell>
          <cell r="H46" t="str">
            <v>B1-134415</v>
          </cell>
        </row>
        <row r="47">
          <cell r="B47">
            <v>308</v>
          </cell>
          <cell r="C47" t="str">
            <v>型枠</v>
          </cell>
          <cell r="D47" t="str">
            <v>布基礎</v>
          </cell>
          <cell r="E47">
            <v>3250</v>
          </cell>
          <cell r="F47">
            <v>1</v>
          </cell>
          <cell r="G47" t="str">
            <v>m2</v>
          </cell>
          <cell r="H47" t="str">
            <v>B1-134416</v>
          </cell>
        </row>
        <row r="48">
          <cell r="B48">
            <v>309</v>
          </cell>
          <cell r="C48" t="str">
            <v>異形鉄筋（材のみ）</v>
          </cell>
          <cell r="D48" t="str">
            <v>SD295A D10</v>
          </cell>
          <cell r="E48">
            <v>29000</v>
          </cell>
          <cell r="F48">
            <v>1</v>
          </cell>
          <cell r="G48" t="str">
            <v>t</v>
          </cell>
          <cell r="H48" t="str">
            <v>B1-136211</v>
          </cell>
        </row>
        <row r="49">
          <cell r="B49">
            <v>310</v>
          </cell>
          <cell r="C49" t="str">
            <v>異形鉄筋（材のみ）</v>
          </cell>
          <cell r="D49" t="str">
            <v>SD295A D13</v>
          </cell>
          <cell r="E49">
            <v>26900</v>
          </cell>
          <cell r="F49">
            <v>1</v>
          </cell>
          <cell r="G49" t="str">
            <v>t</v>
          </cell>
          <cell r="H49" t="str">
            <v>B1-136211</v>
          </cell>
        </row>
        <row r="50">
          <cell r="B50">
            <v>311</v>
          </cell>
          <cell r="C50" t="str">
            <v>異形鉄筋（材のみ）</v>
          </cell>
          <cell r="D50" t="str">
            <v>SD295A D16からD25</v>
          </cell>
          <cell r="E50">
            <v>24800</v>
          </cell>
          <cell r="F50">
            <v>1</v>
          </cell>
          <cell r="G50" t="str">
            <v>t</v>
          </cell>
          <cell r="H50" t="str">
            <v>B1-136211</v>
          </cell>
        </row>
        <row r="51">
          <cell r="B51">
            <v>312</v>
          </cell>
          <cell r="C51" t="str">
            <v>鉄筋加工組立</v>
          </cell>
          <cell r="D51" t="str">
            <v>RC 5t未満</v>
          </cell>
          <cell r="E51">
            <v>53000</v>
          </cell>
          <cell r="F51">
            <v>1</v>
          </cell>
          <cell r="G51" t="str">
            <v>t</v>
          </cell>
          <cell r="H51" t="str">
            <v>B1-136221</v>
          </cell>
        </row>
        <row r="52">
          <cell r="B52">
            <v>313</v>
          </cell>
          <cell r="C52" t="str">
            <v>天井化粧石膏ﾎﾞｰﾄﾞ</v>
          </cell>
          <cell r="D52" t="str">
            <v>t9.5,不燃</v>
          </cell>
          <cell r="E52">
            <v>1730</v>
          </cell>
          <cell r="F52">
            <v>1</v>
          </cell>
          <cell r="G52" t="str">
            <v>m2</v>
          </cell>
          <cell r="H52" t="str">
            <v>B0-238413</v>
          </cell>
        </row>
        <row r="54">
          <cell r="B54">
            <v>314</v>
          </cell>
          <cell r="C54" t="str">
            <v>軽鉄天井下地</v>
          </cell>
          <cell r="D54" t="str">
            <v>@360,下張り,19型</v>
          </cell>
          <cell r="E54">
            <v>1310</v>
          </cell>
          <cell r="F54">
            <v>1</v>
          </cell>
          <cell r="G54" t="str">
            <v>m2</v>
          </cell>
          <cell r="H54" t="str">
            <v>B0-235411</v>
          </cell>
        </row>
        <row r="55">
          <cell r="B55">
            <v>315</v>
          </cell>
        </row>
        <row r="56">
          <cell r="B56">
            <v>316</v>
          </cell>
          <cell r="C56" t="str">
            <v>ｺﾝｸﾘｰﾄﾎﾟﾝﾌﾟ車運転</v>
          </cell>
          <cell r="D56" t="str">
            <v>ﾌﾞｰﾑ式,20m3未満</v>
          </cell>
          <cell r="E56">
            <v>36</v>
          </cell>
          <cell r="F56">
            <v>1</v>
          </cell>
          <cell r="G56" t="str">
            <v>m3</v>
          </cell>
          <cell r="H56" t="str">
            <v>B0-134223</v>
          </cell>
        </row>
        <row r="57">
          <cell r="B57">
            <v>317</v>
          </cell>
          <cell r="C57" t="str">
            <v>ｺﾝｸﾘｰﾄﾎﾟﾝﾌﾟ車組立</v>
          </cell>
          <cell r="D57" t="str">
            <v>ﾌﾞｰﾑ式,20m3未満</v>
          </cell>
          <cell r="E57">
            <v>37400</v>
          </cell>
          <cell r="F57">
            <v>1</v>
          </cell>
          <cell r="G57" t="str">
            <v>台</v>
          </cell>
          <cell r="H57" t="str">
            <v>B0-134224</v>
          </cell>
        </row>
        <row r="58">
          <cell r="B58">
            <v>318</v>
          </cell>
          <cell r="C58" t="str">
            <v>床ﾓｻﾞｲｸﾀｲﾙ</v>
          </cell>
          <cell r="D58" t="str">
            <v>無ゆう,50mm角</v>
          </cell>
          <cell r="E58">
            <v>6810</v>
          </cell>
          <cell r="F58">
            <v>1</v>
          </cell>
          <cell r="G58" t="str">
            <v>m2</v>
          </cell>
          <cell r="H58" t="str">
            <v>B0-233254</v>
          </cell>
        </row>
        <row r="59">
          <cell r="B59">
            <v>319</v>
          </cell>
          <cell r="C59" t="str">
            <v>布基礎天端ﾓﾙﾀﾙ</v>
          </cell>
          <cell r="E59">
            <v>2070</v>
          </cell>
          <cell r="F59">
            <v>1</v>
          </cell>
          <cell r="G59" t="str">
            <v>m</v>
          </cell>
          <cell r="H59" t="str">
            <v>B0-236631</v>
          </cell>
        </row>
        <row r="60">
          <cell r="B60">
            <v>320</v>
          </cell>
          <cell r="C60" t="str">
            <v>布基礎幅木ﾓﾙﾀﾙ</v>
          </cell>
          <cell r="D60" t="str">
            <v>H&lt;150</v>
          </cell>
          <cell r="E60">
            <v>1340</v>
          </cell>
          <cell r="F60">
            <v>1</v>
          </cell>
          <cell r="G60" t="str">
            <v>m</v>
          </cell>
          <cell r="H60" t="str">
            <v>B0-236611</v>
          </cell>
        </row>
        <row r="61">
          <cell r="B61">
            <v>321</v>
          </cell>
          <cell r="C61" t="str">
            <v>布基礎幅木ﾓﾙﾀﾙ</v>
          </cell>
          <cell r="D61" t="str">
            <v>H=200</v>
          </cell>
          <cell r="E61">
            <v>1590</v>
          </cell>
          <cell r="F61">
            <v>1</v>
          </cell>
          <cell r="G61" t="str">
            <v>m</v>
          </cell>
          <cell r="H61" t="str">
            <v>B0-236611</v>
          </cell>
        </row>
        <row r="62">
          <cell r="B62">
            <v>322</v>
          </cell>
          <cell r="C62" t="str">
            <v>床ﾓﾙﾀﾙ</v>
          </cell>
          <cell r="E62">
            <v>2330</v>
          </cell>
          <cell r="F62">
            <v>1</v>
          </cell>
          <cell r="G62" t="str">
            <v>m2</v>
          </cell>
          <cell r="H62" t="str">
            <v>B0-236611</v>
          </cell>
        </row>
        <row r="63">
          <cell r="B63">
            <v>323</v>
          </cell>
          <cell r="C63" t="str">
            <v>ﾓｻﾞｲｸ下地ﾓﾙﾀﾙ</v>
          </cell>
          <cell r="E63">
            <v>1830</v>
          </cell>
          <cell r="F63">
            <v>1</v>
          </cell>
          <cell r="G63" t="str">
            <v>m2</v>
          </cell>
          <cell r="H63" t="str">
            <v>B0-236611</v>
          </cell>
        </row>
        <row r="64">
          <cell r="B64">
            <v>324</v>
          </cell>
        </row>
        <row r="65">
          <cell r="B65">
            <v>325</v>
          </cell>
          <cell r="C65" t="str">
            <v>ﾌｪﾝｽ撤去</v>
          </cell>
          <cell r="D65" t="str">
            <v>廃材処理含む,基礎共</v>
          </cell>
          <cell r="E65">
            <v>2160</v>
          </cell>
          <cell r="F65">
            <v>1</v>
          </cell>
          <cell r="G65" t="str">
            <v>m</v>
          </cell>
          <cell r="H65" t="str">
            <v>B1-351441</v>
          </cell>
        </row>
        <row r="66">
          <cell r="B66">
            <v>326</v>
          </cell>
          <cell r="C66" t="str">
            <v>ｱｽﾌｧﾙﾄ撤去</v>
          </cell>
          <cell r="D66" t="str">
            <v>廃材処理含む</v>
          </cell>
          <cell r="E66">
            <v>1000</v>
          </cell>
          <cell r="F66">
            <v>1</v>
          </cell>
          <cell r="G66" t="str">
            <v>m2</v>
          </cell>
          <cell r="H66" t="str">
            <v>B1-351442</v>
          </cell>
        </row>
        <row r="67">
          <cell r="B67">
            <v>327</v>
          </cell>
          <cell r="C67" t="str">
            <v>ｱｽﾌｧﾙﾄ舗装</v>
          </cell>
          <cell r="D67" t="str">
            <v>厚30(歩道用),掘削別途</v>
          </cell>
          <cell r="E67">
            <v>1360</v>
          </cell>
          <cell r="F67">
            <v>1</v>
          </cell>
          <cell r="G67" t="str">
            <v>m2</v>
          </cell>
          <cell r="H67" t="str">
            <v>B1-331011</v>
          </cell>
        </row>
        <row r="68">
          <cell r="B68">
            <v>328</v>
          </cell>
        </row>
        <row r="69">
          <cell r="B69">
            <v>329</v>
          </cell>
        </row>
        <row r="70">
          <cell r="B70">
            <v>330</v>
          </cell>
        </row>
        <row r="71">
          <cell r="B71">
            <v>331</v>
          </cell>
        </row>
        <row r="72">
          <cell r="B72">
            <v>332</v>
          </cell>
        </row>
        <row r="73">
          <cell r="B73">
            <v>350</v>
          </cell>
          <cell r="C73" t="str">
            <v>外壁ﾓｻﾞｲｸﾀｲﾙ</v>
          </cell>
          <cell r="D73" t="str">
            <v>50二丁,磁器質</v>
          </cell>
          <cell r="E73">
            <v>5500</v>
          </cell>
          <cell r="F73">
            <v>1</v>
          </cell>
          <cell r="G73" t="str">
            <v>m2</v>
          </cell>
          <cell r="H73" t="str">
            <v>刊行物比較一覧</v>
          </cell>
        </row>
        <row r="74">
          <cell r="C74" t="e">
            <v>#N/A</v>
          </cell>
          <cell r="D74" t="e">
            <v>#N/A</v>
          </cell>
          <cell r="E74" t="e">
            <v>#N/A</v>
          </cell>
          <cell r="F74">
            <v>1</v>
          </cell>
          <cell r="G74" t="e">
            <v>#N/A</v>
          </cell>
          <cell r="H74" t="str">
            <v>刊行物比較一覧</v>
          </cell>
        </row>
        <row r="75">
          <cell r="C75" t="e">
            <v>#N/A</v>
          </cell>
          <cell r="D75" t="e">
            <v>#N/A</v>
          </cell>
          <cell r="E75" t="e">
            <v>#N/A</v>
          </cell>
          <cell r="F75">
            <v>1</v>
          </cell>
          <cell r="G75" t="e">
            <v>#N/A</v>
          </cell>
          <cell r="H75" t="str">
            <v>刊行物比較一覧</v>
          </cell>
        </row>
        <row r="76">
          <cell r="C76" t="e">
            <v>#N/A</v>
          </cell>
          <cell r="D76" t="e">
            <v>#N/A</v>
          </cell>
          <cell r="E76" t="e">
            <v>#N/A</v>
          </cell>
          <cell r="F76">
            <v>1</v>
          </cell>
          <cell r="G76" t="e">
            <v>#N/A</v>
          </cell>
          <cell r="H76" t="str">
            <v>刊行物比較一覧</v>
          </cell>
        </row>
        <row r="77">
          <cell r="C77" t="e">
            <v>#N/A</v>
          </cell>
          <cell r="D77" t="e">
            <v>#N/A</v>
          </cell>
          <cell r="E77" t="e">
            <v>#N/A</v>
          </cell>
          <cell r="F77">
            <v>1</v>
          </cell>
          <cell r="G77" t="e">
            <v>#N/A</v>
          </cell>
          <cell r="H77" t="str">
            <v>刊行物比較一覧</v>
          </cell>
        </row>
        <row r="78">
          <cell r="C78" t="e">
            <v>#N/A</v>
          </cell>
          <cell r="D78" t="e">
            <v>#N/A</v>
          </cell>
          <cell r="E78" t="e">
            <v>#N/A</v>
          </cell>
          <cell r="F78">
            <v>1</v>
          </cell>
          <cell r="G78" t="e">
            <v>#N/A</v>
          </cell>
          <cell r="H78" t="str">
            <v>刊行物比較一覧</v>
          </cell>
        </row>
        <row r="79">
          <cell r="C79" t="e">
            <v>#N/A</v>
          </cell>
          <cell r="D79" t="e">
            <v>#N/A</v>
          </cell>
          <cell r="E79" t="e">
            <v>#N/A</v>
          </cell>
          <cell r="F79">
            <v>1</v>
          </cell>
          <cell r="G79" t="e">
            <v>#N/A</v>
          </cell>
          <cell r="H79" t="str">
            <v>刊行物比較一覧</v>
          </cell>
        </row>
        <row r="80">
          <cell r="C80" t="e">
            <v>#N/A</v>
          </cell>
          <cell r="D80" t="e">
            <v>#N/A</v>
          </cell>
          <cell r="E80" t="e">
            <v>#N/A</v>
          </cell>
          <cell r="F80">
            <v>1</v>
          </cell>
          <cell r="G80" t="e">
            <v>#N/A</v>
          </cell>
          <cell r="H80" t="str">
            <v>刊行物比較一覧</v>
          </cell>
        </row>
        <row r="81">
          <cell r="C81" t="e">
            <v>#N/A</v>
          </cell>
          <cell r="D81" t="e">
            <v>#N/A</v>
          </cell>
          <cell r="E81" t="e">
            <v>#N/A</v>
          </cell>
          <cell r="F81">
            <v>1</v>
          </cell>
          <cell r="G81" t="e">
            <v>#N/A</v>
          </cell>
          <cell r="H81" t="str">
            <v>刊行物比較一覧</v>
          </cell>
        </row>
        <row r="82">
          <cell r="C82" t="e">
            <v>#N/A</v>
          </cell>
          <cell r="D82" t="e">
            <v>#N/A</v>
          </cell>
          <cell r="E82" t="e">
            <v>#N/A</v>
          </cell>
          <cell r="F82">
            <v>1</v>
          </cell>
          <cell r="G82" t="e">
            <v>#N/A</v>
          </cell>
          <cell r="H82" t="str">
            <v>刊行物比較一覧</v>
          </cell>
        </row>
        <row r="83">
          <cell r="C83" t="e">
            <v>#N/A</v>
          </cell>
          <cell r="D83" t="e">
            <v>#N/A</v>
          </cell>
          <cell r="E83" t="e">
            <v>#N/A</v>
          </cell>
          <cell r="F83">
            <v>1</v>
          </cell>
          <cell r="G83" t="e">
            <v>#N/A</v>
          </cell>
          <cell r="H83" t="str">
            <v>刊行物比較一覧</v>
          </cell>
        </row>
        <row r="84">
          <cell r="B84">
            <v>401</v>
          </cell>
          <cell r="C84" t="str">
            <v>鋼矢板工法</v>
          </cell>
          <cell r="D84" t="str">
            <v>１段,Ⅲ型,ﾊﾞｲﾌﾞﾛ,2ヶ月</v>
          </cell>
          <cell r="E84">
            <v>16900</v>
          </cell>
          <cell r="F84">
            <v>1</v>
          </cell>
          <cell r="G84" t="str">
            <v>壁m2</v>
          </cell>
          <cell r="H84" t="str">
            <v>市場単価一覧</v>
          </cell>
        </row>
        <row r="85">
          <cell r="B85">
            <v>402</v>
          </cell>
          <cell r="C85" t="str">
            <v>鋼製腹起し切ばり</v>
          </cell>
          <cell r="D85" t="str">
            <v>1段,2ヶ月</v>
          </cell>
          <cell r="E85">
            <v>6230</v>
          </cell>
          <cell r="F85">
            <v>1</v>
          </cell>
          <cell r="G85" t="str">
            <v>延伏m2</v>
          </cell>
          <cell r="H85" t="str">
            <v>市場単価一覧</v>
          </cell>
        </row>
        <row r="86">
          <cell r="B86">
            <v>403</v>
          </cell>
          <cell r="C86" t="e">
            <v>#N/A</v>
          </cell>
          <cell r="D86" t="e">
            <v>#N/A</v>
          </cell>
          <cell r="E86" t="e">
            <v>#N/A</v>
          </cell>
          <cell r="F86">
            <v>1</v>
          </cell>
          <cell r="G86" t="e">
            <v>#N/A</v>
          </cell>
          <cell r="H86" t="str">
            <v>市場単価一覧</v>
          </cell>
        </row>
        <row r="87">
          <cell r="B87">
            <v>404</v>
          </cell>
          <cell r="C87" t="e">
            <v>#N/A</v>
          </cell>
          <cell r="D87" t="e">
            <v>#N/A</v>
          </cell>
          <cell r="E87" t="e">
            <v>#N/A</v>
          </cell>
          <cell r="F87">
            <v>1</v>
          </cell>
          <cell r="G87" t="e">
            <v>#N/A</v>
          </cell>
          <cell r="H87" t="str">
            <v>市場単価一覧</v>
          </cell>
        </row>
        <row r="88">
          <cell r="B88">
            <v>405</v>
          </cell>
          <cell r="C88" t="e">
            <v>#N/A</v>
          </cell>
          <cell r="D88" t="e">
            <v>#N/A</v>
          </cell>
          <cell r="E88" t="e">
            <v>#N/A</v>
          </cell>
          <cell r="F88">
            <v>1</v>
          </cell>
          <cell r="G88" t="e">
            <v>#N/A</v>
          </cell>
          <cell r="H88" t="str">
            <v>市場単価一覧</v>
          </cell>
        </row>
        <row r="89">
          <cell r="B89">
            <v>406</v>
          </cell>
          <cell r="C89" t="e">
            <v>#N/A</v>
          </cell>
          <cell r="D89" t="e">
            <v>#N/A</v>
          </cell>
          <cell r="E89" t="e">
            <v>#N/A</v>
          </cell>
          <cell r="F89">
            <v>1</v>
          </cell>
          <cell r="G89" t="e">
            <v>#N/A</v>
          </cell>
          <cell r="H89" t="str">
            <v>市場単価一覧</v>
          </cell>
        </row>
        <row r="90">
          <cell r="B90">
            <v>407</v>
          </cell>
          <cell r="C90" t="e">
            <v>#N/A</v>
          </cell>
          <cell r="D90" t="e">
            <v>#N/A</v>
          </cell>
          <cell r="E90" t="e">
            <v>#N/A</v>
          </cell>
          <cell r="F90">
            <v>1</v>
          </cell>
          <cell r="G90" t="e">
            <v>#N/A</v>
          </cell>
          <cell r="H90" t="str">
            <v>市場単価一覧</v>
          </cell>
        </row>
        <row r="91">
          <cell r="B91">
            <v>408</v>
          </cell>
          <cell r="C91" t="e">
            <v>#N/A</v>
          </cell>
          <cell r="D91" t="e">
            <v>#N/A</v>
          </cell>
          <cell r="E91" t="e">
            <v>#N/A</v>
          </cell>
          <cell r="F91">
            <v>1</v>
          </cell>
          <cell r="G91" t="e">
            <v>#N/A</v>
          </cell>
          <cell r="H91" t="str">
            <v>市場単価一覧</v>
          </cell>
        </row>
        <row r="92">
          <cell r="B92">
            <v>409</v>
          </cell>
          <cell r="C92" t="e">
            <v>#N/A</v>
          </cell>
          <cell r="D92" t="e">
            <v>#N/A</v>
          </cell>
          <cell r="E92" t="e">
            <v>#N/A</v>
          </cell>
          <cell r="F92">
            <v>1</v>
          </cell>
          <cell r="G92" t="e">
            <v>#N/A</v>
          </cell>
          <cell r="H92" t="str">
            <v>市場単価一覧</v>
          </cell>
        </row>
        <row r="93">
          <cell r="B93">
            <v>410</v>
          </cell>
        </row>
        <row r="94">
          <cell r="B94">
            <v>501</v>
          </cell>
          <cell r="C94" t="e">
            <v>#N/A</v>
          </cell>
          <cell r="D94" t="e">
            <v>#N/A</v>
          </cell>
          <cell r="E94" t="e">
            <v>#N/A</v>
          </cell>
          <cell r="F94" t="e">
            <v>#N/A</v>
          </cell>
          <cell r="G94" t="e">
            <v>#N/A</v>
          </cell>
          <cell r="H94" t="str">
            <v>見積×0.8</v>
          </cell>
        </row>
        <row r="95">
          <cell r="B95">
            <v>502</v>
          </cell>
          <cell r="C95" t="str">
            <v>ｱﾝｶｰﾎﾞﾙﾄ(SUS304)</v>
          </cell>
          <cell r="D95" t="str">
            <v>M10,350L,N2W2</v>
          </cell>
          <cell r="E95">
            <v>480</v>
          </cell>
          <cell r="F95">
            <v>1</v>
          </cell>
          <cell r="G95" t="str">
            <v>m2</v>
          </cell>
          <cell r="H95" t="str">
            <v>見積×0.8</v>
          </cell>
        </row>
        <row r="96">
          <cell r="B96">
            <v>503</v>
          </cell>
          <cell r="C96" t="str">
            <v>布基礎ｱﾝｶｰ打設</v>
          </cell>
          <cell r="D96" t="str">
            <v>手間のみ</v>
          </cell>
          <cell r="E96">
            <v>1200</v>
          </cell>
          <cell r="F96">
            <v>1</v>
          </cell>
          <cell r="G96" t="str">
            <v>m2</v>
          </cell>
          <cell r="H96" t="str">
            <v>見積×0.8</v>
          </cell>
        </row>
        <row r="97">
          <cell r="B97">
            <v>504</v>
          </cell>
          <cell r="C97" t="e">
            <v>#N/A</v>
          </cell>
          <cell r="D97" t="e">
            <v>#N/A</v>
          </cell>
          <cell r="E97" t="e">
            <v>#N/A</v>
          </cell>
          <cell r="F97" t="e">
            <v>#N/A</v>
          </cell>
          <cell r="G97" t="e">
            <v>#N/A</v>
          </cell>
          <cell r="H97" t="str">
            <v>見積×0.8</v>
          </cell>
        </row>
        <row r="98">
          <cell r="B98">
            <v>505</v>
          </cell>
          <cell r="C98" t="e">
            <v>#N/A</v>
          </cell>
          <cell r="D98" t="e">
            <v>#N/A</v>
          </cell>
          <cell r="E98" t="e">
            <v>#N/A</v>
          </cell>
          <cell r="F98" t="e">
            <v>#N/A</v>
          </cell>
          <cell r="G98" t="e">
            <v>#N/A</v>
          </cell>
          <cell r="H98" t="str">
            <v>見積×0.8</v>
          </cell>
        </row>
        <row r="99">
          <cell r="B99">
            <v>506</v>
          </cell>
          <cell r="C99" t="e">
            <v>#N/A</v>
          </cell>
          <cell r="D99" t="e">
            <v>#N/A</v>
          </cell>
          <cell r="E99" t="e">
            <v>#N/A</v>
          </cell>
          <cell r="F99" t="e">
            <v>#N/A</v>
          </cell>
          <cell r="G99" t="e">
            <v>#N/A</v>
          </cell>
          <cell r="H99" t="str">
            <v>見積×0.8</v>
          </cell>
        </row>
        <row r="100">
          <cell r="B100">
            <v>507</v>
          </cell>
          <cell r="C100" t="e">
            <v>#N/A</v>
          </cell>
          <cell r="D100" t="e">
            <v>#N/A</v>
          </cell>
          <cell r="E100" t="e">
            <v>#N/A</v>
          </cell>
          <cell r="F100" t="e">
            <v>#N/A</v>
          </cell>
          <cell r="G100" t="e">
            <v>#N/A</v>
          </cell>
          <cell r="H100" t="str">
            <v>見積×0.8</v>
          </cell>
        </row>
        <row r="101">
          <cell r="B101">
            <v>508</v>
          </cell>
          <cell r="C101" t="e">
            <v>#N/A</v>
          </cell>
          <cell r="D101" t="e">
            <v>#N/A</v>
          </cell>
          <cell r="E101" t="e">
            <v>#N/A</v>
          </cell>
          <cell r="F101" t="e">
            <v>#N/A</v>
          </cell>
          <cell r="G101" t="e">
            <v>#N/A</v>
          </cell>
          <cell r="H101" t="str">
            <v>見積×0.8</v>
          </cell>
        </row>
        <row r="102">
          <cell r="B102">
            <v>509</v>
          </cell>
          <cell r="C102" t="e">
            <v>#N/A</v>
          </cell>
          <cell r="D102" t="e">
            <v>#N/A</v>
          </cell>
          <cell r="E102" t="e">
            <v>#N/A</v>
          </cell>
          <cell r="F102" t="e">
            <v>#N/A</v>
          </cell>
          <cell r="G102" t="e">
            <v>#N/A</v>
          </cell>
          <cell r="H102" t="str">
            <v>見積×0.8</v>
          </cell>
        </row>
        <row r="103">
          <cell r="B103">
            <v>510</v>
          </cell>
          <cell r="C103" t="e">
            <v>#N/A</v>
          </cell>
          <cell r="D103" t="e">
            <v>#N/A</v>
          </cell>
          <cell r="E103" t="e">
            <v>#N/A</v>
          </cell>
          <cell r="F103" t="e">
            <v>#N/A</v>
          </cell>
          <cell r="G103" t="e">
            <v>#N/A</v>
          </cell>
          <cell r="H103" t="str">
            <v>見積×0.8</v>
          </cell>
        </row>
        <row r="104">
          <cell r="B104">
            <v>511</v>
          </cell>
          <cell r="C104" t="e">
            <v>#N/A</v>
          </cell>
          <cell r="D104" t="e">
            <v>#N/A</v>
          </cell>
          <cell r="E104" t="e">
            <v>#N/A</v>
          </cell>
          <cell r="F104" t="e">
            <v>#N/A</v>
          </cell>
          <cell r="G104" t="e">
            <v>#N/A</v>
          </cell>
          <cell r="H104" t="str">
            <v>見積×0.8</v>
          </cell>
        </row>
        <row r="105">
          <cell r="B105">
            <v>512</v>
          </cell>
          <cell r="C105" t="e">
            <v>#N/A</v>
          </cell>
          <cell r="D105" t="e">
            <v>#N/A</v>
          </cell>
          <cell r="E105" t="e">
            <v>#N/A</v>
          </cell>
          <cell r="F105" t="e">
            <v>#N/A</v>
          </cell>
          <cell r="G105" t="e">
            <v>#N/A</v>
          </cell>
          <cell r="H105" t="str">
            <v>見積×0.8</v>
          </cell>
        </row>
        <row r="106">
          <cell r="B106">
            <v>513</v>
          </cell>
          <cell r="C106" t="e">
            <v>#N/A</v>
          </cell>
          <cell r="D106" t="e">
            <v>#N/A</v>
          </cell>
          <cell r="E106" t="e">
            <v>#N/A</v>
          </cell>
          <cell r="F106" t="e">
            <v>#N/A</v>
          </cell>
          <cell r="G106" t="e">
            <v>#N/A</v>
          </cell>
          <cell r="H106" t="str">
            <v>見積×0.8</v>
          </cell>
        </row>
        <row r="107">
          <cell r="B107">
            <v>514</v>
          </cell>
          <cell r="C107" t="e">
            <v>#N/A</v>
          </cell>
          <cell r="D107" t="e">
            <v>#N/A</v>
          </cell>
          <cell r="E107" t="e">
            <v>#N/A</v>
          </cell>
          <cell r="F107" t="e">
            <v>#N/A</v>
          </cell>
          <cell r="G107" t="e">
            <v>#N/A</v>
          </cell>
          <cell r="H107" t="str">
            <v>見積×0.8</v>
          </cell>
        </row>
        <row r="108">
          <cell r="B108">
            <v>515</v>
          </cell>
          <cell r="C108" t="e">
            <v>#N/A</v>
          </cell>
          <cell r="D108" t="e">
            <v>#N/A</v>
          </cell>
          <cell r="E108" t="e">
            <v>#N/A</v>
          </cell>
          <cell r="F108" t="e">
            <v>#N/A</v>
          </cell>
          <cell r="G108" t="e">
            <v>#N/A</v>
          </cell>
          <cell r="H108" t="str">
            <v>見積×0.8</v>
          </cell>
        </row>
        <row r="109">
          <cell r="B109">
            <v>516</v>
          </cell>
          <cell r="C109" t="e">
            <v>#N/A</v>
          </cell>
          <cell r="D109" t="e">
            <v>#N/A</v>
          </cell>
          <cell r="E109" t="e">
            <v>#N/A</v>
          </cell>
          <cell r="F109" t="e">
            <v>#N/A</v>
          </cell>
          <cell r="G109" t="e">
            <v>#N/A</v>
          </cell>
          <cell r="H109" t="str">
            <v>見積×0.8</v>
          </cell>
        </row>
        <row r="110">
          <cell r="B110">
            <v>517</v>
          </cell>
          <cell r="C110" t="e">
            <v>#N/A</v>
          </cell>
          <cell r="D110" t="e">
            <v>#N/A</v>
          </cell>
          <cell r="E110" t="e">
            <v>#N/A</v>
          </cell>
          <cell r="F110" t="e">
            <v>#N/A</v>
          </cell>
          <cell r="G110" t="e">
            <v>#N/A</v>
          </cell>
          <cell r="H110" t="str">
            <v>見積×0.8</v>
          </cell>
        </row>
        <row r="111">
          <cell r="B111">
            <v>518</v>
          </cell>
          <cell r="C111" t="e">
            <v>#N/A</v>
          </cell>
          <cell r="D111" t="e">
            <v>#N/A</v>
          </cell>
          <cell r="E111" t="e">
            <v>#N/A</v>
          </cell>
          <cell r="F111" t="e">
            <v>#N/A</v>
          </cell>
          <cell r="G111" t="e">
            <v>#N/A</v>
          </cell>
          <cell r="H111" t="str">
            <v>見積×0.8</v>
          </cell>
        </row>
        <row r="112">
          <cell r="B112">
            <v>519</v>
          </cell>
          <cell r="C112" t="e">
            <v>#N/A</v>
          </cell>
          <cell r="D112" t="e">
            <v>#N/A</v>
          </cell>
          <cell r="E112" t="e">
            <v>#N/A</v>
          </cell>
          <cell r="F112" t="e">
            <v>#N/A</v>
          </cell>
          <cell r="G112" t="e">
            <v>#N/A</v>
          </cell>
          <cell r="H112" t="str">
            <v>見積×0.8</v>
          </cell>
        </row>
        <row r="113">
          <cell r="B113">
            <v>520</v>
          </cell>
          <cell r="C113" t="e">
            <v>#N/A</v>
          </cell>
          <cell r="D113" t="e">
            <v>#N/A</v>
          </cell>
          <cell r="E113" t="e">
            <v>#N/A</v>
          </cell>
          <cell r="F113" t="e">
            <v>#N/A</v>
          </cell>
          <cell r="G113" t="e">
            <v>#N/A</v>
          </cell>
          <cell r="H113" t="str">
            <v>見積×0.8</v>
          </cell>
        </row>
        <row r="114">
          <cell r="B114">
            <v>521</v>
          </cell>
          <cell r="C114" t="str">
            <v>屋根ﾊﾟﾈﾙ　2ｲﾝﾁ</v>
          </cell>
          <cell r="D114" t="str">
            <v>50.8t ST</v>
          </cell>
          <cell r="E114">
            <v>8720</v>
          </cell>
          <cell r="F114">
            <v>1</v>
          </cell>
          <cell r="G114" t="str">
            <v>m2</v>
          </cell>
          <cell r="H114" t="str">
            <v>見積×0.8</v>
          </cell>
        </row>
        <row r="115">
          <cell r="B115">
            <v>522</v>
          </cell>
          <cell r="C115" t="str">
            <v>壁ﾊﾟﾈﾙ</v>
          </cell>
          <cell r="D115" t="str">
            <v>50.8t 標準仕様</v>
          </cell>
          <cell r="E115">
            <v>15280</v>
          </cell>
          <cell r="F115">
            <v>1</v>
          </cell>
          <cell r="G115" t="str">
            <v>m2</v>
          </cell>
          <cell r="H115" t="str">
            <v>見積×0.8</v>
          </cell>
        </row>
        <row r="116">
          <cell r="B116">
            <v>523</v>
          </cell>
          <cell r="C116" t="str">
            <v>新袖壁(A)ﾋﾝｼﾞ付</v>
          </cell>
          <cell r="D116" t="str">
            <v>50.8t 標準仕様</v>
          </cell>
          <cell r="E116">
            <v>13360</v>
          </cell>
          <cell r="F116">
            <v>1</v>
          </cell>
          <cell r="G116" t="str">
            <v>枚</v>
          </cell>
          <cell r="H116" t="str">
            <v>見積×0.8</v>
          </cell>
        </row>
        <row r="117">
          <cell r="B117">
            <v>524</v>
          </cell>
          <cell r="C117" t="str">
            <v>新袖壁(B)ﾋｮｳｼﾞｷ付</v>
          </cell>
          <cell r="D117" t="str">
            <v>50.8t,1.2*2.2</v>
          </cell>
          <cell r="E117">
            <v>18160</v>
          </cell>
          <cell r="F117">
            <v>1</v>
          </cell>
          <cell r="G117" t="str">
            <v>枚</v>
          </cell>
          <cell r="H117" t="str">
            <v>見積×0.8</v>
          </cell>
        </row>
        <row r="118">
          <cell r="B118">
            <v>525</v>
          </cell>
          <cell r="C118" t="str">
            <v>新袖壁(B)ﾋｮｳｼﾞｷ付</v>
          </cell>
          <cell r="D118" t="str">
            <v>50.8t,1.0*2.2</v>
          </cell>
          <cell r="E118">
            <v>13040</v>
          </cell>
          <cell r="F118">
            <v>1</v>
          </cell>
          <cell r="G118" t="str">
            <v>枚</v>
          </cell>
          <cell r="H118" t="str">
            <v>見積×0.8</v>
          </cell>
        </row>
        <row r="119">
          <cell r="B119">
            <v>526</v>
          </cell>
          <cell r="C119" t="str">
            <v>棚パネル</v>
          </cell>
          <cell r="D119" t="str">
            <v>35.0t(210×2100)</v>
          </cell>
          <cell r="E119">
            <v>15520</v>
          </cell>
          <cell r="F119">
            <v>1</v>
          </cell>
          <cell r="G119" t="str">
            <v>枚</v>
          </cell>
          <cell r="H119" t="str">
            <v>見積×0.8</v>
          </cell>
        </row>
        <row r="120">
          <cell r="B120">
            <v>527</v>
          </cell>
          <cell r="C120" t="str">
            <v>棚パネル</v>
          </cell>
          <cell r="D120" t="str">
            <v>35.0t(210×1410)</v>
          </cell>
          <cell r="E120">
            <v>13200</v>
          </cell>
          <cell r="F120">
            <v>1</v>
          </cell>
          <cell r="G120" t="str">
            <v>枚</v>
          </cell>
          <cell r="H120" t="str">
            <v>見積×0.8</v>
          </cell>
        </row>
        <row r="121">
          <cell r="B121">
            <v>528</v>
          </cell>
          <cell r="C121" t="str">
            <v>棚パネル</v>
          </cell>
          <cell r="D121" t="str">
            <v>35.0t(210×810)</v>
          </cell>
          <cell r="E121">
            <v>10720</v>
          </cell>
          <cell r="F121">
            <v>1</v>
          </cell>
          <cell r="G121" t="str">
            <v>枚</v>
          </cell>
          <cell r="H121" t="str">
            <v>見積×0.8</v>
          </cell>
        </row>
        <row r="122">
          <cell r="B122">
            <v>529</v>
          </cell>
          <cell r="C122" t="str">
            <v>パネル建て方費</v>
          </cell>
          <cell r="D122" t="str">
            <v>屋根パネル</v>
          </cell>
          <cell r="E122">
            <v>4160</v>
          </cell>
          <cell r="F122">
            <v>1</v>
          </cell>
          <cell r="G122" t="str">
            <v>m2</v>
          </cell>
          <cell r="H122" t="str">
            <v>見積×0.8</v>
          </cell>
        </row>
        <row r="123">
          <cell r="B123">
            <v>530</v>
          </cell>
          <cell r="C123" t="str">
            <v>パネル建て方費</v>
          </cell>
          <cell r="D123" t="str">
            <v>壁パネル</v>
          </cell>
          <cell r="E123">
            <v>3040</v>
          </cell>
          <cell r="F123">
            <v>1</v>
          </cell>
          <cell r="G123" t="str">
            <v>m2</v>
          </cell>
          <cell r="H123" t="str">
            <v>見積×0.8</v>
          </cell>
        </row>
        <row r="124">
          <cell r="B124">
            <v>531</v>
          </cell>
          <cell r="C124" t="e">
            <v>#N/A</v>
          </cell>
          <cell r="D124" t="e">
            <v>#N/A</v>
          </cell>
          <cell r="E124" t="e">
            <v>#N/A</v>
          </cell>
          <cell r="F124" t="e">
            <v>#N/A</v>
          </cell>
          <cell r="G124" t="e">
            <v>#N/A</v>
          </cell>
          <cell r="H124" t="str">
            <v>見積×0.8</v>
          </cell>
        </row>
        <row r="125">
          <cell r="B125">
            <v>532</v>
          </cell>
          <cell r="C125" t="e">
            <v>#N/A</v>
          </cell>
          <cell r="D125" t="e">
            <v>#N/A</v>
          </cell>
          <cell r="E125" t="e">
            <v>#N/A</v>
          </cell>
          <cell r="F125" t="e">
            <v>#N/A</v>
          </cell>
          <cell r="G125" t="e">
            <v>#N/A</v>
          </cell>
          <cell r="H125" t="str">
            <v>見積×0.8</v>
          </cell>
        </row>
        <row r="126">
          <cell r="B126">
            <v>533</v>
          </cell>
          <cell r="C126" t="str">
            <v>ﾍﾞｰｽﾁｬﾝﾈﾙ</v>
          </cell>
          <cell r="D126" t="str">
            <v>ｱﾙﾐ材</v>
          </cell>
          <cell r="E126">
            <v>3192</v>
          </cell>
          <cell r="F126">
            <v>1</v>
          </cell>
          <cell r="G126" t="str">
            <v>m</v>
          </cell>
          <cell r="H126" t="str">
            <v>見積×0.8</v>
          </cell>
        </row>
        <row r="127">
          <cell r="B127">
            <v>534</v>
          </cell>
          <cell r="C127" t="str">
            <v>ｹﾞｰﾌﾞﾙ</v>
          </cell>
          <cell r="D127" t="str">
            <v>ｱﾙﾐ材</v>
          </cell>
          <cell r="E127">
            <v>3632</v>
          </cell>
          <cell r="F127">
            <v>1</v>
          </cell>
          <cell r="G127" t="str">
            <v>m</v>
          </cell>
          <cell r="H127" t="str">
            <v>見積×0.8</v>
          </cell>
        </row>
        <row r="128">
          <cell r="B128">
            <v>535</v>
          </cell>
          <cell r="C128" t="str">
            <v>ｲｰﾌﾞﾁｬﾝﾈﾙ</v>
          </cell>
          <cell r="D128" t="str">
            <v>ｱﾙﾐ材</v>
          </cell>
          <cell r="E128">
            <v>3344</v>
          </cell>
          <cell r="F128">
            <v>1</v>
          </cell>
          <cell r="G128" t="str">
            <v>m</v>
          </cell>
          <cell r="H128" t="str">
            <v>見積×0.8</v>
          </cell>
        </row>
        <row r="129">
          <cell r="B129">
            <v>536</v>
          </cell>
          <cell r="C129" t="str">
            <v>ﾘｯﾁﾋﾞｰﾑ</v>
          </cell>
          <cell r="D129" t="str">
            <v>ｱﾙﾐ材</v>
          </cell>
          <cell r="E129">
            <v>5040</v>
          </cell>
          <cell r="F129">
            <v>1</v>
          </cell>
          <cell r="G129" t="str">
            <v>m</v>
          </cell>
          <cell r="H129" t="str">
            <v>見積×0.8</v>
          </cell>
        </row>
        <row r="130">
          <cell r="B130">
            <v>537</v>
          </cell>
          <cell r="C130" t="str">
            <v>内・ｷｬｯﾌﾟ</v>
          </cell>
          <cell r="D130" t="str">
            <v>ｱﾙﾐ材,角型</v>
          </cell>
          <cell r="E130">
            <v>1352</v>
          </cell>
          <cell r="F130">
            <v>1</v>
          </cell>
          <cell r="G130" t="str">
            <v>m</v>
          </cell>
          <cell r="H130" t="str">
            <v>見積×0.8</v>
          </cell>
        </row>
        <row r="131">
          <cell r="B131">
            <v>538</v>
          </cell>
          <cell r="C131" t="str">
            <v>Rｷｬｯﾌﾟ</v>
          </cell>
          <cell r="D131" t="str">
            <v>ｱﾙﾐ材,R型</v>
          </cell>
          <cell r="E131">
            <v>1320</v>
          </cell>
          <cell r="F131">
            <v>1</v>
          </cell>
          <cell r="G131" t="str">
            <v>m</v>
          </cell>
          <cell r="H131" t="str">
            <v>見積×0.8</v>
          </cell>
        </row>
        <row r="132">
          <cell r="B132">
            <v>539</v>
          </cell>
          <cell r="C132" t="str">
            <v>外・ｷｬｯﾌﾟ</v>
          </cell>
          <cell r="D132" t="str">
            <v>ｱﾙﾐ材</v>
          </cell>
          <cell r="E132">
            <v>1280</v>
          </cell>
          <cell r="F132">
            <v>1</v>
          </cell>
          <cell r="G132" t="str">
            <v>m</v>
          </cell>
          <cell r="H132" t="str">
            <v>見積×0.8</v>
          </cell>
        </row>
        <row r="133">
          <cell r="B133">
            <v>540</v>
          </cell>
          <cell r="C133" t="str">
            <v>大便除ﾄﾞｱ枠</v>
          </cell>
          <cell r="D133" t="str">
            <v>ｱﾙﾐ材</v>
          </cell>
          <cell r="E133">
            <v>3672</v>
          </cell>
          <cell r="F133">
            <v>1</v>
          </cell>
          <cell r="G133" t="str">
            <v>m</v>
          </cell>
          <cell r="H133" t="str">
            <v>見積×0.8</v>
          </cell>
        </row>
        <row r="134">
          <cell r="B134">
            <v>541</v>
          </cell>
          <cell r="C134" t="str">
            <v>ｺｰﾅｰﾎﾟｽﾄ</v>
          </cell>
          <cell r="D134" t="str">
            <v>ｱﾙﾐ材</v>
          </cell>
          <cell r="E134">
            <v>3280</v>
          </cell>
          <cell r="F134">
            <v>1</v>
          </cell>
          <cell r="G134" t="str">
            <v>m</v>
          </cell>
          <cell r="H134" t="str">
            <v>見積×0.8</v>
          </cell>
        </row>
        <row r="135">
          <cell r="B135">
            <v>542</v>
          </cell>
          <cell r="C135" t="str">
            <v>ﾌｪｲｼｬｰ</v>
          </cell>
          <cell r="D135" t="str">
            <v>ｱﾙﾐ材</v>
          </cell>
          <cell r="E135">
            <v>2904</v>
          </cell>
          <cell r="F135">
            <v>1</v>
          </cell>
          <cell r="G135" t="str">
            <v>m</v>
          </cell>
          <cell r="H135" t="str">
            <v>見積×0.8</v>
          </cell>
        </row>
        <row r="136">
          <cell r="B136">
            <v>543</v>
          </cell>
          <cell r="C136" t="str">
            <v>Gｷｬｯﾌﾟ</v>
          </cell>
          <cell r="D136" t="str">
            <v>ｱﾙﾐ材</v>
          </cell>
          <cell r="E136">
            <v>784</v>
          </cell>
          <cell r="F136">
            <v>1</v>
          </cell>
          <cell r="G136" t="str">
            <v>m</v>
          </cell>
          <cell r="H136" t="str">
            <v>見積×0.8</v>
          </cell>
        </row>
        <row r="137">
          <cell r="B137">
            <v>544</v>
          </cell>
          <cell r="C137" t="str">
            <v>Gｷｬｯﾌﾟ（角ﾊﾟｲﾌﾟ）</v>
          </cell>
          <cell r="D137" t="str">
            <v>ｱﾙﾐ材,50×25×2.5</v>
          </cell>
          <cell r="E137">
            <v>1816</v>
          </cell>
          <cell r="F137">
            <v>1</v>
          </cell>
          <cell r="G137" t="str">
            <v>m</v>
          </cell>
          <cell r="H137" t="str">
            <v>見積×0.8</v>
          </cell>
        </row>
        <row r="138">
          <cell r="B138">
            <v>545</v>
          </cell>
          <cell r="C138" t="str">
            <v>角ﾊﾟｲﾌﾟ</v>
          </cell>
          <cell r="D138" t="str">
            <v>ｱﾙﾐ材,50×38×2</v>
          </cell>
          <cell r="E138">
            <v>2840</v>
          </cell>
          <cell r="F138">
            <v>1</v>
          </cell>
          <cell r="G138" t="str">
            <v>m</v>
          </cell>
          <cell r="H138" t="str">
            <v>見積×0.8</v>
          </cell>
        </row>
        <row r="139">
          <cell r="B139">
            <v>546</v>
          </cell>
          <cell r="C139" t="str">
            <v>組込み型材（A）</v>
          </cell>
          <cell r="D139" t="str">
            <v>ｱﾙﾐ材</v>
          </cell>
          <cell r="E139">
            <v>872</v>
          </cell>
          <cell r="F139">
            <v>1</v>
          </cell>
          <cell r="G139" t="str">
            <v>m</v>
          </cell>
          <cell r="H139" t="str">
            <v>見積×0.8</v>
          </cell>
        </row>
        <row r="140">
          <cell r="B140">
            <v>547</v>
          </cell>
          <cell r="C140" t="str">
            <v>組込み型材（新型）</v>
          </cell>
          <cell r="D140" t="str">
            <v>ｱﾙﾐ材</v>
          </cell>
          <cell r="E140">
            <v>2640</v>
          </cell>
          <cell r="F140">
            <v>1</v>
          </cell>
          <cell r="G140" t="str">
            <v>m</v>
          </cell>
          <cell r="H140" t="str">
            <v>見積×0.8</v>
          </cell>
        </row>
        <row r="141">
          <cell r="B141">
            <v>548</v>
          </cell>
          <cell r="C141" t="str">
            <v>ｱﾝｸﾞﾙ</v>
          </cell>
          <cell r="D141" t="str">
            <v>ｱﾙﾐ材,30×30×2</v>
          </cell>
          <cell r="E141">
            <v>944</v>
          </cell>
          <cell r="F141">
            <v>1</v>
          </cell>
          <cell r="G141" t="str">
            <v>m</v>
          </cell>
          <cell r="H141" t="str">
            <v>見積×0.8</v>
          </cell>
        </row>
        <row r="142">
          <cell r="B142">
            <v>549</v>
          </cell>
          <cell r="C142" t="str">
            <v>ｱﾝｸﾞﾙ</v>
          </cell>
          <cell r="D142" t="str">
            <v>ｱﾙﾐ材,40×40×2</v>
          </cell>
          <cell r="E142">
            <v>944</v>
          </cell>
          <cell r="F142">
            <v>1</v>
          </cell>
          <cell r="G142" t="str">
            <v>m</v>
          </cell>
          <cell r="H142" t="str">
            <v>見積×0.8</v>
          </cell>
        </row>
        <row r="143">
          <cell r="B143">
            <v>550</v>
          </cell>
          <cell r="C143" t="str">
            <v>軒下見切り材</v>
          </cell>
          <cell r="D143" t="str">
            <v>ｱﾙﾐ材</v>
          </cell>
          <cell r="E143">
            <v>1200</v>
          </cell>
          <cell r="F143">
            <v>1</v>
          </cell>
          <cell r="G143" t="str">
            <v>m</v>
          </cell>
          <cell r="H143" t="str">
            <v>見積×0.8</v>
          </cell>
        </row>
        <row r="144">
          <cell r="B144">
            <v>551</v>
          </cell>
          <cell r="C144" t="str">
            <v>同上取付費</v>
          </cell>
          <cell r="D144" t="str">
            <v>軒下見切り材</v>
          </cell>
          <cell r="E144">
            <v>1600</v>
          </cell>
          <cell r="F144">
            <v>1</v>
          </cell>
          <cell r="G144" t="str">
            <v>m</v>
          </cell>
          <cell r="H144" t="str">
            <v>見積×0.8</v>
          </cell>
        </row>
        <row r="145">
          <cell r="B145">
            <v>552</v>
          </cell>
          <cell r="C145" t="str">
            <v>外壁ﾀｲﾙ見切材</v>
          </cell>
          <cell r="D145" t="str">
            <v>ｱﾙﾐ材</v>
          </cell>
          <cell r="E145">
            <v>584</v>
          </cell>
          <cell r="F145">
            <v>1</v>
          </cell>
          <cell r="G145" t="str">
            <v>m</v>
          </cell>
          <cell r="H145" t="str">
            <v>見積×0.8</v>
          </cell>
        </row>
        <row r="146">
          <cell r="B146">
            <v>553</v>
          </cell>
          <cell r="C146" t="str">
            <v>同上取付費</v>
          </cell>
          <cell r="D146" t="str">
            <v>外壁ﾀｲﾙ見切材</v>
          </cell>
          <cell r="E146">
            <v>800</v>
          </cell>
          <cell r="F146">
            <v>1</v>
          </cell>
          <cell r="G146" t="str">
            <v>m</v>
          </cell>
          <cell r="H146" t="str">
            <v>見積×0.8</v>
          </cell>
        </row>
        <row r="147">
          <cell r="B147">
            <v>554</v>
          </cell>
          <cell r="C147" t="str">
            <v>軒樋,ﾌｪｰｼｬｰ部水切り</v>
          </cell>
          <cell r="D147" t="str">
            <v>ｱﾙﾐ材,2.0t焼付塗装</v>
          </cell>
          <cell r="E147">
            <v>3680</v>
          </cell>
          <cell r="F147">
            <v>1</v>
          </cell>
          <cell r="G147" t="str">
            <v>m</v>
          </cell>
          <cell r="H147" t="str">
            <v>見積×0.8</v>
          </cell>
        </row>
        <row r="148">
          <cell r="B148">
            <v>555</v>
          </cell>
          <cell r="C148" t="str">
            <v>同上取付費</v>
          </cell>
          <cell r="D148" t="str">
            <v>軒樋,ﾌｪｰｼｬｰ部水切り</v>
          </cell>
          <cell r="E148">
            <v>1600</v>
          </cell>
          <cell r="F148">
            <v>1</v>
          </cell>
          <cell r="G148" t="str">
            <v>m</v>
          </cell>
          <cell r="H148" t="str">
            <v>見積×0.8</v>
          </cell>
        </row>
        <row r="149">
          <cell r="B149">
            <v>556</v>
          </cell>
          <cell r="C149" t="str">
            <v>ｱﾙﾐﾘﾍﾞｯﾄ</v>
          </cell>
          <cell r="D149" t="str">
            <v>AD64ABS</v>
          </cell>
          <cell r="E149">
            <v>16.8</v>
          </cell>
          <cell r="F149">
            <v>1</v>
          </cell>
          <cell r="G149" t="str">
            <v>本</v>
          </cell>
          <cell r="H149" t="str">
            <v>見積×0.8</v>
          </cell>
        </row>
        <row r="150">
          <cell r="B150">
            <v>557</v>
          </cell>
          <cell r="C150" t="str">
            <v>ｸﾞﾘｯﾌﾟｱﾝｶｰ</v>
          </cell>
          <cell r="D150" t="str">
            <v>GA10M</v>
          </cell>
          <cell r="E150">
            <v>600</v>
          </cell>
          <cell r="F150">
            <v>1</v>
          </cell>
          <cell r="G150" t="str">
            <v>組</v>
          </cell>
          <cell r="H150" t="str">
            <v>見積×0.8</v>
          </cell>
        </row>
        <row r="151">
          <cell r="B151">
            <v>502</v>
          </cell>
          <cell r="C151" t="str">
            <v>ｱﾝｶｰﾎﾞﾙﾄ(SUS304)</v>
          </cell>
          <cell r="D151" t="str">
            <v>M10,350L,N2W2</v>
          </cell>
          <cell r="E151">
            <v>480</v>
          </cell>
          <cell r="F151">
            <v>1</v>
          </cell>
          <cell r="G151" t="str">
            <v>m2</v>
          </cell>
          <cell r="H151" t="str">
            <v>見積×0.8</v>
          </cell>
        </row>
        <row r="152">
          <cell r="B152">
            <v>503</v>
          </cell>
          <cell r="C152" t="str">
            <v>布基礎ｱﾝｶｰ打設</v>
          </cell>
          <cell r="D152" t="str">
            <v>手間のみ</v>
          </cell>
          <cell r="E152">
            <v>1200</v>
          </cell>
          <cell r="F152">
            <v>1</v>
          </cell>
          <cell r="G152" t="str">
            <v>m2</v>
          </cell>
          <cell r="H152" t="str">
            <v>見積×0.8</v>
          </cell>
        </row>
        <row r="153">
          <cell r="B153">
            <v>558</v>
          </cell>
          <cell r="C153" t="str">
            <v>目地接合材</v>
          </cell>
          <cell r="D153" t="str">
            <v>ｸﾘｰﾄ（L=4.8m）</v>
          </cell>
          <cell r="E153">
            <v>496</v>
          </cell>
          <cell r="F153">
            <v>1</v>
          </cell>
          <cell r="G153" t="str">
            <v>本</v>
          </cell>
          <cell r="H153" t="str">
            <v>見積×0.8</v>
          </cell>
        </row>
        <row r="154">
          <cell r="B154">
            <v>559</v>
          </cell>
          <cell r="C154" t="str">
            <v>目地接合材</v>
          </cell>
          <cell r="D154" t="str">
            <v>ｸﾘｰﾄ（L=3.0m）</v>
          </cell>
          <cell r="E154">
            <v>312</v>
          </cell>
          <cell r="F154">
            <v>1</v>
          </cell>
          <cell r="G154" t="str">
            <v>本</v>
          </cell>
          <cell r="H154" t="str">
            <v>見積×0.8</v>
          </cell>
        </row>
        <row r="155">
          <cell r="B155">
            <v>560</v>
          </cell>
          <cell r="C155" t="str">
            <v>帽子掛兼戸当り</v>
          </cell>
          <cell r="D155">
            <v>0</v>
          </cell>
          <cell r="E155">
            <v>2120</v>
          </cell>
          <cell r="F155">
            <v>1</v>
          </cell>
          <cell r="G155" t="str">
            <v>個</v>
          </cell>
          <cell r="H155" t="str">
            <v>見積×0.8</v>
          </cell>
        </row>
        <row r="156">
          <cell r="B156">
            <v>561</v>
          </cell>
          <cell r="C156" t="str">
            <v>化粧石膏ﾎﾞｰﾄﾞ（天井）</v>
          </cell>
          <cell r="D156" t="str">
            <v>耐水性,軽天下地共</v>
          </cell>
          <cell r="E156">
            <v>16320</v>
          </cell>
          <cell r="F156">
            <v>1</v>
          </cell>
          <cell r="G156" t="str">
            <v>m2</v>
          </cell>
          <cell r="H156" t="str">
            <v>見積×0.8</v>
          </cell>
        </row>
        <row r="157">
          <cell r="B157">
            <v>562</v>
          </cell>
          <cell r="C157" t="str">
            <v>ｼﾝｸﾞﾙ葺（屋根）</v>
          </cell>
          <cell r="D157" t="str">
            <v>切妻</v>
          </cell>
          <cell r="E157">
            <v>12160</v>
          </cell>
          <cell r="F157">
            <v>1</v>
          </cell>
          <cell r="G157" t="str">
            <v>m2</v>
          </cell>
          <cell r="H157" t="str">
            <v>見積×0.8</v>
          </cell>
        </row>
        <row r="158">
          <cell r="B158">
            <v>563</v>
          </cell>
          <cell r="C158" t="str">
            <v>棟包（屋根）</v>
          </cell>
          <cell r="D158">
            <v>0</v>
          </cell>
          <cell r="E158">
            <v>5120</v>
          </cell>
          <cell r="F158">
            <v>1</v>
          </cell>
          <cell r="G158" t="str">
            <v>m</v>
          </cell>
          <cell r="H158" t="str">
            <v>見積×0.8</v>
          </cell>
        </row>
        <row r="159">
          <cell r="B159">
            <v>564</v>
          </cell>
          <cell r="C159" t="str">
            <v>布基礎天端ﾓﾙﾀﾙ</v>
          </cell>
          <cell r="D159">
            <v>0</v>
          </cell>
          <cell r="E159">
            <v>2400</v>
          </cell>
          <cell r="F159">
            <v>1</v>
          </cell>
          <cell r="G159" t="str">
            <v>m</v>
          </cell>
          <cell r="H159" t="str">
            <v>見積×0.8</v>
          </cell>
        </row>
        <row r="160">
          <cell r="B160">
            <v>565</v>
          </cell>
          <cell r="C160" t="str">
            <v>布基礎幅木ﾓﾙﾀﾙ</v>
          </cell>
          <cell r="D160" t="str">
            <v>H＜150</v>
          </cell>
          <cell r="E160">
            <v>1840</v>
          </cell>
          <cell r="F160">
            <v>1</v>
          </cell>
          <cell r="G160" t="str">
            <v>m</v>
          </cell>
          <cell r="H160" t="str">
            <v>見積×0.8</v>
          </cell>
        </row>
        <row r="161">
          <cell r="B161">
            <v>566</v>
          </cell>
          <cell r="C161" t="str">
            <v>布基礎幅木ﾓﾙﾀﾙ</v>
          </cell>
          <cell r="D161" t="str">
            <v>H＝200</v>
          </cell>
          <cell r="E161">
            <v>2080</v>
          </cell>
          <cell r="F161">
            <v>1</v>
          </cell>
          <cell r="G161" t="str">
            <v>m</v>
          </cell>
          <cell r="H161" t="str">
            <v>見積×0.8</v>
          </cell>
        </row>
        <row r="162">
          <cell r="B162">
            <v>567</v>
          </cell>
          <cell r="C162" t="str">
            <v>床ﾓﾙﾀﾙ</v>
          </cell>
          <cell r="D162">
            <v>0</v>
          </cell>
          <cell r="E162">
            <v>2960</v>
          </cell>
          <cell r="F162">
            <v>1</v>
          </cell>
          <cell r="G162" t="str">
            <v>m2</v>
          </cell>
          <cell r="H162" t="str">
            <v>見積×0.8</v>
          </cell>
        </row>
        <row r="163">
          <cell r="B163">
            <v>568</v>
          </cell>
          <cell r="C163" t="str">
            <v>ﾓｻﾞｲｸ下地ﾓﾙﾀﾙ</v>
          </cell>
          <cell r="D163">
            <v>0</v>
          </cell>
          <cell r="E163">
            <v>2800</v>
          </cell>
          <cell r="F163">
            <v>1</v>
          </cell>
          <cell r="G163" t="str">
            <v>m2</v>
          </cell>
          <cell r="H163" t="str">
            <v>見積×0.8</v>
          </cell>
        </row>
        <row r="164">
          <cell r="B164">
            <v>569</v>
          </cell>
          <cell r="C164" t="str">
            <v>外壁ﾀｲﾙ（湿式）</v>
          </cell>
          <cell r="D164" t="str">
            <v>ﾈｵﾋﾟﾀ#88共</v>
          </cell>
          <cell r="E164">
            <v>19200</v>
          </cell>
          <cell r="F164">
            <v>1</v>
          </cell>
          <cell r="G164" t="str">
            <v>m2</v>
          </cell>
          <cell r="H164" t="str">
            <v>見積×0.8</v>
          </cell>
        </row>
        <row r="165">
          <cell r="B165">
            <v>570</v>
          </cell>
          <cell r="C165" t="str">
            <v>床ﾀｲﾙ（磁器質）</v>
          </cell>
          <cell r="D165" t="str">
            <v>ｱｺﾙﾃﾞｨG,45×45×7</v>
          </cell>
          <cell r="E165">
            <v>9200</v>
          </cell>
          <cell r="F165">
            <v>1</v>
          </cell>
          <cell r="G165" t="str">
            <v>m2</v>
          </cell>
          <cell r="H165" t="str">
            <v>見積×0.8</v>
          </cell>
        </row>
        <row r="166">
          <cell r="B166">
            <v>571</v>
          </cell>
          <cell r="C166" t="str">
            <v>採光ｶﾞﾗﾘ</v>
          </cell>
          <cell r="D166" t="str">
            <v>500×200</v>
          </cell>
          <cell r="E166">
            <v>7040</v>
          </cell>
          <cell r="F166">
            <v>1</v>
          </cell>
          <cell r="G166" t="str">
            <v>枚</v>
          </cell>
          <cell r="H166" t="str">
            <v>見積×0.8</v>
          </cell>
        </row>
        <row r="167">
          <cell r="B167">
            <v>572</v>
          </cell>
          <cell r="C167" t="str">
            <v>FIXｶﾞﾗﾘ</v>
          </cell>
          <cell r="D167" t="str">
            <v>AL500×500</v>
          </cell>
          <cell r="E167">
            <v>27000</v>
          </cell>
          <cell r="F167">
            <v>1</v>
          </cell>
          <cell r="G167" t="str">
            <v>枚</v>
          </cell>
          <cell r="H167" t="str">
            <v>見積×0.8</v>
          </cell>
        </row>
        <row r="168">
          <cell r="B168">
            <v>573</v>
          </cell>
          <cell r="C168" t="str">
            <v>天井点検口</v>
          </cell>
          <cell r="D168" t="str">
            <v>RL-445</v>
          </cell>
          <cell r="E168">
            <v>6400</v>
          </cell>
          <cell r="F168">
            <v>1</v>
          </cell>
          <cell r="G168" t="str">
            <v>枚</v>
          </cell>
          <cell r="H168" t="str">
            <v>見積×0.8</v>
          </cell>
        </row>
        <row r="169">
          <cell r="B169">
            <v>574</v>
          </cell>
          <cell r="C169" t="str">
            <v>同上取付費</v>
          </cell>
          <cell r="D169" t="str">
            <v>天井点検口</v>
          </cell>
          <cell r="E169">
            <v>8000</v>
          </cell>
          <cell r="F169">
            <v>1</v>
          </cell>
          <cell r="G169" t="str">
            <v>枚</v>
          </cell>
          <cell r="H169" t="str">
            <v>見積×0.8</v>
          </cell>
        </row>
        <row r="170">
          <cell r="B170">
            <v>575</v>
          </cell>
          <cell r="C170" t="str">
            <v>大便除ﾄﾞｱ（ﾋﾟﾎﾟｯﾄﾋﾝｼﾞ）</v>
          </cell>
          <cell r="D170" t="str">
            <v>650×1900</v>
          </cell>
          <cell r="E170">
            <v>60080</v>
          </cell>
          <cell r="F170">
            <v>1</v>
          </cell>
          <cell r="G170" t="str">
            <v>枚</v>
          </cell>
          <cell r="H170" t="str">
            <v>見積×0.8</v>
          </cell>
        </row>
        <row r="171">
          <cell r="B171">
            <v>576</v>
          </cell>
          <cell r="C171" t="str">
            <v>物置ﾄﾞｱ</v>
          </cell>
          <cell r="D171" t="str">
            <v>491×1191</v>
          </cell>
          <cell r="E171">
            <v>26160</v>
          </cell>
          <cell r="F171">
            <v>1</v>
          </cell>
          <cell r="G171" t="str">
            <v>枚</v>
          </cell>
          <cell r="H171" t="str">
            <v>見積×0.8</v>
          </cell>
        </row>
        <row r="172">
          <cell r="B172">
            <v>578</v>
          </cell>
          <cell r="C172" t="str">
            <v>機械室ﾄﾞｱ</v>
          </cell>
          <cell r="D172" t="str">
            <v>900×1800</v>
          </cell>
          <cell r="E172">
            <v>41120</v>
          </cell>
          <cell r="F172">
            <v>1</v>
          </cell>
          <cell r="G172" t="str">
            <v>枚</v>
          </cell>
          <cell r="H172" t="str">
            <v>見積×0.8</v>
          </cell>
        </row>
        <row r="173">
          <cell r="B173">
            <v>580</v>
          </cell>
          <cell r="C173" t="str">
            <v>SUSｽﾗｲﾃﾞｨﾝｸﾞﾄﾞｱ</v>
          </cell>
          <cell r="D173" t="str">
            <v>1085×1910,片引戸</v>
          </cell>
          <cell r="E173">
            <v>208800</v>
          </cell>
          <cell r="F173">
            <v>1</v>
          </cell>
          <cell r="G173" t="str">
            <v>組</v>
          </cell>
          <cell r="H173" t="str">
            <v>見積×0.8</v>
          </cell>
        </row>
        <row r="174">
          <cell r="B174">
            <v>581</v>
          </cell>
          <cell r="C174" t="str">
            <v>同上取付費</v>
          </cell>
          <cell r="D174" t="str">
            <v>SUSｽﾗｲﾃﾞｨﾝｸﾞﾄﾞｱ</v>
          </cell>
          <cell r="E174">
            <v>11200</v>
          </cell>
          <cell r="F174">
            <v>1</v>
          </cell>
          <cell r="G174" t="str">
            <v>組</v>
          </cell>
          <cell r="H174" t="str">
            <v>見積×0.8</v>
          </cell>
        </row>
        <row r="175">
          <cell r="B175">
            <v>582</v>
          </cell>
          <cell r="C175" t="str">
            <v>SUS手摺（可動式）</v>
          </cell>
          <cell r="D175" t="str">
            <v>C3N39011（塩ﾋﾞ被覆）</v>
          </cell>
          <cell r="E175">
            <v>80000</v>
          </cell>
          <cell r="F175">
            <v>1</v>
          </cell>
          <cell r="G175" t="str">
            <v>組</v>
          </cell>
          <cell r="H175" t="str">
            <v>見積×0.8</v>
          </cell>
        </row>
        <row r="176">
          <cell r="B176">
            <v>583</v>
          </cell>
          <cell r="C176" t="str">
            <v>SUS手摺（大便器）</v>
          </cell>
          <cell r="D176" t="str">
            <v>C3N39010（塩ﾋﾞ被覆）</v>
          </cell>
          <cell r="E176">
            <v>25200</v>
          </cell>
          <cell r="F176">
            <v>1</v>
          </cell>
          <cell r="G176" t="str">
            <v>組</v>
          </cell>
          <cell r="H176" t="str">
            <v>見積×0.8</v>
          </cell>
        </row>
        <row r="177">
          <cell r="B177">
            <v>584</v>
          </cell>
          <cell r="C177" t="str">
            <v>同上取付費</v>
          </cell>
          <cell r="D177" t="str">
            <v>SUS手摺（可動式・大便器）</v>
          </cell>
          <cell r="E177">
            <v>12000</v>
          </cell>
          <cell r="F177">
            <v>1</v>
          </cell>
          <cell r="G177" t="str">
            <v>組</v>
          </cell>
          <cell r="H177" t="str">
            <v>見積×0.8</v>
          </cell>
        </row>
        <row r="178">
          <cell r="B178">
            <v>585</v>
          </cell>
          <cell r="C178" t="str">
            <v>SUS手摺（小便器）</v>
          </cell>
          <cell r="D178" t="str">
            <v>C3N39005（塩ﾋﾞ被覆）</v>
          </cell>
          <cell r="E178">
            <v>41600</v>
          </cell>
          <cell r="F178">
            <v>1</v>
          </cell>
          <cell r="G178" t="str">
            <v>組</v>
          </cell>
          <cell r="H178" t="str">
            <v>見積×0.8</v>
          </cell>
        </row>
        <row r="179">
          <cell r="B179">
            <v>586</v>
          </cell>
          <cell r="C179" t="str">
            <v>同上取付費</v>
          </cell>
          <cell r="D179" t="str">
            <v>SUS手摺（小便器）</v>
          </cell>
          <cell r="E179">
            <v>16000</v>
          </cell>
          <cell r="F179">
            <v>1</v>
          </cell>
          <cell r="G179" t="str">
            <v>組</v>
          </cell>
          <cell r="H179" t="str">
            <v>見積×0.8</v>
          </cell>
        </row>
        <row r="180">
          <cell r="B180">
            <v>587</v>
          </cell>
          <cell r="C180" t="str">
            <v>SUS手摺（洗面器）</v>
          </cell>
          <cell r="D180" t="str">
            <v>C3N39012（塩ﾋﾞ被覆）</v>
          </cell>
          <cell r="E180">
            <v>28640</v>
          </cell>
          <cell r="F180">
            <v>1</v>
          </cell>
          <cell r="G180" t="str">
            <v>組</v>
          </cell>
          <cell r="H180" t="str">
            <v>見積×0.8</v>
          </cell>
        </row>
        <row r="181">
          <cell r="B181">
            <v>588</v>
          </cell>
          <cell r="C181" t="str">
            <v>同上取付費</v>
          </cell>
          <cell r="D181" t="str">
            <v>SUS手摺（洗面器）</v>
          </cell>
          <cell r="E181">
            <v>14000</v>
          </cell>
          <cell r="F181">
            <v>1</v>
          </cell>
          <cell r="G181" t="str">
            <v>組</v>
          </cell>
          <cell r="H181" t="str">
            <v>見積×0.8</v>
          </cell>
        </row>
        <row r="182">
          <cell r="B182">
            <v>589</v>
          </cell>
          <cell r="C182" t="str">
            <v>ﾎﾟﾘｶｰﾎﾞ樹脂板</v>
          </cell>
          <cell r="D182" t="str">
            <v>5.0t ｶﾗｰ</v>
          </cell>
          <cell r="E182">
            <v>16800</v>
          </cell>
          <cell r="F182">
            <v>1</v>
          </cell>
          <cell r="G182" t="str">
            <v>m2</v>
          </cell>
          <cell r="H182" t="str">
            <v>見積×0.8</v>
          </cell>
        </row>
        <row r="183">
          <cell r="B183">
            <v>590</v>
          </cell>
          <cell r="C183" t="str">
            <v>同上取付費</v>
          </cell>
          <cell r="D183" t="str">
            <v>ﾎﾟﾘｶｰﾎﾞ樹脂板</v>
          </cell>
          <cell r="E183">
            <v>3200</v>
          </cell>
          <cell r="F183">
            <v>1</v>
          </cell>
          <cell r="G183" t="str">
            <v>m2</v>
          </cell>
          <cell r="H183" t="str">
            <v>見積×0.8</v>
          </cell>
        </row>
        <row r="184">
          <cell r="B184">
            <v>591</v>
          </cell>
          <cell r="C184" t="str">
            <v>軒樋</v>
          </cell>
          <cell r="D184" t="str">
            <v>NL-80U,金具・上合共</v>
          </cell>
          <cell r="E184">
            <v>2320</v>
          </cell>
          <cell r="F184">
            <v>1</v>
          </cell>
          <cell r="G184" t="str">
            <v>m</v>
          </cell>
          <cell r="H184" t="str">
            <v>見積×0.8</v>
          </cell>
        </row>
        <row r="185">
          <cell r="B185">
            <v>592</v>
          </cell>
          <cell r="C185" t="str">
            <v>竪樋</v>
          </cell>
          <cell r="D185" t="str">
            <v>φ60,ｴﾙﾎﾞ共</v>
          </cell>
          <cell r="E185">
            <v>1200</v>
          </cell>
          <cell r="F185">
            <v>1</v>
          </cell>
          <cell r="G185" t="str">
            <v>m</v>
          </cell>
          <cell r="H185" t="str">
            <v>見積×0.8</v>
          </cell>
        </row>
        <row r="186">
          <cell r="B186">
            <v>593</v>
          </cell>
          <cell r="C186" t="str">
            <v>同上取付費</v>
          </cell>
          <cell r="D186" t="str">
            <v>雨樋</v>
          </cell>
          <cell r="E186">
            <v>2560</v>
          </cell>
          <cell r="F186">
            <v>1</v>
          </cell>
          <cell r="G186" t="str">
            <v>m</v>
          </cell>
          <cell r="H186" t="str">
            <v>見積×0.8</v>
          </cell>
        </row>
        <row r="187">
          <cell r="B187">
            <v>594</v>
          </cell>
          <cell r="C187" t="str">
            <v>男子ﾏｰｸ</v>
          </cell>
          <cell r="D187" t="str">
            <v>AL200×200</v>
          </cell>
          <cell r="E187">
            <v>8800</v>
          </cell>
          <cell r="F187">
            <v>1</v>
          </cell>
          <cell r="G187" t="str">
            <v>枚</v>
          </cell>
          <cell r="H187" t="str">
            <v>見積×0.8</v>
          </cell>
        </row>
        <row r="188">
          <cell r="B188">
            <v>595</v>
          </cell>
          <cell r="C188" t="str">
            <v>女子ﾏｰｸ</v>
          </cell>
          <cell r="D188" t="str">
            <v>AL200×200</v>
          </cell>
          <cell r="E188">
            <v>8800</v>
          </cell>
          <cell r="F188">
            <v>1</v>
          </cell>
          <cell r="G188" t="str">
            <v>枚</v>
          </cell>
          <cell r="H188" t="str">
            <v>見積×0.8</v>
          </cell>
        </row>
        <row r="189">
          <cell r="B189">
            <v>596</v>
          </cell>
          <cell r="C189" t="str">
            <v>多目的ﾏｰｸ</v>
          </cell>
          <cell r="D189" t="str">
            <v>ｼﾙｸ印刷,AL200×600</v>
          </cell>
          <cell r="E189">
            <v>19200</v>
          </cell>
          <cell r="F189">
            <v>1</v>
          </cell>
          <cell r="G189" t="str">
            <v>枚</v>
          </cell>
          <cell r="H189" t="str">
            <v>見積×0.8</v>
          </cell>
        </row>
        <row r="190">
          <cell r="B190">
            <v>597</v>
          </cell>
          <cell r="C190" t="str">
            <v>材料運搬費</v>
          </cell>
          <cell r="D190">
            <v>0</v>
          </cell>
          <cell r="E190">
            <v>21600</v>
          </cell>
          <cell r="F190">
            <v>1</v>
          </cell>
          <cell r="G190" t="str">
            <v>式</v>
          </cell>
          <cell r="H190" t="str">
            <v>見積×0.8</v>
          </cell>
        </row>
        <row r="191">
          <cell r="B191">
            <v>598</v>
          </cell>
          <cell r="C191">
            <v>0</v>
          </cell>
          <cell r="D191">
            <v>0</v>
          </cell>
          <cell r="E191">
            <v>0</v>
          </cell>
          <cell r="F191">
            <v>0</v>
          </cell>
          <cell r="G191">
            <v>0</v>
          </cell>
          <cell r="H191" t="str">
            <v>見積×0.8</v>
          </cell>
        </row>
        <row r="192">
          <cell r="B192">
            <v>601</v>
          </cell>
          <cell r="C192" t="str">
            <v>水替え（ﾎﾟﾝﾌﾟ）</v>
          </cell>
          <cell r="D192" t="str">
            <v>50φ1.5kw,1ヶ月</v>
          </cell>
          <cell r="E192">
            <v>80000</v>
          </cell>
          <cell r="F192">
            <v>1</v>
          </cell>
          <cell r="G192" t="str">
            <v>箇所</v>
          </cell>
          <cell r="H192" t="str">
            <v>見積×0.8</v>
          </cell>
        </row>
        <row r="193">
          <cell r="B193">
            <v>602</v>
          </cell>
          <cell r="C193" t="str">
            <v>ｺﾝｸﾘｰﾄ金ｺﾞﾃ</v>
          </cell>
          <cell r="D193">
            <v>0</v>
          </cell>
          <cell r="E193">
            <v>576</v>
          </cell>
          <cell r="F193">
            <v>1</v>
          </cell>
          <cell r="G193" t="str">
            <v>m2</v>
          </cell>
          <cell r="H193" t="str">
            <v>見積×0.8</v>
          </cell>
        </row>
        <row r="194">
          <cell r="B194">
            <v>603</v>
          </cell>
          <cell r="C194" t="str">
            <v>安全管理費</v>
          </cell>
          <cell r="D194">
            <v>0</v>
          </cell>
          <cell r="E194">
            <v>37600</v>
          </cell>
          <cell r="F194">
            <v>1</v>
          </cell>
          <cell r="G194" t="str">
            <v>式</v>
          </cell>
          <cell r="H194" t="str">
            <v>見積×0.8</v>
          </cell>
        </row>
        <row r="195">
          <cell r="B195">
            <v>604</v>
          </cell>
          <cell r="C195" t="str">
            <v>場内小運搬</v>
          </cell>
          <cell r="D195">
            <v>0</v>
          </cell>
          <cell r="E195">
            <v>19220</v>
          </cell>
          <cell r="F195">
            <v>1</v>
          </cell>
          <cell r="G195" t="str">
            <v>式</v>
          </cell>
          <cell r="H195" t="str">
            <v>見積×0.8</v>
          </cell>
        </row>
        <row r="197">
          <cell r="B197">
            <v>611</v>
          </cell>
          <cell r="C197" t="str">
            <v>樹木伐採</v>
          </cell>
          <cell r="D197" t="str">
            <v>C=29cm未満</v>
          </cell>
          <cell r="E197">
            <v>3120</v>
          </cell>
          <cell r="F197">
            <v>1</v>
          </cell>
          <cell r="G197" t="str">
            <v>本</v>
          </cell>
          <cell r="H197" t="str">
            <v>見積×0.8</v>
          </cell>
        </row>
        <row r="198">
          <cell r="B198">
            <v>612</v>
          </cell>
          <cell r="C198" t="str">
            <v>樹木伐採</v>
          </cell>
          <cell r="D198" t="str">
            <v>C=30～59cm</v>
          </cell>
          <cell r="E198">
            <v>10000</v>
          </cell>
          <cell r="F198">
            <v>1</v>
          </cell>
          <cell r="G198" t="str">
            <v>本</v>
          </cell>
          <cell r="H198" t="str">
            <v>見積×0.8</v>
          </cell>
        </row>
        <row r="199">
          <cell r="B199">
            <v>613</v>
          </cell>
          <cell r="C199" t="str">
            <v>樹木伐採</v>
          </cell>
          <cell r="D199" t="str">
            <v>C=60～89cm</v>
          </cell>
          <cell r="E199">
            <v>22960</v>
          </cell>
          <cell r="F199">
            <v>1</v>
          </cell>
          <cell r="G199" t="str">
            <v>本</v>
          </cell>
          <cell r="H199" t="str">
            <v>見積×0.8</v>
          </cell>
        </row>
        <row r="200">
          <cell r="B200">
            <v>614</v>
          </cell>
          <cell r="C200" t="str">
            <v>樹木抜根</v>
          </cell>
          <cell r="D200" t="str">
            <v>C=29cm未満</v>
          </cell>
          <cell r="E200">
            <v>1680</v>
          </cell>
          <cell r="F200">
            <v>1</v>
          </cell>
          <cell r="G200" t="str">
            <v>本</v>
          </cell>
          <cell r="H200" t="str">
            <v>見積×0.8</v>
          </cell>
        </row>
        <row r="201">
          <cell r="B201">
            <v>615</v>
          </cell>
          <cell r="C201" t="str">
            <v>樹木抜根</v>
          </cell>
          <cell r="D201" t="str">
            <v>C=30～59cm</v>
          </cell>
          <cell r="E201">
            <v>3840</v>
          </cell>
          <cell r="F201">
            <v>1</v>
          </cell>
          <cell r="G201" t="str">
            <v>本</v>
          </cell>
          <cell r="H201" t="str">
            <v>見積×0.8</v>
          </cell>
        </row>
        <row r="202">
          <cell r="B202">
            <v>616</v>
          </cell>
          <cell r="C202" t="str">
            <v>樹木抜根</v>
          </cell>
          <cell r="D202" t="str">
            <v>C=60～89cm</v>
          </cell>
          <cell r="E202">
            <v>10960</v>
          </cell>
          <cell r="F202">
            <v>1</v>
          </cell>
          <cell r="G202" t="str">
            <v>本</v>
          </cell>
          <cell r="H202" t="str">
            <v>見積×0.8</v>
          </cell>
        </row>
        <row r="203">
          <cell r="B203">
            <v>617</v>
          </cell>
          <cell r="C203" t="str">
            <v>場外処理</v>
          </cell>
          <cell r="D203" t="str">
            <v>C=29cm未満</v>
          </cell>
          <cell r="E203">
            <v>1600</v>
          </cell>
          <cell r="F203">
            <v>1</v>
          </cell>
          <cell r="G203" t="str">
            <v>本</v>
          </cell>
          <cell r="H203" t="str">
            <v>見積×0.8</v>
          </cell>
        </row>
        <row r="204">
          <cell r="B204">
            <v>618</v>
          </cell>
          <cell r="C204" t="str">
            <v>場外処理</v>
          </cell>
          <cell r="D204" t="str">
            <v>C=30～59cm</v>
          </cell>
          <cell r="E204">
            <v>3200</v>
          </cell>
          <cell r="F204">
            <v>1</v>
          </cell>
          <cell r="G204" t="str">
            <v>本</v>
          </cell>
          <cell r="H204" t="str">
            <v>見積×0.8</v>
          </cell>
        </row>
        <row r="205">
          <cell r="B205">
            <v>619</v>
          </cell>
          <cell r="C205" t="str">
            <v>場外処理</v>
          </cell>
          <cell r="D205" t="str">
            <v>C=60～89cm</v>
          </cell>
          <cell r="E205">
            <v>9840</v>
          </cell>
          <cell r="F205">
            <v>1</v>
          </cell>
          <cell r="G205" t="str">
            <v>本</v>
          </cell>
          <cell r="H205" t="str">
            <v>見積×0.8</v>
          </cell>
        </row>
        <row r="206">
          <cell r="B206">
            <v>620</v>
          </cell>
          <cell r="C206">
            <v>0</v>
          </cell>
          <cell r="D206">
            <v>0</v>
          </cell>
          <cell r="E206">
            <v>0</v>
          </cell>
          <cell r="F206">
            <v>0</v>
          </cell>
          <cell r="G206">
            <v>0</v>
          </cell>
          <cell r="H206" t="str">
            <v>見積×0.8</v>
          </cell>
        </row>
        <row r="207">
          <cell r="B207">
            <v>621</v>
          </cell>
          <cell r="C207" t="str">
            <v>記念ﾌﾟﾚｰﾄ</v>
          </cell>
          <cell r="D207">
            <v>0</v>
          </cell>
          <cell r="E207">
            <v>328800</v>
          </cell>
          <cell r="F207">
            <v>1</v>
          </cell>
          <cell r="G207" t="str">
            <v>基</v>
          </cell>
          <cell r="H207" t="str">
            <v>見積×0.8</v>
          </cell>
        </row>
        <row r="208">
          <cell r="B208">
            <v>622</v>
          </cell>
          <cell r="C208" t="str">
            <v>同上据付費</v>
          </cell>
          <cell r="D208" t="str">
            <v>記念ﾌﾟﾚｰﾄ</v>
          </cell>
          <cell r="E208">
            <v>8000</v>
          </cell>
          <cell r="F208">
            <v>1</v>
          </cell>
          <cell r="G208" t="str">
            <v>基</v>
          </cell>
          <cell r="H208" t="str">
            <v>見積×0.8</v>
          </cell>
        </row>
        <row r="209">
          <cell r="B209">
            <v>623</v>
          </cell>
          <cell r="C209" t="str">
            <v>注意板-A</v>
          </cell>
          <cell r="D209" t="str">
            <v>H=2100,W=900</v>
          </cell>
          <cell r="E209">
            <v>523200</v>
          </cell>
          <cell r="F209">
            <v>1</v>
          </cell>
          <cell r="G209" t="str">
            <v>基</v>
          </cell>
          <cell r="H209" t="str">
            <v>見積×0.8</v>
          </cell>
        </row>
        <row r="210">
          <cell r="B210">
            <v>624</v>
          </cell>
          <cell r="C210" t="str">
            <v>同上据付費</v>
          </cell>
          <cell r="D210" t="str">
            <v>注意板-A</v>
          </cell>
          <cell r="E210">
            <v>12000</v>
          </cell>
          <cell r="F210">
            <v>1</v>
          </cell>
          <cell r="G210" t="str">
            <v>基</v>
          </cell>
          <cell r="H210" t="str">
            <v>見積×0.8</v>
          </cell>
        </row>
        <row r="211">
          <cell r="B211">
            <v>625</v>
          </cell>
          <cell r="C211" t="str">
            <v>注意板-B</v>
          </cell>
          <cell r="D211" t="str">
            <v>H=1500,W=600</v>
          </cell>
          <cell r="E211">
            <v>162400</v>
          </cell>
          <cell r="F211">
            <v>1</v>
          </cell>
          <cell r="G211" t="str">
            <v>基</v>
          </cell>
          <cell r="H211" t="str">
            <v>見積×0.8</v>
          </cell>
        </row>
        <row r="212">
          <cell r="B212">
            <v>626</v>
          </cell>
          <cell r="C212" t="str">
            <v>同上据付費</v>
          </cell>
          <cell r="D212" t="str">
            <v>注意板-B</v>
          </cell>
          <cell r="E212">
            <v>8000</v>
          </cell>
          <cell r="F212">
            <v>1</v>
          </cell>
          <cell r="G212" t="str">
            <v>基</v>
          </cell>
          <cell r="H212" t="str">
            <v>見積×0.8</v>
          </cell>
        </row>
        <row r="213">
          <cell r="B213">
            <v>627</v>
          </cell>
          <cell r="C213" t="str">
            <v>注意板-C</v>
          </cell>
          <cell r="D213" t="str">
            <v>600*600</v>
          </cell>
          <cell r="E213">
            <v>138400</v>
          </cell>
          <cell r="F213">
            <v>1</v>
          </cell>
          <cell r="G213" t="str">
            <v>基</v>
          </cell>
          <cell r="H213" t="str">
            <v>見積×0.8</v>
          </cell>
        </row>
        <row r="214">
          <cell r="B214">
            <v>628</v>
          </cell>
          <cell r="C214" t="str">
            <v>同上据付費</v>
          </cell>
          <cell r="D214" t="str">
            <v>注意板-C</v>
          </cell>
          <cell r="E214">
            <v>4000</v>
          </cell>
          <cell r="F214">
            <v>1</v>
          </cell>
          <cell r="G214" t="str">
            <v>基</v>
          </cell>
          <cell r="H214" t="str">
            <v>見積×0.8</v>
          </cell>
        </row>
        <row r="215">
          <cell r="B215">
            <v>701</v>
          </cell>
          <cell r="C215" t="str">
            <v>樹木伐採・抜根・処理工</v>
          </cell>
          <cell r="D215" t="str">
            <v>（C=29cm未満）</v>
          </cell>
          <cell r="E215">
            <v>6400</v>
          </cell>
          <cell r="F215">
            <v>1</v>
          </cell>
          <cell r="G215" t="str">
            <v>本</v>
          </cell>
          <cell r="H215" t="str">
            <v>a-1</v>
          </cell>
        </row>
        <row r="216">
          <cell r="B216">
            <v>702</v>
          </cell>
          <cell r="C216" t="str">
            <v>樹木伐採・抜根・処理工</v>
          </cell>
          <cell r="D216" t="str">
            <v>（C=30～59cm）</v>
          </cell>
          <cell r="E216">
            <v>17000</v>
          </cell>
          <cell r="F216">
            <v>1</v>
          </cell>
          <cell r="G216" t="str">
            <v>本</v>
          </cell>
          <cell r="H216" t="str">
            <v>a-2</v>
          </cell>
        </row>
        <row r="217">
          <cell r="B217">
            <v>703</v>
          </cell>
          <cell r="C217" t="str">
            <v>樹木伐採・抜根・処理工</v>
          </cell>
          <cell r="D217" t="str">
            <v>（C=60～89cm）</v>
          </cell>
          <cell r="E217">
            <v>43700</v>
          </cell>
          <cell r="F217">
            <v>1</v>
          </cell>
          <cell r="G217" t="str">
            <v>本</v>
          </cell>
          <cell r="H217" t="str">
            <v>a-3</v>
          </cell>
        </row>
        <row r="218">
          <cell r="B218">
            <v>704</v>
          </cell>
          <cell r="C218" t="str">
            <v>記念ﾌﾟﾚｰﾄ設置工</v>
          </cell>
          <cell r="E218">
            <v>3360000</v>
          </cell>
          <cell r="F218">
            <v>10</v>
          </cell>
          <cell r="G218" t="str">
            <v>基</v>
          </cell>
          <cell r="H218" t="str">
            <v>a-4</v>
          </cell>
        </row>
        <row r="219">
          <cell r="B219">
            <v>705</v>
          </cell>
        </row>
        <row r="220">
          <cell r="B220">
            <v>706</v>
          </cell>
        </row>
        <row r="221">
          <cell r="B221">
            <v>707</v>
          </cell>
        </row>
        <row r="222">
          <cell r="B222">
            <v>708</v>
          </cell>
        </row>
        <row r="223">
          <cell r="B223">
            <v>709</v>
          </cell>
        </row>
        <row r="224">
          <cell r="B224">
            <v>710</v>
          </cell>
        </row>
        <row r="225">
          <cell r="B225">
            <v>801</v>
          </cell>
          <cell r="C225" t="str">
            <v>直接仮設工事</v>
          </cell>
          <cell r="D225">
            <v>0</v>
          </cell>
          <cell r="E225">
            <v>221000</v>
          </cell>
          <cell r="F225">
            <v>1</v>
          </cell>
          <cell r="G225" t="str">
            <v>式</v>
          </cell>
          <cell r="H225" t="str">
            <v>A-1</v>
          </cell>
        </row>
        <row r="226">
          <cell r="B226">
            <v>802</v>
          </cell>
          <cell r="C226" t="str">
            <v>土工事</v>
          </cell>
          <cell r="D226">
            <v>0</v>
          </cell>
          <cell r="E226">
            <v>62300</v>
          </cell>
          <cell r="F226">
            <v>1</v>
          </cell>
          <cell r="G226" t="str">
            <v>式</v>
          </cell>
          <cell r="H226" t="str">
            <v>A-2</v>
          </cell>
        </row>
        <row r="227">
          <cell r="B227">
            <v>803</v>
          </cell>
          <cell r="C227" t="str">
            <v>コンクリート・鉄筋工事</v>
          </cell>
          <cell r="D227">
            <v>0</v>
          </cell>
          <cell r="E227">
            <v>252000</v>
          </cell>
          <cell r="F227">
            <v>1</v>
          </cell>
          <cell r="G227" t="str">
            <v>式</v>
          </cell>
          <cell r="H227" t="str">
            <v>A-3</v>
          </cell>
        </row>
        <row r="228">
          <cell r="B228">
            <v>804</v>
          </cell>
          <cell r="C228" t="str">
            <v>上屋パネル工事</v>
          </cell>
          <cell r="D228">
            <v>0</v>
          </cell>
          <cell r="E228">
            <v>2930000</v>
          </cell>
          <cell r="F228">
            <v>1</v>
          </cell>
          <cell r="G228" t="str">
            <v>式</v>
          </cell>
          <cell r="H228" t="str">
            <v>A-4</v>
          </cell>
        </row>
        <row r="229">
          <cell r="B229">
            <v>805</v>
          </cell>
          <cell r="C229" t="str">
            <v>タイル工事</v>
          </cell>
          <cell r="D229">
            <v>0</v>
          </cell>
          <cell r="E229">
            <v>406000</v>
          </cell>
          <cell r="F229">
            <v>1</v>
          </cell>
          <cell r="G229" t="str">
            <v>式</v>
          </cell>
          <cell r="H229" t="str">
            <v>A-5</v>
          </cell>
        </row>
        <row r="230">
          <cell r="B230">
            <v>806</v>
          </cell>
          <cell r="C230" t="str">
            <v>金属工事</v>
          </cell>
          <cell r="D230">
            <v>0</v>
          </cell>
          <cell r="E230">
            <v>1320000</v>
          </cell>
          <cell r="F230">
            <v>1</v>
          </cell>
          <cell r="G230" t="str">
            <v>式</v>
          </cell>
          <cell r="H230" t="str">
            <v>A-6</v>
          </cell>
        </row>
        <row r="231">
          <cell r="B231">
            <v>807</v>
          </cell>
          <cell r="C231" t="str">
            <v>内外装・左官工事</v>
          </cell>
          <cell r="D231">
            <v>0</v>
          </cell>
          <cell r="E231">
            <v>637000</v>
          </cell>
          <cell r="F231">
            <v>1</v>
          </cell>
          <cell r="G231" t="str">
            <v>式</v>
          </cell>
          <cell r="H231" t="str">
            <v>A-7</v>
          </cell>
        </row>
        <row r="232">
          <cell r="B232">
            <v>808</v>
          </cell>
          <cell r="C232" t="str">
            <v>建具工事</v>
          </cell>
          <cell r="D232">
            <v>0</v>
          </cell>
          <cell r="E232">
            <v>1040000</v>
          </cell>
          <cell r="F232">
            <v>1</v>
          </cell>
          <cell r="G232" t="str">
            <v>式</v>
          </cell>
          <cell r="H232" t="str">
            <v>A-8</v>
          </cell>
        </row>
        <row r="233">
          <cell r="B233">
            <v>809</v>
          </cell>
          <cell r="C233" t="str">
            <v>雑工事</v>
          </cell>
          <cell r="D233">
            <v>0</v>
          </cell>
          <cell r="E233">
            <v>117000</v>
          </cell>
          <cell r="F233">
            <v>1</v>
          </cell>
          <cell r="G233" t="str">
            <v>式</v>
          </cell>
          <cell r="H233" t="str">
            <v>A-9</v>
          </cell>
        </row>
        <row r="234">
          <cell r="B234">
            <v>820</v>
          </cell>
          <cell r="C234" t="str">
            <v>遣り方</v>
          </cell>
          <cell r="D234" t="str">
            <v>一般</v>
          </cell>
          <cell r="E234">
            <v>5390</v>
          </cell>
          <cell r="F234">
            <v>1</v>
          </cell>
          <cell r="G234" t="str">
            <v>式</v>
          </cell>
          <cell r="H234" t="str">
            <v>A-1-1</v>
          </cell>
        </row>
        <row r="235">
          <cell r="B235">
            <v>821</v>
          </cell>
          <cell r="C235" t="str">
            <v>墨出し</v>
          </cell>
          <cell r="D235" t="str">
            <v>一般</v>
          </cell>
          <cell r="E235">
            <v>9550</v>
          </cell>
          <cell r="F235">
            <v>1</v>
          </cell>
          <cell r="G235" t="str">
            <v>式</v>
          </cell>
          <cell r="H235" t="str">
            <v>A-1-2</v>
          </cell>
        </row>
        <row r="236">
          <cell r="B236">
            <v>822</v>
          </cell>
          <cell r="C236" t="str">
            <v>外部単管足場</v>
          </cell>
          <cell r="D236" t="str">
            <v>高さ10m未満,2ヶ月</v>
          </cell>
          <cell r="E236">
            <v>123000</v>
          </cell>
          <cell r="F236">
            <v>1</v>
          </cell>
          <cell r="G236" t="str">
            <v>式</v>
          </cell>
          <cell r="H236" t="str">
            <v>A-1-3</v>
          </cell>
        </row>
        <row r="237">
          <cell r="B237">
            <v>823</v>
          </cell>
          <cell r="C237" t="str">
            <v>外部単管足場(屋根)</v>
          </cell>
          <cell r="D237" t="str">
            <v>高さ10m未満,2ヶ月</v>
          </cell>
          <cell r="E237">
            <v>56600</v>
          </cell>
          <cell r="F237">
            <v>1</v>
          </cell>
          <cell r="G237" t="str">
            <v>式</v>
          </cell>
          <cell r="H237" t="str">
            <v>A-1-4</v>
          </cell>
        </row>
        <row r="238">
          <cell r="B238">
            <v>824</v>
          </cell>
          <cell r="C238" t="str">
            <v>養生</v>
          </cell>
          <cell r="D238" t="str">
            <v>一般</v>
          </cell>
          <cell r="E238">
            <v>5260</v>
          </cell>
          <cell r="F238">
            <v>1</v>
          </cell>
          <cell r="G238" t="str">
            <v>式</v>
          </cell>
          <cell r="H238" t="str">
            <v>A-1-5</v>
          </cell>
        </row>
        <row r="239">
          <cell r="B239">
            <v>825</v>
          </cell>
          <cell r="C239" t="str">
            <v>整理清掃跡片付け</v>
          </cell>
          <cell r="D239" t="str">
            <v>一般</v>
          </cell>
          <cell r="E239">
            <v>22000</v>
          </cell>
          <cell r="F239">
            <v>1</v>
          </cell>
          <cell r="G239" t="str">
            <v>式</v>
          </cell>
          <cell r="H239" t="str">
            <v>A-1-6</v>
          </cell>
        </row>
        <row r="240">
          <cell r="B240">
            <v>826</v>
          </cell>
          <cell r="C240" t="str">
            <v>遣り方</v>
          </cell>
          <cell r="D240" t="str">
            <v>一般</v>
          </cell>
          <cell r="E240">
            <v>6600</v>
          </cell>
          <cell r="F240">
            <v>1</v>
          </cell>
          <cell r="G240" t="str">
            <v>式</v>
          </cell>
          <cell r="H240" t="str">
            <v>A-11-1</v>
          </cell>
        </row>
        <row r="241">
          <cell r="B241">
            <v>827</v>
          </cell>
          <cell r="C241" t="str">
            <v>墨出し</v>
          </cell>
          <cell r="D241" t="str">
            <v>一般</v>
          </cell>
          <cell r="E241">
            <v>11700</v>
          </cell>
          <cell r="F241">
            <v>1</v>
          </cell>
          <cell r="G241" t="str">
            <v>式</v>
          </cell>
          <cell r="H241" t="str">
            <v>A-11-2</v>
          </cell>
        </row>
        <row r="242">
          <cell r="B242">
            <v>828</v>
          </cell>
          <cell r="C242" t="str">
            <v>養生</v>
          </cell>
          <cell r="D242" t="str">
            <v>一般</v>
          </cell>
          <cell r="E242">
            <v>6450</v>
          </cell>
          <cell r="F242">
            <v>1</v>
          </cell>
          <cell r="G242" t="str">
            <v>式</v>
          </cell>
          <cell r="H242" t="str">
            <v>A-11-3</v>
          </cell>
        </row>
        <row r="243">
          <cell r="B243">
            <v>829</v>
          </cell>
          <cell r="C243" t="str">
            <v>整理清掃跡片付け</v>
          </cell>
          <cell r="D243" t="str">
            <v>一般</v>
          </cell>
          <cell r="E243">
            <v>27000</v>
          </cell>
          <cell r="F243">
            <v>1</v>
          </cell>
          <cell r="G243" t="str">
            <v>式</v>
          </cell>
          <cell r="H243" t="str">
            <v>A-11-4</v>
          </cell>
        </row>
        <row r="244">
          <cell r="B244">
            <v>811</v>
          </cell>
          <cell r="C244" t="str">
            <v>直接仮設工事</v>
          </cell>
          <cell r="D244">
            <v>0</v>
          </cell>
          <cell r="E244">
            <v>108000</v>
          </cell>
          <cell r="F244">
            <v>1</v>
          </cell>
          <cell r="G244" t="str">
            <v>式</v>
          </cell>
          <cell r="H244" t="str">
            <v>A-11</v>
          </cell>
        </row>
        <row r="245">
          <cell r="B245">
            <v>812</v>
          </cell>
          <cell r="C245" t="str">
            <v>土工事</v>
          </cell>
          <cell r="D245">
            <v>0</v>
          </cell>
          <cell r="E245">
            <v>2810000</v>
          </cell>
          <cell r="F245">
            <v>1</v>
          </cell>
          <cell r="G245" t="str">
            <v>式</v>
          </cell>
          <cell r="H245" t="str">
            <v>A-12</v>
          </cell>
        </row>
        <row r="246">
          <cell r="B246">
            <v>813</v>
          </cell>
          <cell r="C246" t="str">
            <v>コンクリート・鉄筋工事</v>
          </cell>
          <cell r="D246">
            <v>0</v>
          </cell>
          <cell r="E246">
            <v>687000</v>
          </cell>
          <cell r="F246">
            <v>1</v>
          </cell>
          <cell r="G246" t="str">
            <v>式</v>
          </cell>
          <cell r="H246" t="str">
            <v>A-13</v>
          </cell>
        </row>
        <row r="248">
          <cell r="B248">
            <v>901</v>
          </cell>
          <cell r="C248" t="str">
            <v>仮囲い</v>
          </cell>
          <cell r="D248" t="str">
            <v>H=1.5～1.8,4ヶ月</v>
          </cell>
          <cell r="E248">
            <v>3950</v>
          </cell>
          <cell r="F248">
            <v>1</v>
          </cell>
          <cell r="G248" t="str">
            <v>m</v>
          </cell>
          <cell r="H248" t="str">
            <v>B1-121117</v>
          </cell>
        </row>
        <row r="249">
          <cell r="B249">
            <v>902</v>
          </cell>
          <cell r="C249" t="str">
            <v>建設廃材処理</v>
          </cell>
          <cell r="E249">
            <v>460</v>
          </cell>
          <cell r="F249">
            <v>1</v>
          </cell>
          <cell r="G249" t="str">
            <v>m2</v>
          </cell>
          <cell r="H249" t="str">
            <v>B1-121121</v>
          </cell>
        </row>
      </sheetData>
      <sheetData sheetId="1"/>
      <sheetData sheetId="2"/>
      <sheetData sheetId="3"/>
      <sheetData sheetId="4"/>
      <sheetData sheetId="5"/>
      <sheetData sheetId="6"/>
      <sheetData sheetId="7"/>
      <sheetData sheetId="8"/>
      <sheetData sheetId="9"/>
      <sheetData sheetId="10"/>
    </sheetDataSet>
  </externalBook>
</externalLink>
</file>

<file path=xl/externalLinks/externalLink8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出来高)"/>
      <sheetName val="表紙 (設計変更)"/>
      <sheetName val="表紙"/>
      <sheetName val="大内訳"/>
      <sheetName val="中内訳"/>
      <sheetName val="小内訳1"/>
      <sheetName val="内訳1-1"/>
      <sheetName val="内訳1-2"/>
      <sheetName val="内訳1-3"/>
      <sheetName val="内訳1-4"/>
      <sheetName val="内訳1-5"/>
      <sheetName val="内訳1-6"/>
      <sheetName val="内訳1-7"/>
      <sheetName val="内訳1-8"/>
      <sheetName val="内訳1-9"/>
      <sheetName val="内訳1-10"/>
      <sheetName val="内訳1-11"/>
      <sheetName val="内訳1-12"/>
      <sheetName val="内訳1-13"/>
      <sheetName val="小内訳2"/>
      <sheetName val="内訳2-1"/>
      <sheetName val="内訳2-2"/>
      <sheetName val="内訳2-3"/>
      <sheetName val="小内訳3"/>
      <sheetName val="内訳3-1"/>
      <sheetName val="内訳3-2"/>
      <sheetName val="小内訳4"/>
      <sheetName val="内訳4-1"/>
      <sheetName val="内訳4-2"/>
      <sheetName val="内訳4-3"/>
      <sheetName val="代価"/>
      <sheetName val="→積算資料"/>
      <sheetName val="物価資料(建築)"/>
      <sheetName val="市場単価（建築）"/>
      <sheetName val="見積-査定表(建築)"/>
      <sheetName val="市場単価（建築設備）"/>
      <sheetName val="物価資料 (建築設備)"/>
      <sheetName val="見積-査定表(建築機械)"/>
      <sheetName val="見積-査定表(土木)"/>
      <sheetName val="刊行物-査定表(土木)"/>
      <sheetName val="単価一覧表"/>
      <sheetName val="内訳（積上分)"/>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row r="2">
          <cell r="A2" t="str">
            <v>単価一覧表</v>
          </cell>
        </row>
        <row r="4">
          <cell r="A4" t="str">
            <v>番号</v>
          </cell>
          <cell r="C4" t="str">
            <v>名　　称</v>
          </cell>
          <cell r="D4" t="str">
            <v xml:space="preserve">形　状　寸　法 </v>
          </cell>
          <cell r="E4" t="str">
            <v>単位</v>
          </cell>
          <cell r="F4" t="str">
            <v>単価</v>
          </cell>
          <cell r="H4" t="str">
            <v>備　　　　考</v>
          </cell>
        </row>
        <row r="6">
          <cell r="A6">
            <v>1000.5</v>
          </cell>
          <cell r="H6" t="str">
            <v>県労務単価</v>
          </cell>
        </row>
        <row r="7">
          <cell r="A7">
            <v>1001</v>
          </cell>
          <cell r="C7" t="str">
            <v>特殊作業員</v>
          </cell>
          <cell r="E7" t="str">
            <v>人</v>
          </cell>
          <cell r="F7">
            <v>17700</v>
          </cell>
        </row>
        <row r="8">
          <cell r="A8">
            <v>1001.5</v>
          </cell>
          <cell r="H8" t="str">
            <v>県労務単価</v>
          </cell>
        </row>
        <row r="9">
          <cell r="A9">
            <v>1002</v>
          </cell>
          <cell r="C9" t="str">
            <v>普通作業員</v>
          </cell>
          <cell r="E9" t="str">
            <v>人</v>
          </cell>
          <cell r="F9">
            <v>14400</v>
          </cell>
        </row>
        <row r="10">
          <cell r="A10">
            <v>1002.5</v>
          </cell>
          <cell r="H10" t="str">
            <v>県労務単価</v>
          </cell>
        </row>
        <row r="11">
          <cell r="A11">
            <v>1003</v>
          </cell>
          <cell r="C11" t="str">
            <v>運転手(特殊)</v>
          </cell>
          <cell r="E11" t="str">
            <v>人</v>
          </cell>
          <cell r="F11">
            <v>18000</v>
          </cell>
        </row>
        <row r="12">
          <cell r="A12">
            <v>1003.5</v>
          </cell>
          <cell r="H12" t="str">
            <v>県労務単価</v>
          </cell>
        </row>
        <row r="13">
          <cell r="A13">
            <v>1004</v>
          </cell>
          <cell r="C13" t="str">
            <v>運転手(一般)</v>
          </cell>
          <cell r="E13" t="str">
            <v>人</v>
          </cell>
          <cell r="F13">
            <v>15300</v>
          </cell>
        </row>
        <row r="14">
          <cell r="A14">
            <v>1004.5</v>
          </cell>
          <cell r="H14" t="str">
            <v>県労務単価</v>
          </cell>
        </row>
        <row r="15">
          <cell r="A15">
            <v>1005</v>
          </cell>
          <cell r="C15" t="str">
            <v>土木一般世話役</v>
          </cell>
          <cell r="E15" t="str">
            <v>人</v>
          </cell>
          <cell r="F15">
            <v>19500</v>
          </cell>
        </row>
        <row r="16">
          <cell r="A16">
            <v>1005.5</v>
          </cell>
          <cell r="H16" t="str">
            <v>県労務単価</v>
          </cell>
        </row>
        <row r="17">
          <cell r="A17">
            <v>1006</v>
          </cell>
          <cell r="C17" t="str">
            <v>型枠工</v>
          </cell>
          <cell r="E17" t="str">
            <v>人</v>
          </cell>
          <cell r="F17">
            <v>17700</v>
          </cell>
        </row>
        <row r="18">
          <cell r="A18">
            <v>1006.5</v>
          </cell>
          <cell r="H18" t="str">
            <v>県労務単価</v>
          </cell>
        </row>
        <row r="19">
          <cell r="A19">
            <v>1007</v>
          </cell>
          <cell r="C19" t="str">
            <v>ブロック工</v>
          </cell>
          <cell r="E19" t="str">
            <v>人</v>
          </cell>
          <cell r="F19">
            <v>18900</v>
          </cell>
        </row>
        <row r="20">
          <cell r="A20">
            <v>1007.5</v>
          </cell>
        </row>
        <row r="21">
          <cell r="A21">
            <v>1008</v>
          </cell>
        </row>
        <row r="22">
          <cell r="A22">
            <v>2000.5</v>
          </cell>
          <cell r="H22" t="str">
            <v>物価資料</v>
          </cell>
        </row>
        <row r="23">
          <cell r="A23">
            <v>2001</v>
          </cell>
          <cell r="C23" t="str">
            <v>軽油</v>
          </cell>
          <cell r="D23" t="str">
            <v>パトロール</v>
          </cell>
          <cell r="E23" t="str">
            <v>㍑</v>
          </cell>
          <cell r="F23">
            <v>110</v>
          </cell>
        </row>
        <row r="24">
          <cell r="A24">
            <v>2001.5</v>
          </cell>
          <cell r="H24" t="str">
            <v>物価資料</v>
          </cell>
        </row>
        <row r="25">
          <cell r="A25">
            <v>2002</v>
          </cell>
          <cell r="C25" t="str">
            <v>ガソリン</v>
          </cell>
          <cell r="D25" t="str">
            <v>スタンド</v>
          </cell>
          <cell r="E25" t="str">
            <v>㍑</v>
          </cell>
          <cell r="F25">
            <v>134</v>
          </cell>
        </row>
        <row r="26">
          <cell r="A26">
            <v>2002.5</v>
          </cell>
        </row>
        <row r="27">
          <cell r="A27">
            <v>2003</v>
          </cell>
          <cell r="C27" t="str">
            <v>諸雑費</v>
          </cell>
          <cell r="E27" t="str">
            <v>式</v>
          </cell>
        </row>
        <row r="28">
          <cell r="A28">
            <v>2003.5</v>
          </cell>
          <cell r="D28" t="str">
            <v>18-8-25BB</v>
          </cell>
          <cell r="H28" t="str">
            <v>物価資料</v>
          </cell>
        </row>
        <row r="29">
          <cell r="A29">
            <v>2004</v>
          </cell>
          <cell r="C29" t="str">
            <v>生コンクリート</v>
          </cell>
          <cell r="D29" t="str">
            <v>W/C指定無し</v>
          </cell>
          <cell r="E29" t="str">
            <v>ｍ3</v>
          </cell>
          <cell r="F29">
            <v>9200</v>
          </cell>
        </row>
        <row r="30">
          <cell r="A30">
            <v>2004.5</v>
          </cell>
          <cell r="H30" t="str">
            <v>物価資料</v>
          </cell>
        </row>
        <row r="31">
          <cell r="A31">
            <v>2005</v>
          </cell>
          <cell r="C31" t="str">
            <v>溶接金網</v>
          </cell>
          <cell r="D31" t="str">
            <v>φ6×150×150</v>
          </cell>
          <cell r="E31" t="str">
            <v>ｍ2</v>
          </cell>
          <cell r="F31">
            <v>260</v>
          </cell>
        </row>
        <row r="32">
          <cell r="A32">
            <v>2005.5</v>
          </cell>
          <cell r="H32" t="str">
            <v>物価資料</v>
          </cell>
        </row>
        <row r="33">
          <cell r="A33">
            <v>2006</v>
          </cell>
          <cell r="C33" t="str">
            <v>再生クラッシャーラン</v>
          </cell>
          <cell r="D33" t="str">
            <v>RC-40</v>
          </cell>
          <cell r="E33" t="str">
            <v>ｍ3</v>
          </cell>
          <cell r="F33">
            <v>1400</v>
          </cell>
        </row>
        <row r="34">
          <cell r="A34">
            <v>2006.5</v>
          </cell>
          <cell r="D34" t="str">
            <v>49kg/本</v>
          </cell>
          <cell r="H34" t="str">
            <v>県単価</v>
          </cell>
        </row>
        <row r="35">
          <cell r="A35">
            <v>2007</v>
          </cell>
          <cell r="C35" t="str">
            <v>両面歩車道境界ﾌﾞﾛｯｸ</v>
          </cell>
          <cell r="D35" t="str">
            <v>150-190×200×600</v>
          </cell>
          <cell r="E35" t="str">
            <v>個</v>
          </cell>
          <cell r="F35">
            <v>1020</v>
          </cell>
        </row>
        <row r="36">
          <cell r="A36">
            <v>2007.5</v>
          </cell>
          <cell r="H36" t="str">
            <v>物価資料</v>
          </cell>
        </row>
        <row r="37">
          <cell r="A37">
            <v>2008</v>
          </cell>
          <cell r="C37" t="str">
            <v>普通ポルトランドセメント</v>
          </cell>
          <cell r="D37" t="str">
            <v>ﾊﾞﾗ</v>
          </cell>
          <cell r="E37" t="str">
            <v>ｔ</v>
          </cell>
          <cell r="F37">
            <v>9800</v>
          </cell>
        </row>
        <row r="38">
          <cell r="A38">
            <v>2008.5</v>
          </cell>
          <cell r="H38" t="str">
            <v>物価資料</v>
          </cell>
        </row>
        <row r="39">
          <cell r="A39">
            <v>2009</v>
          </cell>
          <cell r="C39" t="str">
            <v>コンクリート用骨材砂</v>
          </cell>
          <cell r="D39" t="str">
            <v>洗い　荒目</v>
          </cell>
          <cell r="E39" t="str">
            <v>ｍ3</v>
          </cell>
          <cell r="F39">
            <v>3400</v>
          </cell>
        </row>
        <row r="40">
          <cell r="A40">
            <v>2009.5</v>
          </cell>
          <cell r="H40" t="str">
            <v>県単価</v>
          </cell>
        </row>
        <row r="41">
          <cell r="A41">
            <v>2010</v>
          </cell>
          <cell r="C41" t="str">
            <v>再生粒度調整砕石</v>
          </cell>
          <cell r="D41" t="str">
            <v>RM-30</v>
          </cell>
          <cell r="E41" t="str">
            <v>ｍ3</v>
          </cell>
          <cell r="F41">
            <v>1900</v>
          </cell>
        </row>
        <row r="42">
          <cell r="A42">
            <v>2010.5</v>
          </cell>
          <cell r="H42" t="str">
            <v>物価資料</v>
          </cell>
        </row>
        <row r="43">
          <cell r="A43">
            <v>2011</v>
          </cell>
          <cell r="C43" t="str">
            <v>ｱｽﾌｧﾙﾄ混合物</v>
          </cell>
          <cell r="D43" t="str">
            <v>粗粒度As20</v>
          </cell>
          <cell r="E43" t="str">
            <v>t</v>
          </cell>
          <cell r="F43">
            <v>11500</v>
          </cell>
        </row>
        <row r="44">
          <cell r="A44">
            <v>2011.5</v>
          </cell>
          <cell r="H44" t="str">
            <v>物価資料</v>
          </cell>
        </row>
        <row r="45">
          <cell r="A45">
            <v>2012</v>
          </cell>
          <cell r="C45" t="str">
            <v>ｱｽﾌｧﾙﾄ混合物</v>
          </cell>
          <cell r="D45" t="str">
            <v>密粒度Aｓ20</v>
          </cell>
          <cell r="E45" t="str">
            <v>t</v>
          </cell>
          <cell r="F45">
            <v>11700</v>
          </cell>
        </row>
        <row r="46">
          <cell r="A46">
            <v>2012.5</v>
          </cell>
          <cell r="H46" t="str">
            <v>物価資料</v>
          </cell>
        </row>
        <row r="47">
          <cell r="A47">
            <v>2013</v>
          </cell>
          <cell r="C47" t="str">
            <v>瀝青材</v>
          </cell>
          <cell r="D47" t="str">
            <v>ﾌﾟﾗｲﾑｺｰﾄPK-3</v>
          </cell>
          <cell r="E47" t="str">
            <v>㍑</v>
          </cell>
          <cell r="F47">
            <v>83</v>
          </cell>
        </row>
        <row r="48">
          <cell r="A48">
            <v>2013.5</v>
          </cell>
          <cell r="H48" t="str">
            <v>物価資料</v>
          </cell>
        </row>
        <row r="49">
          <cell r="A49">
            <v>2014</v>
          </cell>
          <cell r="C49" t="str">
            <v>瀝青材</v>
          </cell>
          <cell r="D49" t="str">
            <v>ﾀｯｸｺｰﾄPK-4</v>
          </cell>
          <cell r="E49" t="str">
            <v>㍑</v>
          </cell>
          <cell r="F49">
            <v>83</v>
          </cell>
        </row>
        <row r="50">
          <cell r="A50">
            <v>2014.5</v>
          </cell>
        </row>
        <row r="51">
          <cell r="A51">
            <v>2015</v>
          </cell>
        </row>
        <row r="52">
          <cell r="A52">
            <v>3000.5</v>
          </cell>
          <cell r="D52" t="str">
            <v>H=1500</v>
          </cell>
          <cell r="H52" t="str">
            <v>見積</v>
          </cell>
        </row>
        <row r="53">
          <cell r="A53">
            <v>3001</v>
          </cell>
          <cell r="C53" t="str">
            <v>アルミフェンス</v>
          </cell>
          <cell r="D53" t="str">
            <v>　基礎含</v>
          </cell>
          <cell r="E53" t="str">
            <v>ｍ</v>
          </cell>
          <cell r="F53">
            <v>28380</v>
          </cell>
        </row>
        <row r="54">
          <cell r="A54">
            <v>3001.5</v>
          </cell>
          <cell r="D54" t="str">
            <v>H=1500</v>
          </cell>
          <cell r="H54" t="str">
            <v>見積</v>
          </cell>
        </row>
        <row r="55">
          <cell r="A55">
            <v>3002</v>
          </cell>
          <cell r="C55" t="str">
            <v>アルミフェンス設置手間</v>
          </cell>
          <cell r="D55" t="str">
            <v>基礎含</v>
          </cell>
          <cell r="E55" t="str">
            <v>ｍ</v>
          </cell>
          <cell r="F55">
            <v>10000</v>
          </cell>
        </row>
        <row r="56">
          <cell r="A56">
            <v>3002.5</v>
          </cell>
          <cell r="D56" t="str">
            <v>H=1500　W=1000</v>
          </cell>
          <cell r="H56" t="str">
            <v>見積</v>
          </cell>
        </row>
        <row r="57">
          <cell r="A57">
            <v>3003</v>
          </cell>
          <cell r="C57" t="str">
            <v>片開門扉</v>
          </cell>
          <cell r="D57" t="str">
            <v>基礎含</v>
          </cell>
          <cell r="E57" t="str">
            <v>基</v>
          </cell>
          <cell r="F57">
            <v>327300</v>
          </cell>
        </row>
        <row r="58">
          <cell r="A58">
            <v>3003.5</v>
          </cell>
          <cell r="D58" t="str">
            <v>H=1500　W=1000</v>
          </cell>
          <cell r="H58" t="str">
            <v>見積</v>
          </cell>
        </row>
        <row r="59">
          <cell r="A59">
            <v>3004</v>
          </cell>
          <cell r="C59" t="str">
            <v>片開門扉設置手間</v>
          </cell>
          <cell r="D59" t="str">
            <v>基礎含</v>
          </cell>
          <cell r="E59" t="str">
            <v>基</v>
          </cell>
          <cell r="F59">
            <v>60000</v>
          </cell>
        </row>
        <row r="60">
          <cell r="A60">
            <v>3004.5</v>
          </cell>
          <cell r="H60" t="str">
            <v>見積</v>
          </cell>
        </row>
        <row r="61">
          <cell r="A61">
            <v>3005</v>
          </cell>
          <cell r="C61" t="str">
            <v>既設フェンス撤去工</v>
          </cell>
          <cell r="E61" t="str">
            <v>ｍ</v>
          </cell>
          <cell r="F61">
            <v>5000</v>
          </cell>
        </row>
        <row r="62">
          <cell r="A62">
            <v>3005.5</v>
          </cell>
          <cell r="H62" t="str">
            <v>土木単価</v>
          </cell>
        </row>
        <row r="63">
          <cell r="A63">
            <v>3006</v>
          </cell>
          <cell r="C63" t="str">
            <v>植栽撤去工</v>
          </cell>
          <cell r="D63" t="str">
            <v>低木　樹木高60cm未満</v>
          </cell>
          <cell r="E63" t="str">
            <v>本</v>
          </cell>
          <cell r="F63">
            <v>270</v>
          </cell>
        </row>
        <row r="64">
          <cell r="A64">
            <v>3006.5</v>
          </cell>
          <cell r="D64" t="str">
            <v>塩化ビニル製</v>
          </cell>
          <cell r="H64" t="str">
            <v>土木単価</v>
          </cell>
        </row>
        <row r="65">
          <cell r="A65">
            <v>3007</v>
          </cell>
          <cell r="C65" t="str">
            <v>排水桝設置工</v>
          </cell>
          <cell r="D65" t="str">
            <v>桝径φ200</v>
          </cell>
          <cell r="E65" t="str">
            <v>箇所</v>
          </cell>
          <cell r="F65">
            <v>13200</v>
          </cell>
        </row>
        <row r="66">
          <cell r="A66">
            <v>3007.5</v>
          </cell>
          <cell r="D66" t="str">
            <v>塩化ビニル管</v>
          </cell>
          <cell r="H66" t="str">
            <v>土木単価</v>
          </cell>
        </row>
        <row r="67">
          <cell r="A67">
            <v>3008</v>
          </cell>
          <cell r="C67" t="str">
            <v>取付管布設工(小規模)</v>
          </cell>
          <cell r="D67" t="str">
            <v>φ100　L=7.5ｍ</v>
          </cell>
          <cell r="E67" t="str">
            <v>箇所</v>
          </cell>
          <cell r="F67">
            <v>12776</v>
          </cell>
        </row>
        <row r="68">
          <cell r="A68">
            <v>3008.5</v>
          </cell>
          <cell r="H68" t="str">
            <v>見積</v>
          </cell>
        </row>
        <row r="69">
          <cell r="A69">
            <v>3009</v>
          </cell>
          <cell r="C69" t="str">
            <v>既設ゲート移設工</v>
          </cell>
          <cell r="E69" t="str">
            <v>式</v>
          </cell>
          <cell r="F69">
            <v>50000</v>
          </cell>
        </row>
        <row r="70">
          <cell r="A70">
            <v>4000.5</v>
          </cell>
          <cell r="D70" t="str">
            <v>排出ｶﾞｽ対策型(第2次)</v>
          </cell>
          <cell r="H70" t="str">
            <v>機損P2-12</v>
          </cell>
        </row>
        <row r="71">
          <cell r="A71">
            <v>4001</v>
          </cell>
          <cell r="C71" t="str">
            <v>ﾊﾞｯｸﾎｳ損料</v>
          </cell>
          <cell r="D71" t="str">
            <v>0.60m3BF</v>
          </cell>
          <cell r="E71" t="str">
            <v>供用日</v>
          </cell>
          <cell r="F71">
            <v>17800</v>
          </cell>
        </row>
        <row r="72">
          <cell r="A72">
            <v>4001.5</v>
          </cell>
          <cell r="D72" t="str">
            <v>排出ｶﾞｽ対策型(第2次)</v>
          </cell>
          <cell r="H72" t="str">
            <v>機損P2-12</v>
          </cell>
        </row>
        <row r="73">
          <cell r="A73">
            <v>4002</v>
          </cell>
          <cell r="C73" t="str">
            <v>ﾊﾞｯｸﾎｳ損料</v>
          </cell>
          <cell r="D73" t="str">
            <v>0.60m3BF</v>
          </cell>
          <cell r="E73" t="str">
            <v>h</v>
          </cell>
          <cell r="F73">
            <v>4650</v>
          </cell>
        </row>
        <row r="74">
          <cell r="A74">
            <v>4002.5</v>
          </cell>
          <cell r="D74" t="str">
            <v>ﾊﾝﾄﾞｶﾞｲﾄﾞ式</v>
          </cell>
          <cell r="H74" t="str">
            <v>物価資料</v>
          </cell>
        </row>
        <row r="75">
          <cell r="A75">
            <v>4003</v>
          </cell>
          <cell r="C75" t="str">
            <v>振動ﾛｰﾗ賃料</v>
          </cell>
          <cell r="D75" t="str">
            <v>0.8～1.1t</v>
          </cell>
          <cell r="E75" t="str">
            <v>日</v>
          </cell>
          <cell r="F75">
            <v>2300</v>
          </cell>
        </row>
        <row r="76">
          <cell r="A76">
            <v>4003.5</v>
          </cell>
          <cell r="H76" t="str">
            <v>物価資料</v>
          </cell>
        </row>
        <row r="77">
          <cell r="A77">
            <v>4004</v>
          </cell>
          <cell r="C77" t="str">
            <v>ﾀﾝﾊﾟ賃料</v>
          </cell>
          <cell r="D77" t="str">
            <v>60～80kg</v>
          </cell>
          <cell r="E77" t="str">
            <v>日</v>
          </cell>
          <cell r="F77">
            <v>720</v>
          </cell>
        </row>
        <row r="78">
          <cell r="A78">
            <v>4004.5</v>
          </cell>
          <cell r="H78" t="str">
            <v>機損P3-2</v>
          </cell>
        </row>
        <row r="79">
          <cell r="A79">
            <v>4005</v>
          </cell>
          <cell r="C79" t="str">
            <v>ﾀﾞﾝﾌﾟﾄﾗｯｸ損料</v>
          </cell>
          <cell r="D79" t="str">
            <v>10tDT</v>
          </cell>
          <cell r="E79" t="str">
            <v>供用日</v>
          </cell>
          <cell r="F79">
            <v>16400</v>
          </cell>
        </row>
        <row r="80">
          <cell r="A80">
            <v>4005.5</v>
          </cell>
          <cell r="D80" t="str">
            <v>ﾀﾞﾝﾌﾟﾄﾗｯｸ10t</v>
          </cell>
          <cell r="H80" t="str">
            <v>機損(53)</v>
          </cell>
        </row>
        <row r="81">
          <cell r="A81">
            <v>4006</v>
          </cell>
          <cell r="C81" t="str">
            <v>ﾀｲﾔ損耗費</v>
          </cell>
          <cell r="D81" t="str">
            <v>良好</v>
          </cell>
          <cell r="E81" t="str">
            <v>供用日</v>
          </cell>
          <cell r="F81">
            <v>736</v>
          </cell>
        </row>
        <row r="82">
          <cell r="A82">
            <v>4006.5</v>
          </cell>
          <cell r="D82" t="str">
            <v>排出ｶﾞｽ対策型(第1次)</v>
          </cell>
          <cell r="H82" t="str">
            <v>機損P2-12</v>
          </cell>
        </row>
        <row r="83">
          <cell r="A83">
            <v>4007</v>
          </cell>
          <cell r="C83" t="str">
            <v>ﾊﾞｯｸﾎｳ損料</v>
          </cell>
          <cell r="D83" t="str">
            <v>0.60m3BF</v>
          </cell>
          <cell r="E83" t="str">
            <v>供用日</v>
          </cell>
          <cell r="F83">
            <v>16800</v>
          </cell>
        </row>
        <row r="84">
          <cell r="A84">
            <v>4007.5</v>
          </cell>
          <cell r="D84" t="str">
            <v>排出ｶﾞｽ対策型(第1次) ｸﾛｰﾗ型・超小旋回型</v>
          </cell>
          <cell r="H84" t="str">
            <v>物価資料</v>
          </cell>
        </row>
        <row r="85">
          <cell r="A85">
            <v>4008</v>
          </cell>
          <cell r="C85" t="str">
            <v>小型ﾊﾞｯｸﾎｳ賃料</v>
          </cell>
          <cell r="D85" t="str">
            <v>山積0.22m3(平積0.16m3)BF</v>
          </cell>
          <cell r="E85" t="str">
            <v>日</v>
          </cell>
          <cell r="F85">
            <v>7500</v>
          </cell>
        </row>
        <row r="86">
          <cell r="A86">
            <v>4008.5</v>
          </cell>
          <cell r="D86" t="str">
            <v>排出ｶﾞｽ対策型(第1次)</v>
          </cell>
          <cell r="H86" t="str">
            <v>機損P7-2</v>
          </cell>
        </row>
        <row r="87">
          <cell r="A87">
            <v>4009</v>
          </cell>
          <cell r="C87" t="str">
            <v>ﾓｰﾀｰｸﾞﾚｰﾀﾞ損料</v>
          </cell>
          <cell r="D87" t="str">
            <v>3.1m</v>
          </cell>
          <cell r="E87" t="str">
            <v>供用日</v>
          </cell>
          <cell r="F87">
            <v>15300</v>
          </cell>
        </row>
        <row r="88">
          <cell r="A88">
            <v>4009.5</v>
          </cell>
          <cell r="D88" t="str">
            <v>排出ｶﾞｽ対策型(第1次)</v>
          </cell>
          <cell r="H88" t="str">
            <v>機損P8-2</v>
          </cell>
        </row>
        <row r="89">
          <cell r="A89">
            <v>4010</v>
          </cell>
          <cell r="C89" t="str">
            <v>ﾛｰﾄﾞﾛｰﾗ損料</v>
          </cell>
          <cell r="D89" t="str">
            <v>ﾏｶﾀﾞﾑ 10～12t</v>
          </cell>
          <cell r="E89" t="str">
            <v>供用日</v>
          </cell>
          <cell r="F89">
            <v>11700</v>
          </cell>
        </row>
        <row r="90">
          <cell r="A90">
            <v>4010.5</v>
          </cell>
          <cell r="D90" t="str">
            <v>排出ｶﾞｽ対策型(第1次)</v>
          </cell>
          <cell r="H90" t="str">
            <v>機損P8-2</v>
          </cell>
        </row>
        <row r="91">
          <cell r="A91">
            <v>4011</v>
          </cell>
          <cell r="C91" t="str">
            <v>ﾀｲﾔﾛｰﾗ損料</v>
          </cell>
          <cell r="D91" t="str">
            <v>8～20t</v>
          </cell>
          <cell r="E91" t="str">
            <v>供用日</v>
          </cell>
          <cell r="F91">
            <v>10800</v>
          </cell>
        </row>
        <row r="92">
          <cell r="A92">
            <v>4011.5</v>
          </cell>
          <cell r="D92" t="str">
            <v xml:space="preserve">排出ｶﾞｽ対策型(第1次) </v>
          </cell>
          <cell r="H92" t="str">
            <v>物価資料</v>
          </cell>
        </row>
        <row r="93">
          <cell r="A93">
            <v>4012</v>
          </cell>
          <cell r="C93" t="str">
            <v>振動ﾛｰﾗ賃料</v>
          </cell>
          <cell r="D93" t="str">
            <v>搭乗式ｺﾝﾊﾞｲﾝﾄ型 3～4t</v>
          </cell>
          <cell r="E93" t="str">
            <v>日</v>
          </cell>
          <cell r="F93">
            <v>5400</v>
          </cell>
        </row>
        <row r="94">
          <cell r="A94">
            <v>4012.5</v>
          </cell>
          <cell r="D94" t="str">
            <v>排出ｶﾞｽ対策型(第2次) ｸﾛｰﾗ型</v>
          </cell>
          <cell r="H94" t="str">
            <v>物価資料</v>
          </cell>
        </row>
        <row r="95">
          <cell r="A95">
            <v>4013</v>
          </cell>
          <cell r="C95" t="str">
            <v>小型ﾊﾞｯｸﾎｳ賃料</v>
          </cell>
          <cell r="D95" t="str">
            <v>山積0.11m3(平積0.08m3)BF</v>
          </cell>
          <cell r="E95" t="str">
            <v>日</v>
          </cell>
          <cell r="F95">
            <v>5000</v>
          </cell>
        </row>
        <row r="96">
          <cell r="A96">
            <v>4013.5</v>
          </cell>
          <cell r="H96" t="str">
            <v>機損P10-2</v>
          </cell>
        </row>
        <row r="97">
          <cell r="A97">
            <v>4014</v>
          </cell>
          <cell r="C97" t="str">
            <v>ｱｽﾌｧﾙﾄﾌｨﾆｯｼｬ損料</v>
          </cell>
          <cell r="D97" t="str">
            <v>ｸﾛｰﾗ型 1.4～3.0m</v>
          </cell>
          <cell r="E97" t="str">
            <v>供用日</v>
          </cell>
          <cell r="F97">
            <v>14700</v>
          </cell>
        </row>
        <row r="98">
          <cell r="A98">
            <v>4014.5</v>
          </cell>
        </row>
        <row r="99">
          <cell r="A99">
            <v>4015</v>
          </cell>
        </row>
        <row r="100">
          <cell r="A100">
            <v>5000.5</v>
          </cell>
          <cell r="D100" t="str">
            <v xml:space="preserve">排出ｶﾞｽ対策型(第2次) </v>
          </cell>
          <cell r="H100" t="str">
            <v>第1号 単一表</v>
          </cell>
        </row>
        <row r="101">
          <cell r="A101">
            <v>5001</v>
          </cell>
          <cell r="C101" t="str">
            <v>機械掘削積込工(地山)</v>
          </cell>
          <cell r="D101" t="str">
            <v>山積0.8m3(平積0.6m3)BF</v>
          </cell>
          <cell r="E101" t="str">
            <v>ｍ3</v>
          </cell>
          <cell r="F101">
            <v>184</v>
          </cell>
        </row>
        <row r="102">
          <cell r="A102">
            <v>5001.5</v>
          </cell>
          <cell r="D102" t="str">
            <v xml:space="preserve">排出ｶﾞｽ対策型(第2次) </v>
          </cell>
          <cell r="H102" t="str">
            <v>第2号 単一表</v>
          </cell>
        </row>
        <row r="103">
          <cell r="A103">
            <v>5002</v>
          </cell>
          <cell r="C103" t="str">
            <v>ﾊﾞｯｸﾎｳ運転</v>
          </cell>
          <cell r="D103" t="str">
            <v>山積0.8m3(平積0.6m3)BF</v>
          </cell>
          <cell r="E103" t="str">
            <v>日</v>
          </cell>
          <cell r="F103">
            <v>55800</v>
          </cell>
        </row>
        <row r="104">
          <cell r="A104">
            <v>5002.5</v>
          </cell>
          <cell r="D104" t="str">
            <v xml:space="preserve">排出ｶﾞｽ対策型(第2次) </v>
          </cell>
          <cell r="H104" t="str">
            <v>第3号 単一表</v>
          </cell>
        </row>
        <row r="105">
          <cell r="A105">
            <v>5003</v>
          </cell>
          <cell r="C105" t="str">
            <v>機械投入良質土埋戻工C</v>
          </cell>
          <cell r="D105" t="str">
            <v>山積0.8m3(平積0.6m3)BF</v>
          </cell>
          <cell r="E105" t="str">
            <v>ｍ3</v>
          </cell>
          <cell r="F105">
            <v>1347</v>
          </cell>
        </row>
        <row r="106">
          <cell r="A106">
            <v>5003.5</v>
          </cell>
          <cell r="D106" t="str">
            <v xml:space="preserve">排出ｶﾞｽ対策型(第2次) </v>
          </cell>
          <cell r="H106" t="str">
            <v>第4号 単一表</v>
          </cell>
        </row>
        <row r="107">
          <cell r="A107">
            <v>5004</v>
          </cell>
          <cell r="C107" t="str">
            <v>ﾊﾞｯｸﾎｳ運転</v>
          </cell>
          <cell r="D107" t="str">
            <v>山積0.8m3(平積0.6m3)BF</v>
          </cell>
          <cell r="E107" t="str">
            <v>h</v>
          </cell>
          <cell r="F107">
            <v>9510</v>
          </cell>
        </row>
        <row r="108">
          <cell r="A108">
            <v>5004.5</v>
          </cell>
          <cell r="D108" t="str">
            <v>ﾊﾝﾄﾞｶﾞｲﾄﾞ式</v>
          </cell>
          <cell r="H108" t="str">
            <v>第5号 単一表</v>
          </cell>
        </row>
        <row r="109">
          <cell r="A109">
            <v>5005</v>
          </cell>
          <cell r="C109" t="str">
            <v>振動ﾛｰﾗｰ運転</v>
          </cell>
          <cell r="D109" t="str">
            <v>0.8～1.1t</v>
          </cell>
          <cell r="E109" t="str">
            <v>日</v>
          </cell>
          <cell r="F109">
            <v>21500</v>
          </cell>
        </row>
        <row r="110">
          <cell r="A110">
            <v>5005.5</v>
          </cell>
          <cell r="H110" t="str">
            <v>第6号 単一表</v>
          </cell>
        </row>
        <row r="111">
          <cell r="A111">
            <v>5006</v>
          </cell>
          <cell r="C111" t="str">
            <v>ﾀﾝﾊﾟ締固め</v>
          </cell>
          <cell r="D111" t="str">
            <v>60～80kg</v>
          </cell>
          <cell r="E111" t="str">
            <v>ｍ3</v>
          </cell>
          <cell r="F111">
            <v>1008</v>
          </cell>
        </row>
        <row r="112">
          <cell r="A112">
            <v>5006.5</v>
          </cell>
          <cell r="H112" t="str">
            <v>第7号 単一表</v>
          </cell>
        </row>
        <row r="113">
          <cell r="A113">
            <v>5007</v>
          </cell>
          <cell r="C113" t="str">
            <v>ﾀﾝﾊﾟ運転</v>
          </cell>
          <cell r="D113" t="str">
            <v>60～80kg</v>
          </cell>
          <cell r="E113" t="str">
            <v>日</v>
          </cell>
          <cell r="F113">
            <v>19200</v>
          </cell>
        </row>
        <row r="114">
          <cell r="A114">
            <v>5007.5</v>
          </cell>
          <cell r="D114" t="str">
            <v>土砂 運搬距離9km DID区間有り</v>
          </cell>
          <cell r="H114" t="str">
            <v>第8号 単一表</v>
          </cell>
        </row>
        <row r="115">
          <cell r="A115">
            <v>5008</v>
          </cell>
          <cell r="C115" t="str">
            <v>残土処理工</v>
          </cell>
          <cell r="D115" t="str">
            <v>10t積 良好</v>
          </cell>
          <cell r="E115" t="str">
            <v>ｍ3</v>
          </cell>
          <cell r="F115">
            <v>1212</v>
          </cell>
        </row>
        <row r="116">
          <cell r="A116">
            <v>5008.5</v>
          </cell>
          <cell r="H116" t="str">
            <v>第9号 単一表</v>
          </cell>
        </row>
        <row r="117">
          <cell r="A117">
            <v>5009</v>
          </cell>
          <cell r="C117" t="str">
            <v>ﾀﾞﾝﾌﾟﾄﾗｯｸ運転費</v>
          </cell>
          <cell r="D117" t="str">
            <v>10t積 良好</v>
          </cell>
          <cell r="E117" t="str">
            <v>日</v>
          </cell>
          <cell r="F117">
            <v>44900</v>
          </cell>
        </row>
        <row r="118">
          <cell r="A118">
            <v>5009.5</v>
          </cell>
          <cell r="D118" t="str">
            <v>切土法面整形</v>
          </cell>
          <cell r="H118" t="str">
            <v>第10号 単一表</v>
          </cell>
        </row>
        <row r="119">
          <cell r="A119">
            <v>5010</v>
          </cell>
          <cell r="C119" t="str">
            <v>法面整形工</v>
          </cell>
          <cell r="D119" t="str">
            <v>砂質土 0.6m3BH(ﾊﾞｽｹｯﾄ付)</v>
          </cell>
          <cell r="E119" t="str">
            <v>ｍ2</v>
          </cell>
          <cell r="F119">
            <v>706</v>
          </cell>
        </row>
        <row r="120">
          <cell r="A120">
            <v>5010.5</v>
          </cell>
          <cell r="D120" t="str">
            <v>盛土法面整形</v>
          </cell>
          <cell r="H120" t="str">
            <v>第11号 単一表</v>
          </cell>
        </row>
        <row r="121">
          <cell r="A121">
            <v>5011</v>
          </cell>
          <cell r="C121" t="str">
            <v>法面整形工</v>
          </cell>
          <cell r="D121" t="str">
            <v>土羽 0.6m3BH(ﾊﾞｽｹｯﾄ付)</v>
          </cell>
          <cell r="E121" t="str">
            <v>ｍ2</v>
          </cell>
          <cell r="F121">
            <v>595</v>
          </cell>
        </row>
        <row r="122">
          <cell r="A122">
            <v>5011.5</v>
          </cell>
          <cell r="D122" t="str">
            <v xml:space="preserve">排出ｶﾞｽ対策型(第2次) </v>
          </cell>
          <cell r="H122" t="str">
            <v>第12号 単一表</v>
          </cell>
        </row>
        <row r="123">
          <cell r="A123">
            <v>5012</v>
          </cell>
          <cell r="C123" t="str">
            <v>ﾊﾞｯｸﾎｳ運転</v>
          </cell>
          <cell r="D123" t="str">
            <v>山積0.8m3(平積0.6m3)BF</v>
          </cell>
          <cell r="E123" t="str">
            <v>h</v>
          </cell>
          <cell r="F123">
            <v>9690</v>
          </cell>
        </row>
        <row r="124">
          <cell r="A124">
            <v>5012.5</v>
          </cell>
          <cell r="H124" t="str">
            <v>第13号 単一表</v>
          </cell>
        </row>
        <row r="125">
          <cell r="A125">
            <v>5013</v>
          </cell>
          <cell r="C125" t="str">
            <v>試掘工</v>
          </cell>
          <cell r="D125">
            <v>0</v>
          </cell>
          <cell r="E125" t="str">
            <v>箇所</v>
          </cell>
          <cell r="F125">
            <v>1530</v>
          </cell>
        </row>
        <row r="126">
          <cell r="A126">
            <v>5013.5</v>
          </cell>
          <cell r="H126" t="str">
            <v>第14号 単一表</v>
          </cell>
        </row>
        <row r="127">
          <cell r="A127">
            <v>5014</v>
          </cell>
          <cell r="C127" t="str">
            <v>フェンス設置工</v>
          </cell>
          <cell r="D127" t="str">
            <v>H=1.5m 独立基礎式</v>
          </cell>
          <cell r="E127" t="str">
            <v>ｍ</v>
          </cell>
          <cell r="F127">
            <v>38300</v>
          </cell>
        </row>
        <row r="128">
          <cell r="A128">
            <v>5014.5</v>
          </cell>
          <cell r="H128" t="str">
            <v>第15号 単一表</v>
          </cell>
        </row>
        <row r="129">
          <cell r="A129">
            <v>5015</v>
          </cell>
          <cell r="C129" t="str">
            <v>フェンス門扉設置工</v>
          </cell>
          <cell r="D129" t="str">
            <v>H=1.5m 片開きW=1.0m</v>
          </cell>
          <cell r="E129" t="str">
            <v>基</v>
          </cell>
          <cell r="F129">
            <v>387300</v>
          </cell>
        </row>
        <row r="130">
          <cell r="A130">
            <v>5015.5</v>
          </cell>
          <cell r="H130" t="str">
            <v>第16号 単一表</v>
          </cell>
        </row>
        <row r="131">
          <cell r="A131">
            <v>5016</v>
          </cell>
          <cell r="C131" t="str">
            <v>階段工</v>
          </cell>
          <cell r="D131">
            <v>0</v>
          </cell>
          <cell r="E131" t="str">
            <v>箇所</v>
          </cell>
          <cell r="F131">
            <v>43600</v>
          </cell>
        </row>
        <row r="132">
          <cell r="A132">
            <v>5016.5</v>
          </cell>
          <cell r="D132" t="str">
            <v>小型構造物　人力</v>
          </cell>
          <cell r="H132" t="str">
            <v>第17号 単一表</v>
          </cell>
        </row>
        <row r="133">
          <cell r="A133">
            <v>5017</v>
          </cell>
          <cell r="C133" t="str">
            <v>ｺﾝｸﾘｰﾄ工</v>
          </cell>
          <cell r="D133" t="str">
            <v xml:space="preserve">18-8-25BB </v>
          </cell>
          <cell r="E133" t="str">
            <v>ｍ3</v>
          </cell>
          <cell r="F133">
            <v>18580</v>
          </cell>
        </row>
        <row r="134">
          <cell r="A134">
            <v>5017.5</v>
          </cell>
          <cell r="H134" t="str">
            <v>第18号 単一表</v>
          </cell>
        </row>
        <row r="135">
          <cell r="A135">
            <v>5018</v>
          </cell>
          <cell r="C135" t="str">
            <v>型枠工</v>
          </cell>
          <cell r="D135" t="str">
            <v>小型構造物</v>
          </cell>
          <cell r="E135" t="str">
            <v>ｍ2</v>
          </cell>
          <cell r="F135">
            <v>5370</v>
          </cell>
        </row>
        <row r="136">
          <cell r="A136">
            <v>5018.5</v>
          </cell>
          <cell r="H136" t="str">
            <v>第19号 単一表</v>
          </cell>
        </row>
        <row r="137">
          <cell r="A137">
            <v>5019</v>
          </cell>
          <cell r="C137" t="str">
            <v>基礎砕石工</v>
          </cell>
          <cell r="D137" t="str">
            <v>RC-40 t=10cm</v>
          </cell>
          <cell r="E137" t="str">
            <v>ｍ2</v>
          </cell>
          <cell r="F137">
            <v>826</v>
          </cell>
        </row>
        <row r="138">
          <cell r="A138">
            <v>5019.5</v>
          </cell>
          <cell r="D138" t="str">
            <v xml:space="preserve">排出ｶﾞｽ対策型(第1次) </v>
          </cell>
          <cell r="H138" t="str">
            <v>第20号 単一表</v>
          </cell>
        </row>
        <row r="139">
          <cell r="A139">
            <v>5020</v>
          </cell>
          <cell r="C139" t="str">
            <v>ﾊﾞｯｸﾎｳ運転</v>
          </cell>
          <cell r="D139" t="str">
            <v>山積0.8m3(平積0.6m3)BF</v>
          </cell>
          <cell r="E139" t="str">
            <v>日</v>
          </cell>
          <cell r="F139">
            <v>28200</v>
          </cell>
        </row>
        <row r="140">
          <cell r="A140">
            <v>5020.5</v>
          </cell>
          <cell r="D140" t="str">
            <v>49kg/本</v>
          </cell>
          <cell r="H140" t="str">
            <v>第21号 単一表</v>
          </cell>
        </row>
        <row r="141">
          <cell r="A141">
            <v>5021</v>
          </cell>
          <cell r="C141" t="str">
            <v>歩車道境界ブロック設置工</v>
          </cell>
          <cell r="D141" t="str">
            <v>L=0.6m</v>
          </cell>
          <cell r="E141" t="str">
            <v>ｍ</v>
          </cell>
          <cell r="F141">
            <v>5537</v>
          </cell>
        </row>
        <row r="142">
          <cell r="A142">
            <v>5021.5</v>
          </cell>
          <cell r="D142" t="str">
            <v>49kg/本</v>
          </cell>
          <cell r="H142" t="str">
            <v>第22号 単一表</v>
          </cell>
        </row>
        <row r="143">
          <cell r="A143">
            <v>5022</v>
          </cell>
          <cell r="C143" t="str">
            <v>ブロック設置工</v>
          </cell>
          <cell r="D143" t="str">
            <v>150-190×200×600</v>
          </cell>
          <cell r="E143" t="str">
            <v>ｍ</v>
          </cell>
          <cell r="F143">
            <v>3035</v>
          </cell>
        </row>
        <row r="144">
          <cell r="A144">
            <v>5022.5</v>
          </cell>
          <cell r="H144" t="str">
            <v>第23号 単一表</v>
          </cell>
        </row>
        <row r="145">
          <cell r="A145">
            <v>5023</v>
          </cell>
          <cell r="C145" t="str">
            <v>ブロック撤去・処分工</v>
          </cell>
          <cell r="D145" t="str">
            <v>800mm以下</v>
          </cell>
          <cell r="E145" t="str">
            <v>ｍ</v>
          </cell>
          <cell r="F145">
            <v>503</v>
          </cell>
        </row>
        <row r="146">
          <cell r="A146">
            <v>5023.5</v>
          </cell>
          <cell r="D146" t="str">
            <v>排出ｶﾞｽ対策型(第1次) ｸﾛｰﾗ型・超小旋回型</v>
          </cell>
          <cell r="H146" t="str">
            <v>第24号 単一表</v>
          </cell>
        </row>
        <row r="147">
          <cell r="A147">
            <v>5024</v>
          </cell>
          <cell r="C147" t="str">
            <v>小型ﾊﾞｯｸﾎｳ運転</v>
          </cell>
          <cell r="D147" t="str">
            <v>山積0.22m3(平積0.16m3)BF</v>
          </cell>
          <cell r="E147" t="str">
            <v>日</v>
          </cell>
          <cell r="F147">
            <v>30500</v>
          </cell>
        </row>
        <row r="148">
          <cell r="A148">
            <v>5024.5</v>
          </cell>
          <cell r="H148" t="str">
            <v>第25号 単一表</v>
          </cell>
        </row>
        <row r="149">
          <cell r="A149">
            <v>5025</v>
          </cell>
          <cell r="C149" t="str">
            <v>敷ﾓﾙﾀﾙ工</v>
          </cell>
          <cell r="D149" t="str">
            <v>1:3</v>
          </cell>
          <cell r="E149" t="str">
            <v>ｍ3</v>
          </cell>
          <cell r="F149">
            <v>24600</v>
          </cell>
        </row>
        <row r="150">
          <cell r="A150">
            <v>5025.5</v>
          </cell>
          <cell r="D150" t="str">
            <v>無筋構造物　人力</v>
          </cell>
          <cell r="H150" t="str">
            <v>第26号 単一表</v>
          </cell>
        </row>
        <row r="151">
          <cell r="A151">
            <v>5026</v>
          </cell>
          <cell r="C151" t="str">
            <v>基礎ｺﾝｸﾘｰﾄ工</v>
          </cell>
          <cell r="D151" t="str">
            <v xml:space="preserve">18-8-25BB </v>
          </cell>
          <cell r="E151" t="str">
            <v>ｍ3</v>
          </cell>
          <cell r="F151">
            <v>14680</v>
          </cell>
        </row>
        <row r="152">
          <cell r="A152">
            <v>5026.5</v>
          </cell>
          <cell r="H152" t="str">
            <v>第27号 単一表</v>
          </cell>
        </row>
        <row r="153">
          <cell r="A153">
            <v>5027</v>
          </cell>
          <cell r="C153" t="str">
            <v>不陸整正工</v>
          </cell>
          <cell r="D153" t="str">
            <v>補足材なし</v>
          </cell>
          <cell r="E153" t="str">
            <v>ｍ2</v>
          </cell>
          <cell r="F153">
            <v>93</v>
          </cell>
        </row>
        <row r="154">
          <cell r="A154">
            <v>5027.5</v>
          </cell>
          <cell r="D154" t="str">
            <v xml:space="preserve">排出ｶﾞｽ対策型(第1次) </v>
          </cell>
          <cell r="H154" t="str">
            <v>第28号 単一表</v>
          </cell>
        </row>
        <row r="155">
          <cell r="A155">
            <v>5028</v>
          </cell>
          <cell r="C155" t="str">
            <v>ﾓｰﾀｰｸﾞﾚｰﾀﾞ運転</v>
          </cell>
          <cell r="D155" t="str">
            <v>3.1ｍ</v>
          </cell>
          <cell r="E155" t="str">
            <v>日</v>
          </cell>
          <cell r="F155">
            <v>46100</v>
          </cell>
        </row>
        <row r="156">
          <cell r="A156">
            <v>5028.5</v>
          </cell>
          <cell r="D156" t="str">
            <v xml:space="preserve">排出ｶﾞｽ対策型(第1次) </v>
          </cell>
          <cell r="H156" t="str">
            <v>第29号 単一表</v>
          </cell>
        </row>
        <row r="157">
          <cell r="A157">
            <v>5029</v>
          </cell>
          <cell r="C157" t="str">
            <v>ﾛｰﾄﾞﾛｰﾗ運転</v>
          </cell>
          <cell r="D157" t="str">
            <v>ﾏｶﾀﾞﾑ 10～12t</v>
          </cell>
          <cell r="E157" t="str">
            <v>日</v>
          </cell>
          <cell r="F157">
            <v>38400</v>
          </cell>
        </row>
        <row r="158">
          <cell r="A158">
            <v>5029.5</v>
          </cell>
          <cell r="D158" t="str">
            <v xml:space="preserve">排出ｶﾞｽ対策型(第1次) </v>
          </cell>
          <cell r="H158" t="str">
            <v>第30号 単一表</v>
          </cell>
        </row>
        <row r="159">
          <cell r="A159">
            <v>5030</v>
          </cell>
          <cell r="C159" t="str">
            <v>ﾀｲﾔﾛｰﾗ運転</v>
          </cell>
          <cell r="D159" t="str">
            <v>8～20t</v>
          </cell>
          <cell r="E159" t="str">
            <v>日</v>
          </cell>
          <cell r="F159">
            <v>38000</v>
          </cell>
        </row>
        <row r="160">
          <cell r="A160">
            <v>5030.5</v>
          </cell>
          <cell r="D160" t="str">
            <v>人力施工</v>
          </cell>
          <cell r="H160" t="str">
            <v>第31号 単一表</v>
          </cell>
        </row>
        <row r="161">
          <cell r="A161">
            <v>5031</v>
          </cell>
          <cell r="C161" t="str">
            <v>路盤工</v>
          </cell>
          <cell r="D161" t="str">
            <v>RC-40 1層 t=10cm</v>
          </cell>
          <cell r="E161" t="str">
            <v>ｍ2</v>
          </cell>
          <cell r="F161">
            <v>617</v>
          </cell>
        </row>
        <row r="162">
          <cell r="A162">
            <v>5031.5</v>
          </cell>
          <cell r="D162" t="str">
            <v xml:space="preserve">排出ｶﾞｽ対策型(第1次) </v>
          </cell>
          <cell r="H162" t="str">
            <v>第32号 単一表</v>
          </cell>
        </row>
        <row r="163">
          <cell r="A163">
            <v>5032</v>
          </cell>
          <cell r="C163" t="str">
            <v>振動ﾛｰﾗ運転</v>
          </cell>
          <cell r="D163" t="str">
            <v>搭乗式ｺﾝﾊﾞｲﾝﾄ型 3～4t</v>
          </cell>
          <cell r="E163" t="str">
            <v>日</v>
          </cell>
          <cell r="F163">
            <v>27400</v>
          </cell>
        </row>
        <row r="164">
          <cell r="A164">
            <v>5032.5</v>
          </cell>
          <cell r="D164" t="str">
            <v>排出ｶﾞｽ対策型(第2次) ｸﾛｰﾗ型</v>
          </cell>
          <cell r="H164" t="str">
            <v>第33号 単一表</v>
          </cell>
        </row>
        <row r="165">
          <cell r="A165">
            <v>5033</v>
          </cell>
          <cell r="C165" t="str">
            <v>小型ﾊﾞｯｸﾎｳ運転</v>
          </cell>
          <cell r="D165" t="str">
            <v>山積0.11m3(平積0.08m3)BF</v>
          </cell>
          <cell r="E165" t="str">
            <v>日</v>
          </cell>
          <cell r="F165">
            <v>29400</v>
          </cell>
        </row>
        <row r="166">
          <cell r="A166">
            <v>5033.5</v>
          </cell>
          <cell r="D166" t="str">
            <v>人力施工</v>
          </cell>
          <cell r="H166" t="str">
            <v>第34号 単一表</v>
          </cell>
        </row>
        <row r="167">
          <cell r="A167">
            <v>5034</v>
          </cell>
          <cell r="C167" t="str">
            <v>下層路盤工</v>
          </cell>
          <cell r="D167" t="str">
            <v>RC-40 1層 t=15cm</v>
          </cell>
          <cell r="E167" t="str">
            <v>ｍ2</v>
          </cell>
          <cell r="F167">
            <v>706</v>
          </cell>
        </row>
        <row r="168">
          <cell r="A168">
            <v>5034.5</v>
          </cell>
          <cell r="D168" t="str">
            <v>人力施工</v>
          </cell>
          <cell r="H168" t="str">
            <v>第35号 単一表</v>
          </cell>
        </row>
        <row r="169">
          <cell r="A169">
            <v>5035</v>
          </cell>
          <cell r="C169" t="str">
            <v>上層路盤工</v>
          </cell>
          <cell r="D169" t="str">
            <v>RM-30 1層 t=10cm</v>
          </cell>
          <cell r="E169" t="str">
            <v>ｍ2</v>
          </cell>
          <cell r="F169">
            <v>680</v>
          </cell>
        </row>
        <row r="170">
          <cell r="A170">
            <v>5035.5</v>
          </cell>
          <cell r="D170" t="str">
            <v>機械施工 歩道 ﾌﾟﾗｲﾑｺｰﾄ使用</v>
          </cell>
          <cell r="H170" t="str">
            <v>第36号 単一表</v>
          </cell>
        </row>
        <row r="171">
          <cell r="A171">
            <v>5036</v>
          </cell>
          <cell r="C171" t="str">
            <v>基層工</v>
          </cell>
          <cell r="D171" t="str">
            <v>粗粒度As20 t=5cm</v>
          </cell>
          <cell r="E171" t="str">
            <v>ｍ2</v>
          </cell>
          <cell r="F171">
            <v>1759</v>
          </cell>
        </row>
        <row r="172">
          <cell r="A172">
            <v>5036.5</v>
          </cell>
          <cell r="D172" t="str">
            <v xml:space="preserve">排出ｶﾞｽ対策型(第2次) </v>
          </cell>
          <cell r="H172" t="str">
            <v>第37号 単一表</v>
          </cell>
        </row>
        <row r="173">
          <cell r="A173">
            <v>5037</v>
          </cell>
          <cell r="C173" t="str">
            <v>ｱｽﾌｧﾙﾄﾌｨﾆｯｼｬ運転</v>
          </cell>
          <cell r="D173" t="str">
            <v>ｸﾛｰﾗ型 1.4～3.0m</v>
          </cell>
          <cell r="E173" t="str">
            <v>日</v>
          </cell>
          <cell r="F173">
            <v>46000</v>
          </cell>
        </row>
        <row r="174">
          <cell r="A174">
            <v>5037.5</v>
          </cell>
          <cell r="D174" t="str">
            <v xml:space="preserve">排出ｶﾞｽ対策型(第1次) </v>
          </cell>
          <cell r="H174" t="str">
            <v>第38号 単一表</v>
          </cell>
        </row>
        <row r="175">
          <cell r="A175">
            <v>5038</v>
          </cell>
          <cell r="C175" t="str">
            <v>振動ﾛｰﾗ運転</v>
          </cell>
          <cell r="D175" t="str">
            <v>搭乗式ｺﾝﾊﾞｲﾝﾄﾞ型 3～4t</v>
          </cell>
          <cell r="E175" t="str">
            <v>日</v>
          </cell>
          <cell r="F175">
            <v>27700</v>
          </cell>
        </row>
        <row r="176">
          <cell r="A176">
            <v>5038.5</v>
          </cell>
          <cell r="D176" t="str">
            <v>機械施工 歩道 ﾀｯｸｺｰﾄ使用</v>
          </cell>
          <cell r="H176" t="str">
            <v>第39号 単一表</v>
          </cell>
        </row>
        <row r="177">
          <cell r="A177">
            <v>5039</v>
          </cell>
          <cell r="C177" t="str">
            <v>表層工</v>
          </cell>
          <cell r="D177" t="str">
            <v>密粒度As20 t=5cm</v>
          </cell>
          <cell r="E177" t="str">
            <v>ｍ2</v>
          </cell>
          <cell r="F177">
            <v>1715</v>
          </cell>
        </row>
        <row r="178">
          <cell r="A178">
            <v>5039.5</v>
          </cell>
        </row>
        <row r="179">
          <cell r="A179">
            <v>5040</v>
          </cell>
        </row>
      </sheetData>
      <sheetData sheetId="41"/>
    </sheetDataSet>
  </externalBook>
</externalLink>
</file>

<file path=xl/externalLinks/externalLink8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当初表紙"/>
      <sheetName val="内訳集計 "/>
      <sheetName val="諸経費"/>
      <sheetName val="1号"/>
      <sheetName val="1-1号"/>
      <sheetName val="1-2号"/>
      <sheetName val="1-3号"/>
      <sheetName val="2号"/>
      <sheetName val="2-1号"/>
      <sheetName val="3号"/>
      <sheetName val="3-1号"/>
      <sheetName val="3-2号"/>
      <sheetName val="3-3号"/>
      <sheetName val="3-4号"/>
      <sheetName val="3-5号"/>
      <sheetName val="3-6号"/>
      <sheetName val="3-7号"/>
      <sheetName val="3-8号"/>
      <sheetName val="3-9号"/>
      <sheetName val="3-9-1号"/>
      <sheetName val="3-9-2号"/>
      <sheetName val="3-9-3号"/>
      <sheetName val="3-9-4号"/>
      <sheetName val="3-9-5号"/>
      <sheetName val="4号"/>
      <sheetName val="5号"/>
      <sheetName val="5-1号"/>
      <sheetName val="5-2号"/>
      <sheetName val="5-3号"/>
      <sheetName val="5-4号"/>
      <sheetName val="6号"/>
      <sheetName val="7号"/>
      <sheetName val="8号"/>
      <sheetName val="→出力しない"/>
      <sheetName val="単価コード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row r="3">
          <cell r="B3" t="str">
            <v>番号</v>
          </cell>
          <cell r="C3" t="str">
            <v>工種 （名称）　　［上段］</v>
          </cell>
          <cell r="D3" t="str">
            <v>工種 （名称）　　　［下段］</v>
          </cell>
          <cell r="E3" t="str">
            <v>種別（規格）　　　　［上段］</v>
          </cell>
          <cell r="F3" t="str">
            <v>種別（規格）　　　　［下段］</v>
          </cell>
          <cell r="G3" t="str">
            <v>単位</v>
          </cell>
          <cell r="H3" t="str">
            <v>単　価</v>
          </cell>
          <cell r="I3" t="str">
            <v>摘　　要　　　［上段］</v>
          </cell>
          <cell r="J3" t="str">
            <v>摘　　要　　　［下段］</v>
          </cell>
          <cell r="L3" t="str">
            <v>管材費</v>
          </cell>
        </row>
        <row r="4">
          <cell r="B4">
            <v>1</v>
          </cell>
          <cell r="D4" t="str">
            <v>掘削</v>
          </cell>
          <cell r="E4" t="str">
            <v>岩塊･玉石　ｵｰﾌﾟﾝｶｯﾄ</v>
          </cell>
          <cell r="F4" t="str">
            <v>50,000m3未満</v>
          </cell>
          <cell r="G4" t="str">
            <v>ｍ3</v>
          </cell>
          <cell r="H4">
            <v>260</v>
          </cell>
          <cell r="J4" t="str">
            <v>施工　第0-0001号内訳表</v>
          </cell>
        </row>
        <row r="5">
          <cell r="B5">
            <v>2</v>
          </cell>
          <cell r="D5" t="str">
            <v>埋戻し</v>
          </cell>
          <cell r="F5" t="str">
            <v>最大埋戻幅1m以上4m未満</v>
          </cell>
          <cell r="G5" t="str">
            <v>ｍ3</v>
          </cell>
          <cell r="H5">
            <v>1400</v>
          </cell>
          <cell r="J5" t="str">
            <v>施工　第0-0002号内訳表</v>
          </cell>
        </row>
        <row r="6">
          <cell r="B6">
            <v>3</v>
          </cell>
          <cell r="D6" t="str">
            <v>舗装版破砕</v>
          </cell>
          <cell r="E6" t="str">
            <v>アスファルト舗装版</v>
          </cell>
          <cell r="F6" t="str">
            <v>障害無　舗装厚10cm以下</v>
          </cell>
          <cell r="G6" t="str">
            <v>ｍ2</v>
          </cell>
          <cell r="H6">
            <v>110</v>
          </cell>
          <cell r="J6" t="str">
            <v>施工　第0-0003号内訳表</v>
          </cell>
        </row>
        <row r="7">
          <cell r="B7">
            <v>4</v>
          </cell>
          <cell r="D7" t="str">
            <v>殻運搬</v>
          </cell>
          <cell r="E7" t="str">
            <v>舗装版破砕　11.5km以下</v>
          </cell>
          <cell r="F7" t="str">
            <v>機械積込　舗装版厚15cm以下</v>
          </cell>
          <cell r="G7" t="str">
            <v>ｍ3</v>
          </cell>
          <cell r="H7">
            <v>3000</v>
          </cell>
          <cell r="J7" t="str">
            <v>施工　第0-0004号内訳表</v>
          </cell>
        </row>
        <row r="8">
          <cell r="B8">
            <v>5</v>
          </cell>
          <cell r="D8" t="str">
            <v>殻運搬</v>
          </cell>
          <cell r="E8" t="str">
            <v>Co構造物とりこわし　</v>
          </cell>
          <cell r="F8" t="str">
            <v>4.0km以下 機械積込</v>
          </cell>
          <cell r="G8" t="str">
            <v>ｍ3</v>
          </cell>
          <cell r="H8">
            <v>960</v>
          </cell>
          <cell r="J8" t="str">
            <v>施工　第0-0005号内訳表</v>
          </cell>
        </row>
        <row r="9">
          <cell r="B9">
            <v>6</v>
          </cell>
          <cell r="D9" t="str">
            <v>土砂等運搬</v>
          </cell>
          <cell r="E9" t="str">
            <v xml:space="preserve">BH山積0.8m3(平積0.6m3) </v>
          </cell>
          <cell r="F9" t="str">
            <v>9.5km以下 土砂</v>
          </cell>
          <cell r="G9" t="str">
            <v>ｍ3</v>
          </cell>
          <cell r="H9">
            <v>1300</v>
          </cell>
          <cell r="J9" t="str">
            <v>施工　第0-0006号内訳表</v>
          </cell>
        </row>
        <row r="10">
          <cell r="B10">
            <v>7</v>
          </cell>
          <cell r="D10" t="str">
            <v>表層(車道・路肩部)</v>
          </cell>
          <cell r="E10" t="str">
            <v>45mm≦t＜55mm 幅員1.4m以上　</v>
          </cell>
          <cell r="F10" t="str">
            <v>密粒度As(20)　ﾌﾟﾗｲﾑｺｰﾄPK-3</v>
          </cell>
          <cell r="G10" t="str">
            <v>ｍ2</v>
          </cell>
          <cell r="H10">
            <v>1700</v>
          </cell>
          <cell r="J10" t="str">
            <v>施工　第0-0007号内訳表</v>
          </cell>
        </row>
        <row r="11">
          <cell r="B11">
            <v>8</v>
          </cell>
          <cell r="D11" t="str">
            <v>上層路盤(車道・路肩部)</v>
          </cell>
          <cell r="E11" t="str">
            <v>粒度調整砕石M-25</v>
          </cell>
          <cell r="F11" t="str">
            <v>25mm以上75mm以下</v>
          </cell>
          <cell r="G11" t="str">
            <v>ｍ2</v>
          </cell>
          <cell r="H11">
            <v>410</v>
          </cell>
          <cell r="J11" t="str">
            <v>施工　第0-0008号内訳表</v>
          </cell>
        </row>
        <row r="12">
          <cell r="B12">
            <v>9</v>
          </cell>
          <cell r="D12" t="str">
            <v>下層路盤工(車道・路肩部)</v>
          </cell>
          <cell r="E12" t="str">
            <v>125mm超175mm以下</v>
          </cell>
          <cell r="F12" t="str">
            <v>再生クラッシャランRC-40</v>
          </cell>
          <cell r="G12" t="str">
            <v>ｍ2</v>
          </cell>
          <cell r="H12">
            <v>680</v>
          </cell>
          <cell r="J12" t="str">
            <v>施工　第0-0009号内訳表</v>
          </cell>
        </row>
        <row r="13">
          <cell r="B13">
            <v>10</v>
          </cell>
          <cell r="D13" t="str">
            <v>掘削</v>
          </cell>
          <cell r="E13" t="str">
            <v>土砂　ｵｰﾌﾟﾝｶｯﾄ　押土あり</v>
          </cell>
          <cell r="F13" t="str">
            <v>30,000m3未満</v>
          </cell>
          <cell r="G13" t="str">
            <v>ｍ3</v>
          </cell>
          <cell r="H13">
            <v>260</v>
          </cell>
          <cell r="J13" t="str">
            <v>施工　第0-0010号内訳表</v>
          </cell>
        </row>
        <row r="14">
          <cell r="B14">
            <v>11</v>
          </cell>
          <cell r="D14" t="str">
            <v>積込</v>
          </cell>
          <cell r="E14" t="str">
            <v>ルーズ　土砂</v>
          </cell>
          <cell r="F14" t="str">
            <v>土量50,000m3未満</v>
          </cell>
          <cell r="G14" t="str">
            <v>ｍ3</v>
          </cell>
          <cell r="H14">
            <v>190</v>
          </cell>
          <cell r="J14" t="str">
            <v>施工　第0-0011号内訳表</v>
          </cell>
        </row>
        <row r="15">
          <cell r="B15">
            <v>12</v>
          </cell>
          <cell r="D15" t="str">
            <v>整地</v>
          </cell>
          <cell r="E15" t="str">
            <v>敷均し(ルーズ)</v>
          </cell>
          <cell r="F15" t="str">
            <v>標準</v>
          </cell>
          <cell r="G15" t="str">
            <v>ｍ3</v>
          </cell>
          <cell r="H15">
            <v>110</v>
          </cell>
          <cell r="J15" t="str">
            <v>施工　第0-0012号内訳表</v>
          </cell>
        </row>
        <row r="16">
          <cell r="B16">
            <v>13</v>
          </cell>
          <cell r="D16" t="str">
            <v>型枠</v>
          </cell>
          <cell r="E16" t="str">
            <v>一般型枠</v>
          </cell>
          <cell r="F16" t="str">
            <v>鉄筋・無筋構造物</v>
          </cell>
          <cell r="G16" t="str">
            <v>ｍ2</v>
          </cell>
          <cell r="H16">
            <v>6300</v>
          </cell>
          <cell r="J16" t="str">
            <v>施工　第0-0013号内訳表</v>
          </cell>
        </row>
        <row r="17">
          <cell r="B17">
            <v>14</v>
          </cell>
          <cell r="D17" t="str">
            <v>型枠</v>
          </cell>
          <cell r="E17" t="str">
            <v>一般型枠</v>
          </cell>
          <cell r="F17" t="str">
            <v>均しコンクリート</v>
          </cell>
          <cell r="G17" t="str">
            <v>ｍ2</v>
          </cell>
          <cell r="H17">
            <v>3200</v>
          </cell>
          <cell r="J17" t="str">
            <v>施工　第0-0014号内訳表</v>
          </cell>
        </row>
        <row r="18">
          <cell r="B18">
            <v>15</v>
          </cell>
          <cell r="D18" t="str">
            <v>基礎砕石</v>
          </cell>
          <cell r="E18" t="str">
            <v>7.5cm超12.5cm以下</v>
          </cell>
          <cell r="F18" t="str">
            <v>RC-40</v>
          </cell>
          <cell r="G18" t="str">
            <v>ｍ2</v>
          </cell>
          <cell r="H18">
            <v>970</v>
          </cell>
          <cell r="J18" t="str">
            <v>施工　第0-0015号内訳表</v>
          </cell>
        </row>
        <row r="19">
          <cell r="B19">
            <v>16</v>
          </cell>
          <cell r="D19" t="str">
            <v>基礎砕石</v>
          </cell>
          <cell r="E19" t="str">
            <v>12.5cm超17.5cm以下</v>
          </cell>
          <cell r="F19" t="str">
            <v>RC-40</v>
          </cell>
          <cell r="G19" t="str">
            <v>ｍ2</v>
          </cell>
          <cell r="H19">
            <v>1100</v>
          </cell>
          <cell r="J19" t="str">
            <v>施工　第0-0016号内訳表</v>
          </cell>
        </row>
        <row r="20">
          <cell r="B20">
            <v>17</v>
          </cell>
          <cell r="D20" t="str">
            <v>基礎砕石</v>
          </cell>
          <cell r="E20" t="str">
            <v>17.5cm超20.0cm以下</v>
          </cell>
          <cell r="F20" t="str">
            <v>RC-40</v>
          </cell>
          <cell r="G20" t="str">
            <v>ｍ2</v>
          </cell>
          <cell r="H20">
            <v>1300</v>
          </cell>
          <cell r="J20" t="str">
            <v>施工　第0-0017号内訳表</v>
          </cell>
        </row>
        <row r="21">
          <cell r="B21">
            <v>18</v>
          </cell>
          <cell r="D21" t="str">
            <v>コンクリート</v>
          </cell>
          <cell r="E21" t="str">
            <v>10m3/日以上・打設高2m超</v>
          </cell>
          <cell r="F21" t="str">
            <v>無筋・鉄筋構造物 24-8-25</v>
          </cell>
          <cell r="G21" t="str">
            <v>ｍ3</v>
          </cell>
          <cell r="H21">
            <v>18000</v>
          </cell>
          <cell r="J21" t="str">
            <v>施工　第0-0018号内訳表</v>
          </cell>
        </row>
        <row r="22">
          <cell r="B22">
            <v>19</v>
          </cell>
          <cell r="D22" t="str">
            <v>現場発生品運搬</v>
          </cell>
          <cell r="E22" t="str">
            <v>ｸﾚｰﾝ装置付4t積2.9t吊</v>
          </cell>
          <cell r="F22" t="str">
            <v>荷台長L=3.4m荷台幅W=2.0m</v>
          </cell>
          <cell r="G22" t="str">
            <v>回</v>
          </cell>
          <cell r="H22">
            <v>10000</v>
          </cell>
          <cell r="J22" t="str">
            <v>施工　第0-0019号内訳表</v>
          </cell>
        </row>
        <row r="23">
          <cell r="B23">
            <v>20</v>
          </cell>
          <cell r="D23" t="str">
            <v>コンクリート</v>
          </cell>
          <cell r="E23" t="str">
            <v>10m3/日未満・打設高2m以下</v>
          </cell>
          <cell r="F23" t="str">
            <v>無筋・鉄筋構造物 24-8-25</v>
          </cell>
          <cell r="G23" t="str">
            <v>ｍ3</v>
          </cell>
          <cell r="H23">
            <v>20000</v>
          </cell>
          <cell r="J23" t="str">
            <v>施工　第0-0020号内訳表</v>
          </cell>
        </row>
        <row r="24">
          <cell r="B24">
            <v>21</v>
          </cell>
          <cell r="D24" t="str">
            <v>コンクリート</v>
          </cell>
          <cell r="E24" t="str">
            <v>10m3/日未満・打設高2m以下</v>
          </cell>
          <cell r="F24" t="str">
            <v>無筋・鉄筋構造物 18-8-40</v>
          </cell>
          <cell r="G24" t="str">
            <v>ｍ3</v>
          </cell>
          <cell r="H24">
            <v>19000</v>
          </cell>
          <cell r="J24" t="str">
            <v>施工　第0-0021号内訳表</v>
          </cell>
        </row>
        <row r="25">
          <cell r="B25">
            <v>22</v>
          </cell>
          <cell r="D25" t="str">
            <v>コンクリート</v>
          </cell>
          <cell r="E25" t="str">
            <v>打設地上高2m以下</v>
          </cell>
          <cell r="F25" t="str">
            <v>小型構造物 18-8-40</v>
          </cell>
          <cell r="G25" t="str">
            <v>ｍ3</v>
          </cell>
          <cell r="H25">
            <v>24000</v>
          </cell>
          <cell r="J25" t="str">
            <v>施工　第0-0022号内訳表</v>
          </cell>
        </row>
        <row r="26">
          <cell r="B26">
            <v>23</v>
          </cell>
          <cell r="D26" t="str">
            <v>胴込・裏込材(砕石)</v>
          </cell>
          <cell r="E26" t="str">
            <v>間知・平ブロック</v>
          </cell>
          <cell r="F26" t="str">
            <v>再生砕石RC-40</v>
          </cell>
          <cell r="G26" t="str">
            <v>ｍ3</v>
          </cell>
          <cell r="H26">
            <v>5500</v>
          </cell>
          <cell r="J26" t="str">
            <v>施工　第0-0023号内訳表</v>
          </cell>
        </row>
        <row r="27">
          <cell r="B27">
            <v>24</v>
          </cell>
          <cell r="D27" t="str">
            <v>暗渠排水管</v>
          </cell>
          <cell r="E27" t="str">
            <v>据付　直管</v>
          </cell>
          <cell r="F27" t="str">
            <v>呼び径50～150mm</v>
          </cell>
          <cell r="G27" t="str">
            <v>ｍ</v>
          </cell>
          <cell r="H27">
            <v>640</v>
          </cell>
          <cell r="J27" t="str">
            <v>施工　第0-0024号内訳表</v>
          </cell>
        </row>
        <row r="28">
          <cell r="B28">
            <v>25</v>
          </cell>
          <cell r="D28" t="str">
            <v>暗渠排水管</v>
          </cell>
          <cell r="E28" t="str">
            <v>据付　波状管及び網状管</v>
          </cell>
          <cell r="F28" t="str">
            <v>呼び径450～600mm　継手要</v>
          </cell>
          <cell r="G28" t="str">
            <v>ｍ</v>
          </cell>
          <cell r="H28">
            <v>8200</v>
          </cell>
          <cell r="J28" t="str">
            <v>施工　第0-0025号内訳表</v>
          </cell>
        </row>
        <row r="29">
          <cell r="B29">
            <v>26</v>
          </cell>
          <cell r="D29" t="str">
            <v>暗渠排水管</v>
          </cell>
          <cell r="E29" t="str">
            <v>据付・撤去 　波状管及び網状管</v>
          </cell>
          <cell r="F29" t="str">
            <v>呼び径450～600mm　継手不要</v>
          </cell>
          <cell r="G29" t="str">
            <v>ｍ</v>
          </cell>
          <cell r="H29">
            <v>7500</v>
          </cell>
          <cell r="J29" t="str">
            <v>施工　第0-0026号内訳表</v>
          </cell>
        </row>
        <row r="30">
          <cell r="B30">
            <v>27</v>
          </cell>
          <cell r="D30" t="str">
            <v>プレキャスト集水桝</v>
          </cell>
          <cell r="E30" t="str">
            <v>据付</v>
          </cell>
          <cell r="F30" t="str">
            <v>50kg以上80kg以下　基礎砕石有</v>
          </cell>
          <cell r="G30" t="str">
            <v>基</v>
          </cell>
          <cell r="H30">
            <v>1200</v>
          </cell>
          <cell r="J30" t="str">
            <v>施工　第0-0027号内訳表</v>
          </cell>
        </row>
        <row r="31">
          <cell r="B31">
            <v>28</v>
          </cell>
          <cell r="D31" t="str">
            <v>現場打基礎コンクリート</v>
          </cell>
          <cell r="E31" t="str">
            <v>18-8-40</v>
          </cell>
          <cell r="F31" t="str">
            <v>一般養生</v>
          </cell>
          <cell r="G31" t="str">
            <v>ｍ3</v>
          </cell>
          <cell r="H31">
            <v>48000</v>
          </cell>
          <cell r="J31" t="str">
            <v>施工　第0-0028号内訳表</v>
          </cell>
        </row>
        <row r="32">
          <cell r="B32">
            <v>29</v>
          </cell>
          <cell r="D32" t="str">
            <v>天端コンクリート</v>
          </cell>
          <cell r="E32" t="str">
            <v>18-8-40　打設高2m以下</v>
          </cell>
          <cell r="F32" t="str">
            <v>一般養生</v>
          </cell>
          <cell r="G32" t="str">
            <v>ｍ3</v>
          </cell>
          <cell r="H32">
            <v>37000</v>
          </cell>
          <cell r="J32" t="str">
            <v>施工　第0-0029号内訳表</v>
          </cell>
        </row>
        <row r="33">
          <cell r="B33">
            <v>30</v>
          </cell>
          <cell r="D33" t="str">
            <v>函渠型側溝</v>
          </cell>
          <cell r="E33" t="str">
            <v>据付　200mm以上400mm以下</v>
          </cell>
          <cell r="F33" t="str">
            <v>基礎砕石有</v>
          </cell>
          <cell r="G33" t="str">
            <v>ｍ</v>
          </cell>
          <cell r="H33">
            <v>20000</v>
          </cell>
          <cell r="J33" t="str">
            <v>施工　第0-0030号内訳表</v>
          </cell>
        </row>
        <row r="34">
          <cell r="B34">
            <v>31</v>
          </cell>
          <cell r="D34" t="str">
            <v>コンクリート</v>
          </cell>
          <cell r="E34" t="str">
            <v>10m3/日以上・打設高2m超</v>
          </cell>
          <cell r="F34" t="str">
            <v>無筋・鉄筋構造物 24-12-25</v>
          </cell>
          <cell r="G34" t="str">
            <v>ｍ3</v>
          </cell>
          <cell r="H34">
            <v>18000</v>
          </cell>
          <cell r="J34" t="str">
            <v>施工　第0-0031号内訳表</v>
          </cell>
        </row>
        <row r="35">
          <cell r="B35">
            <v>32</v>
          </cell>
          <cell r="D35" t="str">
            <v>コンクリート</v>
          </cell>
          <cell r="E35" t="str">
            <v>10m3/日未満・打設高2m以下</v>
          </cell>
          <cell r="F35" t="str">
            <v>無筋・鉄筋構造物 24-12-25</v>
          </cell>
          <cell r="G35" t="str">
            <v>ｍ3</v>
          </cell>
          <cell r="H35">
            <v>20000</v>
          </cell>
          <cell r="J35" t="str">
            <v>施工　第0-0032号内訳表</v>
          </cell>
        </row>
        <row r="36">
          <cell r="B36">
            <v>33</v>
          </cell>
          <cell r="D36" t="str">
            <v>コンクリート</v>
          </cell>
          <cell r="E36" t="str">
            <v>10m3/日未満・打設高2m以下</v>
          </cell>
          <cell r="F36" t="str">
            <v>無筋・鉄筋構造物 18-12-40</v>
          </cell>
          <cell r="G36" t="str">
            <v>ｍ3</v>
          </cell>
          <cell r="H36">
            <v>19000</v>
          </cell>
          <cell r="J36" t="str">
            <v>施工　第0-0033号内訳表</v>
          </cell>
        </row>
        <row r="37">
          <cell r="B37">
            <v>34</v>
          </cell>
          <cell r="D37" t="str">
            <v>コンクリート</v>
          </cell>
          <cell r="E37" t="str">
            <v>打設高2m以下</v>
          </cell>
          <cell r="F37" t="str">
            <v>小型構造物 18-12-40</v>
          </cell>
          <cell r="G37" t="str">
            <v>ｍ3</v>
          </cell>
          <cell r="H37">
            <v>24000</v>
          </cell>
          <cell r="J37" t="str">
            <v>施工　第0-0034号内訳表</v>
          </cell>
        </row>
        <row r="38">
          <cell r="B38">
            <v>35</v>
          </cell>
          <cell r="D38" t="str">
            <v>コンクリート</v>
          </cell>
          <cell r="E38" t="str">
            <v>10m3/日未満・打設高2m以下</v>
          </cell>
          <cell r="F38" t="str">
            <v>無筋・鉄筋構造物 30-8-25</v>
          </cell>
          <cell r="G38" t="str">
            <v>ｍ3</v>
          </cell>
          <cell r="H38">
            <v>21000</v>
          </cell>
          <cell r="J38" t="str">
            <v>施工　第0-0035号内訳表</v>
          </cell>
        </row>
        <row r="39">
          <cell r="B39">
            <v>36</v>
          </cell>
          <cell r="D39" t="str">
            <v>型枠</v>
          </cell>
          <cell r="E39" t="str">
            <v>一般型枠</v>
          </cell>
          <cell r="F39" t="str">
            <v>小型構造物</v>
          </cell>
          <cell r="G39" t="str">
            <v>ｍ2</v>
          </cell>
          <cell r="H39">
            <v>5700</v>
          </cell>
          <cell r="J39" t="str">
            <v>施工　第0-0036号内訳表</v>
          </cell>
        </row>
        <row r="40">
          <cell r="B40">
            <v>37</v>
          </cell>
          <cell r="D40" t="str">
            <v>埋戻</v>
          </cell>
          <cell r="F40" t="str">
            <v>小規模</v>
          </cell>
          <cell r="G40" t="str">
            <v>ｍ3</v>
          </cell>
          <cell r="H40">
            <v>2700</v>
          </cell>
          <cell r="J40" t="str">
            <v>施工　第0-0037号内訳表</v>
          </cell>
        </row>
        <row r="41">
          <cell r="B41">
            <v>38</v>
          </cell>
          <cell r="D41" t="str">
            <v>暗渠排水管</v>
          </cell>
          <cell r="E41" t="str">
            <v>据付　直管</v>
          </cell>
          <cell r="F41" t="str">
            <v>呼び径200～400mm</v>
          </cell>
          <cell r="G41" t="str">
            <v>ｍ</v>
          </cell>
          <cell r="H41">
            <v>5200</v>
          </cell>
          <cell r="J41" t="str">
            <v>施工　第0-0038号内訳表</v>
          </cell>
        </row>
        <row r="42">
          <cell r="B42">
            <v>39</v>
          </cell>
          <cell r="D42" t="str">
            <v>暗渠排水管</v>
          </cell>
          <cell r="E42" t="str">
            <v>据付　直管</v>
          </cell>
          <cell r="F42" t="str">
            <v>呼び径450mm</v>
          </cell>
          <cell r="G42" t="str">
            <v>ｍ</v>
          </cell>
          <cell r="H42">
            <v>8400</v>
          </cell>
          <cell r="J42" t="str">
            <v>施工　第0-0039号内訳表</v>
          </cell>
        </row>
        <row r="43">
          <cell r="B43">
            <v>40</v>
          </cell>
          <cell r="D43" t="str">
            <v>埋戻し</v>
          </cell>
          <cell r="E43" t="str">
            <v>最小埋戻幅4m以上</v>
          </cell>
          <cell r="G43" t="str">
            <v>ｍ3</v>
          </cell>
          <cell r="H43">
            <v>410</v>
          </cell>
          <cell r="J43" t="str">
            <v>施工　第0-0040号内訳表</v>
          </cell>
        </row>
        <row r="44">
          <cell r="B44">
            <v>41</v>
          </cell>
          <cell r="D44" t="str">
            <v>舗装版切断</v>
          </cell>
          <cell r="E44" t="str">
            <v>アスファルト舗装版</v>
          </cell>
          <cell r="F44" t="str">
            <v>15cm以下</v>
          </cell>
          <cell r="G44" t="str">
            <v>ｍ</v>
          </cell>
          <cell r="H44">
            <v>480</v>
          </cell>
          <cell r="J44" t="str">
            <v>施工　第0-0041号内訳表</v>
          </cell>
        </row>
        <row r="45">
          <cell r="B45">
            <v>42</v>
          </cell>
          <cell r="D45" t="str">
            <v>不陸整正</v>
          </cell>
          <cell r="E45" t="str">
            <v>補足材料厚　49mm以上55mm未満</v>
          </cell>
          <cell r="G45" t="str">
            <v>ｍ2</v>
          </cell>
          <cell r="H45">
            <v>180</v>
          </cell>
          <cell r="J45" t="str">
            <v>施工　第0-0042号内訳表</v>
          </cell>
        </row>
        <row r="46">
          <cell r="B46">
            <v>43</v>
          </cell>
          <cell r="D46" t="str">
            <v>地先境界ブロック撤去</v>
          </cell>
          <cell r="E46" t="str">
            <v>処分</v>
          </cell>
          <cell r="G46" t="str">
            <v>ｍ</v>
          </cell>
          <cell r="H46">
            <v>600</v>
          </cell>
          <cell r="J46" t="str">
            <v>施工　第0-0043号内訳表</v>
          </cell>
        </row>
        <row r="47">
          <cell r="B47">
            <v>44</v>
          </cell>
          <cell r="D47" t="str">
            <v>金網(フェンス)設置</v>
          </cell>
          <cell r="G47" t="str">
            <v>ｍ</v>
          </cell>
          <cell r="H47">
            <v>10000</v>
          </cell>
          <cell r="J47" t="str">
            <v>施工　第0-0044号内訳表</v>
          </cell>
        </row>
        <row r="48">
          <cell r="B48">
            <v>45</v>
          </cell>
          <cell r="D48" t="str">
            <v>基礎ブロック設置</v>
          </cell>
          <cell r="G48" t="str">
            <v>個</v>
          </cell>
          <cell r="H48">
            <v>4200</v>
          </cell>
          <cell r="J48" t="str">
            <v>施工　第0-0045号内訳表</v>
          </cell>
        </row>
        <row r="49">
          <cell r="B49">
            <v>46</v>
          </cell>
          <cell r="D49" t="str">
            <v>金網(フェンス)撤去</v>
          </cell>
          <cell r="G49" t="str">
            <v>ｍ</v>
          </cell>
          <cell r="H49">
            <v>1300</v>
          </cell>
          <cell r="J49" t="str">
            <v>施工　第0-0046号内訳表</v>
          </cell>
        </row>
        <row r="50">
          <cell r="B50">
            <v>47</v>
          </cell>
          <cell r="D50" t="str">
            <v>基礎ブロック撤去</v>
          </cell>
          <cell r="G50" t="str">
            <v>個</v>
          </cell>
          <cell r="H50">
            <v>1200</v>
          </cell>
          <cell r="J50" t="str">
            <v>施工　第0-0047号内訳表</v>
          </cell>
        </row>
        <row r="51">
          <cell r="B51">
            <v>48</v>
          </cell>
          <cell r="D51" t="str">
            <v>プレキャストL型側溝据付</v>
          </cell>
          <cell r="E51" t="str">
            <v>基礎砕石含む</v>
          </cell>
          <cell r="G51" t="str">
            <v>ｍ</v>
          </cell>
          <cell r="H51">
            <v>6700</v>
          </cell>
          <cell r="J51" t="str">
            <v>施工　第0-0048号内訳表</v>
          </cell>
        </row>
        <row r="52">
          <cell r="B52">
            <v>49</v>
          </cell>
          <cell r="H52">
            <v>0</v>
          </cell>
          <cell r="J52" t="str">
            <v>施工　第0-0049号内訳表</v>
          </cell>
        </row>
        <row r="53">
          <cell r="B53">
            <v>50</v>
          </cell>
          <cell r="H53">
            <v>0</v>
          </cell>
          <cell r="J53" t="str">
            <v>施工　第0-0050号内訳表</v>
          </cell>
        </row>
        <row r="54">
          <cell r="B54">
            <v>51</v>
          </cell>
          <cell r="H54">
            <v>0</v>
          </cell>
          <cell r="J54" t="str">
            <v>施工　第0-0051号内訳表</v>
          </cell>
        </row>
        <row r="55">
          <cell r="B55">
            <v>52</v>
          </cell>
          <cell r="H55">
            <v>0</v>
          </cell>
          <cell r="J55" t="str">
            <v>施工　第0-0052号内訳表</v>
          </cell>
        </row>
        <row r="56">
          <cell r="B56">
            <v>53</v>
          </cell>
          <cell r="H56">
            <v>0</v>
          </cell>
          <cell r="J56" t="str">
            <v>施工　第0-0053号内訳表</v>
          </cell>
        </row>
        <row r="57">
          <cell r="B57">
            <v>54</v>
          </cell>
          <cell r="H57">
            <v>0</v>
          </cell>
          <cell r="J57" t="str">
            <v>施工　第0-0054号内訳表</v>
          </cell>
        </row>
        <row r="58">
          <cell r="B58">
            <v>55</v>
          </cell>
          <cell r="H58">
            <v>0</v>
          </cell>
          <cell r="J58" t="str">
            <v>施工　第0-0055号内訳表</v>
          </cell>
        </row>
        <row r="59">
          <cell r="B59">
            <v>56</v>
          </cell>
          <cell r="H59">
            <v>0</v>
          </cell>
          <cell r="J59" t="str">
            <v>施工　第0-0056号内訳表</v>
          </cell>
        </row>
        <row r="60">
          <cell r="B60">
            <v>57</v>
          </cell>
          <cell r="H60">
            <v>0</v>
          </cell>
          <cell r="J60" t="str">
            <v>施工　第0-0057号内訳表</v>
          </cell>
        </row>
        <row r="61">
          <cell r="B61">
            <v>58</v>
          </cell>
          <cell r="H61">
            <v>0</v>
          </cell>
          <cell r="J61" t="str">
            <v>施工　第0-0058号内訳表</v>
          </cell>
        </row>
        <row r="62">
          <cell r="B62">
            <v>59</v>
          </cell>
          <cell r="H62">
            <v>0</v>
          </cell>
          <cell r="J62" t="str">
            <v>施工　第0-0059号内訳表</v>
          </cell>
        </row>
        <row r="63">
          <cell r="B63">
            <v>60</v>
          </cell>
          <cell r="H63">
            <v>0</v>
          </cell>
          <cell r="J63" t="str">
            <v>施工　第0-0060号内訳表</v>
          </cell>
        </row>
        <row r="64">
          <cell r="B64">
            <v>61</v>
          </cell>
          <cell r="H64">
            <v>0</v>
          </cell>
          <cell r="J64" t="str">
            <v>施工　第0-0061号内訳表</v>
          </cell>
        </row>
        <row r="65">
          <cell r="B65">
            <v>62</v>
          </cell>
          <cell r="H65">
            <v>0</v>
          </cell>
          <cell r="J65" t="str">
            <v>施工　第0-0062号内訳表</v>
          </cell>
        </row>
        <row r="66">
          <cell r="B66">
            <v>63</v>
          </cell>
          <cell r="H66">
            <v>0</v>
          </cell>
          <cell r="J66" t="str">
            <v>施工　第0-0063号内訳表</v>
          </cell>
        </row>
        <row r="67">
          <cell r="B67">
            <v>64</v>
          </cell>
          <cell r="H67">
            <v>0</v>
          </cell>
          <cell r="J67" t="str">
            <v>施工　第0-0064号内訳表</v>
          </cell>
        </row>
        <row r="68">
          <cell r="B68">
            <v>65</v>
          </cell>
          <cell r="H68">
            <v>0</v>
          </cell>
          <cell r="J68" t="str">
            <v>施工　第0-0065号内訳表</v>
          </cell>
        </row>
        <row r="69">
          <cell r="B69">
            <v>66</v>
          </cell>
          <cell r="H69">
            <v>0</v>
          </cell>
          <cell r="J69" t="str">
            <v>施工　第0-0066号内訳表</v>
          </cell>
        </row>
        <row r="70">
          <cell r="B70">
            <v>67</v>
          </cell>
          <cell r="H70">
            <v>0</v>
          </cell>
          <cell r="J70" t="str">
            <v>施工　第0-0067号内訳表</v>
          </cell>
        </row>
        <row r="71">
          <cell r="B71">
            <v>68</v>
          </cell>
          <cell r="H71">
            <v>0</v>
          </cell>
          <cell r="J71" t="str">
            <v>施工　第0-0068号内訳表</v>
          </cell>
        </row>
        <row r="72">
          <cell r="B72">
            <v>69</v>
          </cell>
          <cell r="H72">
            <v>0</v>
          </cell>
          <cell r="J72" t="str">
            <v>施工　第0-0069号内訳表</v>
          </cell>
        </row>
        <row r="73">
          <cell r="B73">
            <v>70</v>
          </cell>
          <cell r="H73">
            <v>0</v>
          </cell>
          <cell r="J73" t="str">
            <v>施工　第0-0070号内訳表</v>
          </cell>
        </row>
        <row r="74">
          <cell r="B74">
            <v>71</v>
          </cell>
          <cell r="H74">
            <v>0</v>
          </cell>
          <cell r="J74" t="str">
            <v>施工　第0-0071号内訳表</v>
          </cell>
        </row>
        <row r="75">
          <cell r="B75">
            <v>72</v>
          </cell>
          <cell r="H75">
            <v>0</v>
          </cell>
          <cell r="J75" t="str">
            <v>施工　第0-0072号内訳表</v>
          </cell>
        </row>
        <row r="76">
          <cell r="B76">
            <v>73</v>
          </cell>
          <cell r="H76">
            <v>0</v>
          </cell>
          <cell r="J76" t="str">
            <v>施工　第0-0073号内訳表</v>
          </cell>
        </row>
        <row r="77">
          <cell r="B77">
            <v>74</v>
          </cell>
          <cell r="H77">
            <v>0</v>
          </cell>
          <cell r="J77" t="str">
            <v>施工　第0-0074号内訳表</v>
          </cell>
        </row>
        <row r="78">
          <cell r="B78">
            <v>75</v>
          </cell>
          <cell r="H78">
            <v>0</v>
          </cell>
          <cell r="J78" t="str">
            <v>施工　第0-0075号内訳表</v>
          </cell>
        </row>
        <row r="79">
          <cell r="B79">
            <v>76</v>
          </cell>
          <cell r="H79">
            <v>0</v>
          </cell>
          <cell r="J79" t="str">
            <v>施工　第0-0076号内訳表</v>
          </cell>
        </row>
        <row r="80">
          <cell r="B80">
            <v>77</v>
          </cell>
          <cell r="H80">
            <v>0</v>
          </cell>
          <cell r="J80" t="str">
            <v>施工　第0-0077号内訳表</v>
          </cell>
        </row>
        <row r="81">
          <cell r="B81">
            <v>78</v>
          </cell>
          <cell r="H81">
            <v>0</v>
          </cell>
          <cell r="J81" t="str">
            <v>施工　第0-0078号内訳表</v>
          </cell>
        </row>
        <row r="82">
          <cell r="B82">
            <v>79</v>
          </cell>
          <cell r="H82">
            <v>0</v>
          </cell>
          <cell r="J82" t="str">
            <v>施工　第0-0079号内訳表</v>
          </cell>
        </row>
        <row r="83">
          <cell r="B83">
            <v>80</v>
          </cell>
          <cell r="H83">
            <v>0</v>
          </cell>
          <cell r="J83" t="str">
            <v>施工　第0-0080号内訳表</v>
          </cell>
        </row>
        <row r="84">
          <cell r="B84">
            <v>81</v>
          </cell>
          <cell r="H84">
            <v>0</v>
          </cell>
          <cell r="J84" t="str">
            <v>施工　第0-0081号内訳表</v>
          </cell>
        </row>
        <row r="85">
          <cell r="B85">
            <v>82</v>
          </cell>
          <cell r="H85">
            <v>0</v>
          </cell>
          <cell r="J85" t="str">
            <v>施工　第0-0082号内訳表</v>
          </cell>
        </row>
        <row r="86">
          <cell r="B86">
            <v>83</v>
          </cell>
          <cell r="H86">
            <v>0</v>
          </cell>
          <cell r="J86" t="str">
            <v>施工　第0-0083号内訳表</v>
          </cell>
        </row>
        <row r="87">
          <cell r="B87">
            <v>84</v>
          </cell>
          <cell r="H87">
            <v>0</v>
          </cell>
          <cell r="J87" t="str">
            <v>施工　第0-0084号内訳表</v>
          </cell>
        </row>
        <row r="88">
          <cell r="B88">
            <v>85</v>
          </cell>
          <cell r="H88">
            <v>0</v>
          </cell>
          <cell r="J88" t="str">
            <v>施工　第0-0085号内訳表</v>
          </cell>
        </row>
        <row r="89">
          <cell r="B89">
            <v>86</v>
          </cell>
          <cell r="H89">
            <v>0</v>
          </cell>
          <cell r="J89" t="str">
            <v>施工　第0-0086号内訳表</v>
          </cell>
        </row>
        <row r="90">
          <cell r="B90">
            <v>87</v>
          </cell>
          <cell r="H90">
            <v>0</v>
          </cell>
          <cell r="J90" t="str">
            <v>施工　第0-0087号内訳表</v>
          </cell>
        </row>
        <row r="91">
          <cell r="B91">
            <v>88</v>
          </cell>
          <cell r="H91">
            <v>0</v>
          </cell>
          <cell r="J91" t="str">
            <v>施工　第0-0088号内訳表</v>
          </cell>
        </row>
        <row r="92">
          <cell r="B92">
            <v>89</v>
          </cell>
          <cell r="H92">
            <v>0</v>
          </cell>
          <cell r="J92" t="str">
            <v>施工　第0-0089号内訳表</v>
          </cell>
        </row>
        <row r="93">
          <cell r="B93">
            <v>90</v>
          </cell>
          <cell r="H93">
            <v>0</v>
          </cell>
          <cell r="J93" t="str">
            <v>施工　第0-0090号内訳表</v>
          </cell>
        </row>
        <row r="94">
          <cell r="B94">
            <v>91</v>
          </cell>
          <cell r="H94">
            <v>0</v>
          </cell>
          <cell r="J94" t="str">
            <v>施工　第0-0091号内訳表</v>
          </cell>
        </row>
        <row r="95">
          <cell r="B95">
            <v>92</v>
          </cell>
          <cell r="H95">
            <v>0</v>
          </cell>
          <cell r="J95" t="str">
            <v>施工　第0-0092号内訳表</v>
          </cell>
        </row>
        <row r="96">
          <cell r="B96">
            <v>93</v>
          </cell>
          <cell r="H96">
            <v>0</v>
          </cell>
          <cell r="J96" t="str">
            <v>施工　第0-0093号内訳表</v>
          </cell>
        </row>
        <row r="97">
          <cell r="B97">
            <v>94</v>
          </cell>
          <cell r="H97">
            <v>0</v>
          </cell>
          <cell r="J97" t="str">
            <v>施工　第0-0094号内訳表</v>
          </cell>
        </row>
        <row r="98">
          <cell r="B98">
            <v>95</v>
          </cell>
          <cell r="H98">
            <v>0</v>
          </cell>
          <cell r="J98" t="str">
            <v>施工　第0-0095号内訳表</v>
          </cell>
        </row>
        <row r="99">
          <cell r="B99">
            <v>96</v>
          </cell>
          <cell r="H99">
            <v>0</v>
          </cell>
          <cell r="J99" t="str">
            <v>施工　第0-0096号内訳表</v>
          </cell>
        </row>
        <row r="100">
          <cell r="B100">
            <v>97</v>
          </cell>
          <cell r="H100">
            <v>0</v>
          </cell>
          <cell r="J100" t="str">
            <v>施工　第0-0097号内訳表</v>
          </cell>
        </row>
        <row r="101">
          <cell r="B101">
            <v>98</v>
          </cell>
          <cell r="H101">
            <v>0</v>
          </cell>
          <cell r="J101" t="str">
            <v>施工　第0-0098号内訳表</v>
          </cell>
        </row>
        <row r="102">
          <cell r="B102">
            <v>99</v>
          </cell>
          <cell r="H102">
            <v>0</v>
          </cell>
          <cell r="J102" t="str">
            <v>施工　第0-0099号内訳表</v>
          </cell>
        </row>
        <row r="103">
          <cell r="B103">
            <v>100</v>
          </cell>
          <cell r="H103">
            <v>0</v>
          </cell>
          <cell r="J103" t="str">
            <v>施工　第0-0100号内訳表</v>
          </cell>
        </row>
        <row r="104">
          <cell r="B104">
            <v>101</v>
          </cell>
          <cell r="D104" t="str">
            <v>鋼矢板圧入工</v>
          </cell>
          <cell r="E104" t="str">
            <v>50&lt;Nmax≦180</v>
          </cell>
          <cell r="F104" t="str">
            <v>Ⅳ型　L=10.0m</v>
          </cell>
          <cell r="G104" t="str">
            <v>枚</v>
          </cell>
          <cell r="H104">
            <v>83000</v>
          </cell>
          <cell r="J104" t="str">
            <v>施工　第0-0101号内訳表</v>
          </cell>
        </row>
        <row r="105">
          <cell r="B105">
            <v>102</v>
          </cell>
          <cell r="D105" t="str">
            <v>鋼矢板引抜き工</v>
          </cell>
          <cell r="F105" t="str">
            <v>Ⅳ型　L=10.0m</v>
          </cell>
          <cell r="G105" t="str">
            <v>枚</v>
          </cell>
          <cell r="H105">
            <v>6700</v>
          </cell>
          <cell r="J105" t="str">
            <v>施工　第0-0102号内訳表</v>
          </cell>
        </row>
        <row r="106">
          <cell r="B106">
            <v>103</v>
          </cell>
          <cell r="D106" t="str">
            <v>機械据付解体</v>
          </cell>
          <cell r="E106" t="str">
            <v>圧入時</v>
          </cell>
          <cell r="F106" t="str">
            <v>50&lt;Nmax≦180</v>
          </cell>
          <cell r="G106" t="str">
            <v>回</v>
          </cell>
          <cell r="H106">
            <v>350000</v>
          </cell>
          <cell r="J106" t="str">
            <v>施工　第0-0103号内訳表</v>
          </cell>
        </row>
        <row r="107">
          <cell r="B107">
            <v>104</v>
          </cell>
          <cell r="D107" t="str">
            <v>機械据付解体</v>
          </cell>
          <cell r="E107" t="str">
            <v>引抜時</v>
          </cell>
          <cell r="G107" t="str">
            <v>回</v>
          </cell>
          <cell r="H107">
            <v>42000</v>
          </cell>
          <cell r="J107" t="str">
            <v>施工　第0-0104号内訳表</v>
          </cell>
        </row>
        <row r="108">
          <cell r="B108">
            <v>105</v>
          </cell>
          <cell r="D108" t="str">
            <v>集水桝工</v>
          </cell>
          <cell r="G108" t="str">
            <v>箇所</v>
          </cell>
          <cell r="H108">
            <v>40000</v>
          </cell>
          <cell r="J108" t="str">
            <v>施工　第0-0105号内訳表</v>
          </cell>
        </row>
        <row r="109">
          <cell r="B109">
            <v>106</v>
          </cell>
          <cell r="D109" t="str">
            <v>鋼矢板圧入工</v>
          </cell>
          <cell r="E109" t="str">
            <v>50&lt;Nmax≦180</v>
          </cell>
          <cell r="F109" t="str">
            <v>Ⅳ型　L=14.0m</v>
          </cell>
          <cell r="G109" t="str">
            <v>枚</v>
          </cell>
          <cell r="H109">
            <v>104000</v>
          </cell>
          <cell r="J109" t="str">
            <v>施工　第0-0106号内訳表</v>
          </cell>
        </row>
        <row r="110">
          <cell r="B110">
            <v>107</v>
          </cell>
          <cell r="D110" t="str">
            <v>鋼矢板引抜き工</v>
          </cell>
          <cell r="F110" t="str">
            <v>Ⅳ型　L=14.0m</v>
          </cell>
          <cell r="G110" t="str">
            <v>枚</v>
          </cell>
          <cell r="H110">
            <v>7800</v>
          </cell>
          <cell r="J110" t="str">
            <v>施工　第0-0107号内訳表</v>
          </cell>
        </row>
        <row r="111">
          <cell r="B111">
            <v>108</v>
          </cell>
          <cell r="D111" t="str">
            <v>切梁・腹起し設置工</v>
          </cell>
          <cell r="G111" t="str">
            <v>t</v>
          </cell>
          <cell r="H111">
            <v>24000</v>
          </cell>
          <cell r="J111" t="str">
            <v>施工　第0-0108号内訳表</v>
          </cell>
        </row>
        <row r="112">
          <cell r="B112">
            <v>109</v>
          </cell>
          <cell r="D112" t="str">
            <v>切梁・腹起し撤去工</v>
          </cell>
          <cell r="G112" t="str">
            <v>t</v>
          </cell>
          <cell r="H112">
            <v>15000</v>
          </cell>
          <cell r="J112" t="str">
            <v>施工　第0-0109号内訳表</v>
          </cell>
        </row>
        <row r="113">
          <cell r="B113">
            <v>110</v>
          </cell>
          <cell r="D113" t="str">
            <v>鉄筋工</v>
          </cell>
          <cell r="E113" t="str">
            <v>D22</v>
          </cell>
          <cell r="F113" t="str">
            <v>SD345</v>
          </cell>
          <cell r="G113" t="str">
            <v>t</v>
          </cell>
          <cell r="H113">
            <v>126000</v>
          </cell>
          <cell r="J113" t="str">
            <v>施工　第0-0110号内訳表</v>
          </cell>
        </row>
        <row r="114">
          <cell r="B114">
            <v>111</v>
          </cell>
          <cell r="D114" t="str">
            <v>養生工</v>
          </cell>
          <cell r="E114" t="str">
            <v>一般養生</v>
          </cell>
          <cell r="G114" t="str">
            <v>m2</v>
          </cell>
          <cell r="H114">
            <v>330</v>
          </cell>
          <cell r="J114" t="str">
            <v>施工　第0-0111号内訳表</v>
          </cell>
        </row>
        <row r="115">
          <cell r="B115">
            <v>112</v>
          </cell>
          <cell r="D115" t="str">
            <v>支保材設置・撤去</v>
          </cell>
          <cell r="E115" t="str">
            <v>くさび結合支保</v>
          </cell>
          <cell r="G115" t="str">
            <v>空m3</v>
          </cell>
          <cell r="H115">
            <v>2500</v>
          </cell>
          <cell r="J115" t="str">
            <v>施工　第0-0112号内訳表</v>
          </cell>
        </row>
        <row r="116">
          <cell r="B116">
            <v>113</v>
          </cell>
          <cell r="H116">
            <v>0</v>
          </cell>
          <cell r="J116" t="str">
            <v>施工　第0-0113号内訳表</v>
          </cell>
        </row>
        <row r="117">
          <cell r="B117">
            <v>114</v>
          </cell>
          <cell r="H117">
            <v>0</v>
          </cell>
          <cell r="J117" t="str">
            <v>施工　第0-0114号内訳表</v>
          </cell>
        </row>
        <row r="118">
          <cell r="B118">
            <v>115</v>
          </cell>
          <cell r="H118">
            <v>0</v>
          </cell>
          <cell r="J118" t="str">
            <v>施工　第0-0115号内訳表</v>
          </cell>
        </row>
        <row r="119">
          <cell r="B119">
            <v>116</v>
          </cell>
          <cell r="H119">
            <v>0</v>
          </cell>
          <cell r="J119" t="str">
            <v>施工　第0-0116号内訳表</v>
          </cell>
        </row>
        <row r="120">
          <cell r="B120">
            <v>117</v>
          </cell>
          <cell r="H120">
            <v>0</v>
          </cell>
          <cell r="J120" t="str">
            <v>施工　第0-0117号内訳表</v>
          </cell>
        </row>
        <row r="121">
          <cell r="B121">
            <v>118</v>
          </cell>
          <cell r="H121">
            <v>0</v>
          </cell>
          <cell r="J121" t="str">
            <v>施工　第0-0118号内訳表</v>
          </cell>
        </row>
        <row r="122">
          <cell r="B122">
            <v>119</v>
          </cell>
          <cell r="H122">
            <v>0</v>
          </cell>
          <cell r="J122" t="str">
            <v>施工　第0-0119号内訳表</v>
          </cell>
        </row>
        <row r="123">
          <cell r="B123">
            <v>120</v>
          </cell>
          <cell r="H123">
            <v>0</v>
          </cell>
          <cell r="J123" t="str">
            <v>施工　第0-0120号内訳表</v>
          </cell>
        </row>
        <row r="124">
          <cell r="B124">
            <v>121</v>
          </cell>
          <cell r="H124">
            <v>0</v>
          </cell>
          <cell r="J124" t="str">
            <v>施工　第0-0121号内訳表</v>
          </cell>
        </row>
        <row r="125">
          <cell r="B125">
            <v>122</v>
          </cell>
          <cell r="H125">
            <v>0</v>
          </cell>
          <cell r="J125" t="str">
            <v>施工　第0-0122号内訳表</v>
          </cell>
        </row>
        <row r="126">
          <cell r="B126">
            <v>123</v>
          </cell>
          <cell r="H126">
            <v>0</v>
          </cell>
          <cell r="J126" t="str">
            <v>施工　第0-0123号内訳表</v>
          </cell>
        </row>
        <row r="127">
          <cell r="B127">
            <v>124</v>
          </cell>
          <cell r="H127">
            <v>0</v>
          </cell>
          <cell r="J127" t="str">
            <v>施工　第0-0124号内訳表</v>
          </cell>
        </row>
        <row r="128">
          <cell r="B128">
            <v>125</v>
          </cell>
          <cell r="H128">
            <v>0</v>
          </cell>
          <cell r="J128" t="str">
            <v>施工　第0-0125号内訳表</v>
          </cell>
        </row>
        <row r="129">
          <cell r="B129">
            <v>126</v>
          </cell>
          <cell r="H129">
            <v>0</v>
          </cell>
          <cell r="J129" t="str">
            <v>施工　第0-0126号内訳表</v>
          </cell>
        </row>
        <row r="130">
          <cell r="B130">
            <v>127</v>
          </cell>
          <cell r="H130">
            <v>0</v>
          </cell>
          <cell r="J130" t="str">
            <v>施工　第0-0127号内訳表</v>
          </cell>
        </row>
        <row r="131">
          <cell r="B131">
            <v>128</v>
          </cell>
          <cell r="H131">
            <v>0</v>
          </cell>
          <cell r="J131" t="str">
            <v>施工　第0-0128号内訳表</v>
          </cell>
        </row>
        <row r="132">
          <cell r="B132">
            <v>129</v>
          </cell>
          <cell r="H132">
            <v>0</v>
          </cell>
          <cell r="J132" t="str">
            <v>施工　第0-0129号内訳表</v>
          </cell>
        </row>
        <row r="133">
          <cell r="B133">
            <v>130</v>
          </cell>
          <cell r="H133">
            <v>0</v>
          </cell>
          <cell r="J133" t="str">
            <v>施工　第0-0130号内訳表</v>
          </cell>
        </row>
        <row r="134">
          <cell r="B134">
            <v>131</v>
          </cell>
          <cell r="H134">
            <v>0</v>
          </cell>
          <cell r="J134" t="str">
            <v>施工　第0-0131号内訳表</v>
          </cell>
        </row>
        <row r="135">
          <cell r="B135">
            <v>132</v>
          </cell>
          <cell r="H135">
            <v>0</v>
          </cell>
          <cell r="J135" t="str">
            <v>施工　第0-0132号内訳表</v>
          </cell>
        </row>
        <row r="136">
          <cell r="B136">
            <v>133</v>
          </cell>
          <cell r="H136">
            <v>0</v>
          </cell>
          <cell r="J136" t="str">
            <v>施工　第0-0133号内訳表</v>
          </cell>
        </row>
        <row r="137">
          <cell r="B137">
            <v>134</v>
          </cell>
          <cell r="H137">
            <v>0</v>
          </cell>
          <cell r="J137" t="str">
            <v>施工　第0-0134号内訳表</v>
          </cell>
        </row>
        <row r="138">
          <cell r="B138">
            <v>135</v>
          </cell>
          <cell r="H138">
            <v>0</v>
          </cell>
          <cell r="J138" t="str">
            <v>施工　第0-0135号内訳表</v>
          </cell>
        </row>
        <row r="139">
          <cell r="B139">
            <v>136</v>
          </cell>
          <cell r="H139">
            <v>0</v>
          </cell>
          <cell r="J139" t="str">
            <v>施工　第0-0136号内訳表</v>
          </cell>
        </row>
        <row r="140">
          <cell r="B140">
            <v>137</v>
          </cell>
          <cell r="H140">
            <v>0</v>
          </cell>
          <cell r="J140" t="str">
            <v>施工　第0-0137号内訳表</v>
          </cell>
        </row>
        <row r="141">
          <cell r="B141">
            <v>138</v>
          </cell>
          <cell r="H141">
            <v>0</v>
          </cell>
          <cell r="J141" t="str">
            <v>施工　第0-0138号内訳表</v>
          </cell>
        </row>
        <row r="142">
          <cell r="B142">
            <v>139</v>
          </cell>
          <cell r="H142">
            <v>0</v>
          </cell>
          <cell r="J142" t="str">
            <v>施工　第0-0139号内訳表</v>
          </cell>
        </row>
        <row r="143">
          <cell r="B143">
            <v>140</v>
          </cell>
          <cell r="H143">
            <v>0</v>
          </cell>
          <cell r="J143" t="str">
            <v>施工　第0-0140号内訳表</v>
          </cell>
        </row>
        <row r="144">
          <cell r="B144">
            <v>141</v>
          </cell>
          <cell r="H144">
            <v>0</v>
          </cell>
          <cell r="J144" t="str">
            <v>施工　第0-0141号内訳表</v>
          </cell>
        </row>
        <row r="145">
          <cell r="B145">
            <v>142</v>
          </cell>
          <cell r="H145">
            <v>0</v>
          </cell>
          <cell r="J145" t="str">
            <v>施工　第0-0142号内訳表</v>
          </cell>
        </row>
        <row r="146">
          <cell r="B146">
            <v>143</v>
          </cell>
          <cell r="H146">
            <v>0</v>
          </cell>
          <cell r="J146" t="str">
            <v>施工　第0-0143号内訳表</v>
          </cell>
        </row>
        <row r="147">
          <cell r="B147">
            <v>144</v>
          </cell>
          <cell r="H147">
            <v>0</v>
          </cell>
          <cell r="J147" t="str">
            <v>施工　第0-0144号内訳表</v>
          </cell>
        </row>
        <row r="148">
          <cell r="B148">
            <v>145</v>
          </cell>
          <cell r="H148">
            <v>0</v>
          </cell>
          <cell r="J148" t="str">
            <v>施工　第0-0145号内訳表</v>
          </cell>
        </row>
        <row r="149">
          <cell r="B149">
            <v>146</v>
          </cell>
          <cell r="H149">
            <v>0</v>
          </cell>
          <cell r="J149" t="str">
            <v>施工　第0-0146号内訳表</v>
          </cell>
        </row>
        <row r="150">
          <cell r="B150">
            <v>147</v>
          </cell>
          <cell r="H150">
            <v>0</v>
          </cell>
          <cell r="J150" t="str">
            <v>施工　第0-0147号内訳表</v>
          </cell>
        </row>
        <row r="151">
          <cell r="B151">
            <v>148</v>
          </cell>
          <cell r="H151">
            <v>0</v>
          </cell>
          <cell r="J151" t="str">
            <v>施工　第0-0148号内訳表</v>
          </cell>
        </row>
        <row r="152">
          <cell r="B152">
            <v>149</v>
          </cell>
          <cell r="H152">
            <v>0</v>
          </cell>
          <cell r="J152" t="str">
            <v>施工　第0-0149号内訳表</v>
          </cell>
        </row>
        <row r="153">
          <cell r="B153">
            <v>150</v>
          </cell>
          <cell r="H153">
            <v>0</v>
          </cell>
          <cell r="J153" t="str">
            <v>施工　第0-0150号内訳表</v>
          </cell>
        </row>
        <row r="154">
          <cell r="B154">
            <v>151</v>
          </cell>
          <cell r="H154">
            <v>0</v>
          </cell>
          <cell r="J154" t="str">
            <v>施工　第0-0151号内訳表</v>
          </cell>
        </row>
        <row r="155">
          <cell r="B155">
            <v>152</v>
          </cell>
          <cell r="H155">
            <v>0</v>
          </cell>
          <cell r="J155" t="str">
            <v>施工　第0-0152号内訳表</v>
          </cell>
        </row>
        <row r="156">
          <cell r="B156">
            <v>153</v>
          </cell>
          <cell r="H156">
            <v>0</v>
          </cell>
          <cell r="J156" t="str">
            <v>施工　第0-0153号内訳表</v>
          </cell>
        </row>
        <row r="157">
          <cell r="B157">
            <v>154</v>
          </cell>
          <cell r="H157">
            <v>0</v>
          </cell>
          <cell r="J157" t="str">
            <v>施工　第0-0154号内訳表</v>
          </cell>
        </row>
        <row r="158">
          <cell r="B158">
            <v>155</v>
          </cell>
          <cell r="H158">
            <v>0</v>
          </cell>
          <cell r="J158" t="str">
            <v>施工　第0-0155号内訳表</v>
          </cell>
        </row>
        <row r="159">
          <cell r="B159">
            <v>156</v>
          </cell>
          <cell r="H159">
            <v>0</v>
          </cell>
          <cell r="J159" t="str">
            <v>施工　第0-0156号内訳表</v>
          </cell>
        </row>
        <row r="160">
          <cell r="B160">
            <v>157</v>
          </cell>
          <cell r="H160">
            <v>0</v>
          </cell>
          <cell r="J160" t="str">
            <v>施工　第0-0157号内訳表</v>
          </cell>
        </row>
        <row r="161">
          <cell r="B161">
            <v>158</v>
          </cell>
          <cell r="H161">
            <v>0</v>
          </cell>
          <cell r="J161" t="str">
            <v>施工　第0-0158号内訳表</v>
          </cell>
        </row>
        <row r="162">
          <cell r="B162">
            <v>159</v>
          </cell>
          <cell r="H162">
            <v>0</v>
          </cell>
          <cell r="J162" t="str">
            <v>施工　第0-0159号内訳表</v>
          </cell>
        </row>
        <row r="163">
          <cell r="B163">
            <v>160</v>
          </cell>
          <cell r="H163">
            <v>0</v>
          </cell>
          <cell r="J163" t="str">
            <v>施工　第0-0160号内訳表</v>
          </cell>
        </row>
        <row r="164">
          <cell r="B164">
            <v>161</v>
          </cell>
          <cell r="H164">
            <v>0</v>
          </cell>
          <cell r="J164" t="str">
            <v>施工　第0-0161号内訳表</v>
          </cell>
        </row>
        <row r="165">
          <cell r="B165">
            <v>162</v>
          </cell>
          <cell r="H165">
            <v>0</v>
          </cell>
          <cell r="J165" t="str">
            <v>施工　第0-0162号内訳表</v>
          </cell>
        </row>
        <row r="166">
          <cell r="B166">
            <v>163</v>
          </cell>
          <cell r="H166">
            <v>0</v>
          </cell>
          <cell r="J166" t="str">
            <v>施工　第0-0163号内訳表</v>
          </cell>
        </row>
        <row r="167">
          <cell r="B167">
            <v>164</v>
          </cell>
          <cell r="H167">
            <v>0</v>
          </cell>
          <cell r="J167" t="str">
            <v>施工　第0-0164号内訳表</v>
          </cell>
        </row>
        <row r="168">
          <cell r="B168">
            <v>165</v>
          </cell>
          <cell r="H168">
            <v>0</v>
          </cell>
          <cell r="J168" t="str">
            <v>施工　第0-0165号内訳表</v>
          </cell>
        </row>
        <row r="169">
          <cell r="B169">
            <v>166</v>
          </cell>
          <cell r="H169">
            <v>0</v>
          </cell>
          <cell r="J169" t="str">
            <v>施工　第0-0166号内訳表</v>
          </cell>
        </row>
        <row r="170">
          <cell r="B170">
            <v>167</v>
          </cell>
          <cell r="H170">
            <v>0</v>
          </cell>
          <cell r="J170" t="str">
            <v>施工　第0-0167号内訳表</v>
          </cell>
        </row>
        <row r="171">
          <cell r="B171">
            <v>168</v>
          </cell>
          <cell r="H171">
            <v>0</v>
          </cell>
          <cell r="J171" t="str">
            <v>施工　第0-0168号内訳表</v>
          </cell>
        </row>
        <row r="172">
          <cell r="B172">
            <v>169</v>
          </cell>
          <cell r="H172">
            <v>0</v>
          </cell>
          <cell r="J172" t="str">
            <v>施工　第0-0169号内訳表</v>
          </cell>
        </row>
        <row r="173">
          <cell r="B173">
            <v>170</v>
          </cell>
          <cell r="H173">
            <v>0</v>
          </cell>
          <cell r="J173" t="str">
            <v>施工　第0-0170号内訳表</v>
          </cell>
        </row>
        <row r="174">
          <cell r="B174">
            <v>171</v>
          </cell>
          <cell r="H174">
            <v>0</v>
          </cell>
          <cell r="J174" t="str">
            <v>施工　第0-0171号内訳表</v>
          </cell>
        </row>
        <row r="175">
          <cell r="B175">
            <v>172</v>
          </cell>
          <cell r="H175">
            <v>0</v>
          </cell>
          <cell r="J175" t="str">
            <v>施工　第0-0172号内訳表</v>
          </cell>
        </row>
        <row r="176">
          <cell r="B176">
            <v>173</v>
          </cell>
          <cell r="H176">
            <v>0</v>
          </cell>
          <cell r="J176" t="str">
            <v>施工　第0-0173号内訳表</v>
          </cell>
        </row>
        <row r="177">
          <cell r="B177">
            <v>174</v>
          </cell>
          <cell r="H177">
            <v>0</v>
          </cell>
          <cell r="J177" t="str">
            <v>施工　第0-0174号内訳表</v>
          </cell>
        </row>
        <row r="178">
          <cell r="B178">
            <v>175</v>
          </cell>
          <cell r="H178">
            <v>0</v>
          </cell>
          <cell r="J178" t="str">
            <v>施工　第0-0175号内訳表</v>
          </cell>
        </row>
        <row r="179">
          <cell r="B179">
            <v>176</v>
          </cell>
          <cell r="H179">
            <v>0</v>
          </cell>
          <cell r="J179" t="str">
            <v>施工　第0-0176号内訳表</v>
          </cell>
        </row>
        <row r="180">
          <cell r="B180">
            <v>177</v>
          </cell>
          <cell r="H180">
            <v>0</v>
          </cell>
          <cell r="J180" t="str">
            <v>施工　第0-0177号内訳表</v>
          </cell>
        </row>
        <row r="181">
          <cell r="B181">
            <v>178</v>
          </cell>
          <cell r="H181">
            <v>0</v>
          </cell>
          <cell r="J181" t="str">
            <v>施工　第0-0178号内訳表</v>
          </cell>
        </row>
        <row r="182">
          <cell r="B182">
            <v>179</v>
          </cell>
          <cell r="H182">
            <v>0</v>
          </cell>
          <cell r="J182" t="str">
            <v>施工　第0-0179号内訳表</v>
          </cell>
        </row>
        <row r="183">
          <cell r="B183">
            <v>180</v>
          </cell>
          <cell r="H183">
            <v>0</v>
          </cell>
          <cell r="J183" t="str">
            <v>施工　第0-0180号内訳表</v>
          </cell>
        </row>
        <row r="184">
          <cell r="B184">
            <v>181</v>
          </cell>
          <cell r="H184">
            <v>0</v>
          </cell>
          <cell r="J184" t="str">
            <v>施工　第0-0181号内訳表</v>
          </cell>
        </row>
        <row r="185">
          <cell r="B185">
            <v>182</v>
          </cell>
          <cell r="H185">
            <v>0</v>
          </cell>
          <cell r="J185" t="str">
            <v>施工　第0-0182号内訳表</v>
          </cell>
        </row>
        <row r="186">
          <cell r="B186">
            <v>183</v>
          </cell>
          <cell r="H186">
            <v>0</v>
          </cell>
          <cell r="J186" t="str">
            <v>施工　第0-0183号内訳表</v>
          </cell>
        </row>
        <row r="187">
          <cell r="B187">
            <v>184</v>
          </cell>
          <cell r="H187">
            <v>0</v>
          </cell>
          <cell r="J187" t="str">
            <v>施工　第0-0184号内訳表</v>
          </cell>
        </row>
        <row r="188">
          <cell r="B188">
            <v>185</v>
          </cell>
          <cell r="H188">
            <v>0</v>
          </cell>
          <cell r="J188" t="str">
            <v>施工　第0-0185号内訳表</v>
          </cell>
        </row>
        <row r="189">
          <cell r="B189">
            <v>186</v>
          </cell>
          <cell r="H189">
            <v>0</v>
          </cell>
          <cell r="J189" t="str">
            <v>施工　第0-0186号内訳表</v>
          </cell>
        </row>
        <row r="190">
          <cell r="B190">
            <v>187</v>
          </cell>
          <cell r="H190">
            <v>0</v>
          </cell>
          <cell r="J190" t="str">
            <v>施工　第0-0187号内訳表</v>
          </cell>
        </row>
        <row r="191">
          <cell r="B191">
            <v>188</v>
          </cell>
          <cell r="H191">
            <v>0</v>
          </cell>
          <cell r="J191" t="str">
            <v>施工　第0-0188号内訳表</v>
          </cell>
        </row>
        <row r="192">
          <cell r="B192">
            <v>189</v>
          </cell>
          <cell r="H192">
            <v>0</v>
          </cell>
          <cell r="J192" t="str">
            <v>施工　第0-0189号内訳表</v>
          </cell>
        </row>
        <row r="193">
          <cell r="B193">
            <v>190</v>
          </cell>
          <cell r="H193">
            <v>0</v>
          </cell>
          <cell r="J193" t="str">
            <v>施工　第0-0190号内訳表</v>
          </cell>
        </row>
        <row r="194">
          <cell r="B194">
            <v>191</v>
          </cell>
          <cell r="H194">
            <v>0</v>
          </cell>
          <cell r="J194" t="str">
            <v>施工　第0-0191号内訳表</v>
          </cell>
        </row>
        <row r="195">
          <cell r="B195">
            <v>192</v>
          </cell>
          <cell r="H195">
            <v>0</v>
          </cell>
          <cell r="J195" t="str">
            <v>施工　第0-0192号内訳表</v>
          </cell>
        </row>
        <row r="196">
          <cell r="B196">
            <v>193</v>
          </cell>
          <cell r="H196">
            <v>0</v>
          </cell>
          <cell r="J196" t="str">
            <v>施工　第0-0193号内訳表</v>
          </cell>
        </row>
        <row r="197">
          <cell r="B197">
            <v>194</v>
          </cell>
          <cell r="H197">
            <v>0</v>
          </cell>
          <cell r="J197" t="str">
            <v>施工　第0-0194号内訳表</v>
          </cell>
        </row>
        <row r="198">
          <cell r="B198">
            <v>195</v>
          </cell>
          <cell r="H198">
            <v>0</v>
          </cell>
          <cell r="J198" t="str">
            <v>施工　第0-0195号内訳表</v>
          </cell>
        </row>
        <row r="199">
          <cell r="B199">
            <v>196</v>
          </cell>
          <cell r="H199">
            <v>0</v>
          </cell>
          <cell r="J199" t="str">
            <v>施工　第0-0196号内訳表</v>
          </cell>
        </row>
        <row r="200">
          <cell r="B200">
            <v>197</v>
          </cell>
          <cell r="H200">
            <v>0</v>
          </cell>
          <cell r="J200" t="str">
            <v>施工　第0-0197号内訳表</v>
          </cell>
        </row>
        <row r="201">
          <cell r="B201">
            <v>198</v>
          </cell>
          <cell r="H201">
            <v>0</v>
          </cell>
          <cell r="J201" t="str">
            <v>施工　第0-0198号内訳表</v>
          </cell>
        </row>
        <row r="202">
          <cell r="B202">
            <v>199</v>
          </cell>
          <cell r="H202">
            <v>0</v>
          </cell>
          <cell r="J202" t="str">
            <v>施工　第0-0199号内訳表</v>
          </cell>
        </row>
        <row r="203">
          <cell r="B203">
            <v>200</v>
          </cell>
          <cell r="H203">
            <v>0</v>
          </cell>
          <cell r="J203" t="str">
            <v>施工　第0-0200号内訳表</v>
          </cell>
        </row>
        <row r="204">
          <cell r="B204">
            <v>201</v>
          </cell>
          <cell r="D204" t="str">
            <v>塩ビ管布設工</v>
          </cell>
          <cell r="E204" t="str">
            <v>φ75</v>
          </cell>
          <cell r="G204" t="str">
            <v>m</v>
          </cell>
          <cell r="H204">
            <v>360</v>
          </cell>
          <cell r="J204" t="str">
            <v>施工　第0-0201号内訳表</v>
          </cell>
        </row>
        <row r="205">
          <cell r="B205">
            <v>202</v>
          </cell>
          <cell r="D205" t="str">
            <v>塩ビ管継手工</v>
          </cell>
          <cell r="E205" t="str">
            <v>φ75</v>
          </cell>
          <cell r="G205" t="str">
            <v>口</v>
          </cell>
          <cell r="H205">
            <v>1100</v>
          </cell>
          <cell r="J205" t="str">
            <v>施工　第0-0202号内訳表</v>
          </cell>
        </row>
        <row r="206">
          <cell r="B206">
            <v>203</v>
          </cell>
          <cell r="D206" t="str">
            <v>塩ビ管布設工</v>
          </cell>
          <cell r="E206" t="str">
            <v>φ100</v>
          </cell>
          <cell r="G206" t="str">
            <v>m</v>
          </cell>
          <cell r="H206">
            <v>420</v>
          </cell>
          <cell r="J206" t="str">
            <v>施工　第0-0203号内訳表</v>
          </cell>
        </row>
        <row r="207">
          <cell r="B207">
            <v>204</v>
          </cell>
          <cell r="D207" t="str">
            <v>塩ビ管継手工</v>
          </cell>
          <cell r="E207" t="str">
            <v>φ100</v>
          </cell>
          <cell r="G207" t="str">
            <v>口</v>
          </cell>
          <cell r="H207">
            <v>1600</v>
          </cell>
          <cell r="J207" t="str">
            <v>施工　第0-0204号内訳表</v>
          </cell>
        </row>
        <row r="208">
          <cell r="B208">
            <v>205</v>
          </cell>
          <cell r="D208" t="str">
            <v>遠心力鉄筋コンクリート管布設工</v>
          </cell>
          <cell r="E208" t="str">
            <v>φ350</v>
          </cell>
          <cell r="G208" t="str">
            <v>m</v>
          </cell>
          <cell r="H208">
            <v>3200</v>
          </cell>
          <cell r="J208" t="str">
            <v>施工　第0-0205号内訳表</v>
          </cell>
        </row>
        <row r="209">
          <cell r="B209">
            <v>206</v>
          </cell>
          <cell r="D209" t="str">
            <v>カラー継手工</v>
          </cell>
          <cell r="E209" t="str">
            <v>φ350</v>
          </cell>
          <cell r="G209" t="str">
            <v>口</v>
          </cell>
          <cell r="H209">
            <v>2400</v>
          </cell>
          <cell r="J209" t="str">
            <v>施工　第0-0206号内訳表</v>
          </cell>
        </row>
        <row r="210">
          <cell r="B210">
            <v>207</v>
          </cell>
          <cell r="D210" t="str">
            <v>鋳鉄管据付工</v>
          </cell>
          <cell r="E210" t="str">
            <v>φ1000</v>
          </cell>
          <cell r="F210" t="str">
            <v>機械力</v>
          </cell>
          <cell r="G210" t="str">
            <v>m</v>
          </cell>
          <cell r="H210">
            <v>5200</v>
          </cell>
          <cell r="J210" t="str">
            <v>施工　第0-0207号内訳表</v>
          </cell>
        </row>
        <row r="211">
          <cell r="B211">
            <v>208</v>
          </cell>
          <cell r="D211" t="str">
            <v>鋳鉄管据付工</v>
          </cell>
          <cell r="E211" t="str">
            <v>φ800</v>
          </cell>
          <cell r="F211" t="str">
            <v>機械力</v>
          </cell>
          <cell r="G211" t="str">
            <v>m</v>
          </cell>
          <cell r="H211">
            <v>3500</v>
          </cell>
          <cell r="J211" t="str">
            <v>施工　第0-0208号内訳表</v>
          </cell>
        </row>
        <row r="212">
          <cell r="B212">
            <v>209</v>
          </cell>
          <cell r="D212" t="str">
            <v>鋳鉄管据付工</v>
          </cell>
          <cell r="E212" t="str">
            <v>φ600</v>
          </cell>
          <cell r="F212" t="str">
            <v>機械力</v>
          </cell>
          <cell r="G212" t="str">
            <v>m</v>
          </cell>
          <cell r="H212">
            <v>2700</v>
          </cell>
          <cell r="J212" t="str">
            <v>施工　第0-0209号内訳表</v>
          </cell>
        </row>
        <row r="213">
          <cell r="B213">
            <v>210</v>
          </cell>
          <cell r="D213" t="str">
            <v>鋳鉄管据付工</v>
          </cell>
          <cell r="E213" t="str">
            <v>φ400</v>
          </cell>
          <cell r="F213" t="str">
            <v>機械力</v>
          </cell>
          <cell r="G213" t="str">
            <v>m</v>
          </cell>
          <cell r="H213">
            <v>1900</v>
          </cell>
          <cell r="J213" t="str">
            <v>施工　第0-0210号内訳表</v>
          </cell>
        </row>
        <row r="214">
          <cell r="B214">
            <v>211</v>
          </cell>
          <cell r="D214" t="str">
            <v>鋳鉄管据付工</v>
          </cell>
          <cell r="E214" t="str">
            <v>φ200</v>
          </cell>
          <cell r="F214" t="str">
            <v>機械力</v>
          </cell>
          <cell r="G214" t="str">
            <v>m</v>
          </cell>
          <cell r="H214">
            <v>1300</v>
          </cell>
          <cell r="J214" t="str">
            <v>施工　第0-0211号内訳表</v>
          </cell>
        </row>
        <row r="215">
          <cell r="B215">
            <v>212</v>
          </cell>
          <cell r="D215" t="str">
            <v>NS継手工</v>
          </cell>
          <cell r="E215" t="str">
            <v>φ1000</v>
          </cell>
          <cell r="F215" t="str">
            <v>ライナ含</v>
          </cell>
          <cell r="G215" t="str">
            <v>口</v>
          </cell>
          <cell r="H215">
            <v>13000</v>
          </cell>
          <cell r="J215" t="str">
            <v>施工　第0-0212号内訳表</v>
          </cell>
        </row>
        <row r="216">
          <cell r="B216">
            <v>213</v>
          </cell>
          <cell r="D216" t="str">
            <v>NS継手工</v>
          </cell>
          <cell r="E216" t="str">
            <v>φ1000</v>
          </cell>
          <cell r="F216" t="str">
            <v>ライナ無</v>
          </cell>
          <cell r="G216" t="str">
            <v>口</v>
          </cell>
          <cell r="H216">
            <v>10000</v>
          </cell>
          <cell r="J216" t="str">
            <v>施工　第0-0213号内訳表</v>
          </cell>
        </row>
        <row r="217">
          <cell r="B217">
            <v>214</v>
          </cell>
          <cell r="D217" t="str">
            <v>NS継手工</v>
          </cell>
          <cell r="E217" t="str">
            <v>φ800</v>
          </cell>
          <cell r="F217" t="str">
            <v>ライナ含</v>
          </cell>
          <cell r="G217" t="str">
            <v>口</v>
          </cell>
          <cell r="H217">
            <v>9300</v>
          </cell>
          <cell r="J217" t="str">
            <v>施工　第0-0214号内訳表</v>
          </cell>
        </row>
        <row r="218">
          <cell r="B218">
            <v>215</v>
          </cell>
          <cell r="D218" t="str">
            <v>NS継手工</v>
          </cell>
          <cell r="E218" t="str">
            <v>φ800</v>
          </cell>
          <cell r="F218" t="str">
            <v>ライナ無</v>
          </cell>
          <cell r="G218" t="str">
            <v>口</v>
          </cell>
          <cell r="H218">
            <v>7800</v>
          </cell>
          <cell r="J218" t="str">
            <v>施工　第0-0215号内訳表</v>
          </cell>
        </row>
        <row r="219">
          <cell r="B219">
            <v>216</v>
          </cell>
          <cell r="D219" t="str">
            <v>NS継手工</v>
          </cell>
          <cell r="E219" t="str">
            <v>φ600</v>
          </cell>
          <cell r="F219" t="str">
            <v>ライナ含</v>
          </cell>
          <cell r="G219" t="str">
            <v>口</v>
          </cell>
          <cell r="H219">
            <v>6100</v>
          </cell>
          <cell r="J219" t="str">
            <v>施工　第0-0216号内訳表</v>
          </cell>
        </row>
        <row r="220">
          <cell r="B220">
            <v>217</v>
          </cell>
          <cell r="D220" t="str">
            <v>NS継手工</v>
          </cell>
          <cell r="E220" t="str">
            <v>φ600</v>
          </cell>
          <cell r="F220" t="str">
            <v>ライナ無</v>
          </cell>
          <cell r="G220" t="str">
            <v>口</v>
          </cell>
          <cell r="H220">
            <v>5100</v>
          </cell>
          <cell r="J220" t="str">
            <v>施工　第0-0217号内訳表</v>
          </cell>
        </row>
        <row r="221">
          <cell r="B221">
            <v>218</v>
          </cell>
          <cell r="D221" t="str">
            <v>NS継手工</v>
          </cell>
          <cell r="E221" t="str">
            <v>φ400</v>
          </cell>
          <cell r="F221" t="str">
            <v>直管部</v>
          </cell>
          <cell r="G221" t="str">
            <v>口</v>
          </cell>
          <cell r="H221">
            <v>3800</v>
          </cell>
          <cell r="J221" t="str">
            <v>施工　第0-0218号内訳表</v>
          </cell>
        </row>
        <row r="222">
          <cell r="B222">
            <v>219</v>
          </cell>
          <cell r="D222" t="str">
            <v>NS継手工</v>
          </cell>
          <cell r="E222" t="str">
            <v>φ400</v>
          </cell>
          <cell r="F222" t="str">
            <v>異形管部</v>
          </cell>
          <cell r="G222" t="str">
            <v>口</v>
          </cell>
          <cell r="H222">
            <v>3400</v>
          </cell>
          <cell r="J222" t="str">
            <v>施工　第0-0219号内訳表</v>
          </cell>
        </row>
        <row r="223">
          <cell r="B223">
            <v>220</v>
          </cell>
          <cell r="D223" t="str">
            <v>GX継手工</v>
          </cell>
          <cell r="E223" t="str">
            <v>φ200</v>
          </cell>
          <cell r="F223" t="str">
            <v>直管部</v>
          </cell>
          <cell r="G223" t="str">
            <v>口</v>
          </cell>
          <cell r="H223">
            <v>2000</v>
          </cell>
          <cell r="J223" t="str">
            <v>施工　第0-0220号内訳表</v>
          </cell>
        </row>
        <row r="224">
          <cell r="B224">
            <v>221</v>
          </cell>
          <cell r="D224" t="str">
            <v>GX継手工</v>
          </cell>
          <cell r="E224" t="str">
            <v>φ200</v>
          </cell>
          <cell r="F224" t="str">
            <v>直管部 P-Link有</v>
          </cell>
          <cell r="G224" t="str">
            <v>口</v>
          </cell>
          <cell r="H224">
            <v>2600</v>
          </cell>
          <cell r="J224" t="str">
            <v>施工　第0-0221号内訳表</v>
          </cell>
        </row>
        <row r="225">
          <cell r="B225">
            <v>222</v>
          </cell>
          <cell r="D225" t="str">
            <v>GX継手工</v>
          </cell>
          <cell r="E225" t="str">
            <v>φ200</v>
          </cell>
          <cell r="F225" t="str">
            <v>異形管部</v>
          </cell>
          <cell r="G225" t="str">
            <v>口</v>
          </cell>
          <cell r="H225">
            <v>2400</v>
          </cell>
          <cell r="J225" t="str">
            <v>施工　第0-0222号内訳表</v>
          </cell>
        </row>
        <row r="226">
          <cell r="B226">
            <v>223</v>
          </cell>
          <cell r="D226" t="str">
            <v>GX継手工</v>
          </cell>
          <cell r="E226" t="str">
            <v>φ200</v>
          </cell>
          <cell r="F226" t="str">
            <v>異形管部 G-Link有</v>
          </cell>
          <cell r="G226" t="str">
            <v>口</v>
          </cell>
          <cell r="H226">
            <v>3100</v>
          </cell>
          <cell r="J226" t="str">
            <v>施工　第0-0223号内訳表</v>
          </cell>
        </row>
        <row r="227">
          <cell r="B227">
            <v>224</v>
          </cell>
          <cell r="D227" t="str">
            <v>フランジ継手工</v>
          </cell>
          <cell r="E227" t="str">
            <v>φ1000</v>
          </cell>
          <cell r="F227" t="str">
            <v>7.5k</v>
          </cell>
          <cell r="G227" t="str">
            <v>口</v>
          </cell>
          <cell r="H227">
            <v>12000</v>
          </cell>
          <cell r="J227" t="str">
            <v>施工　第0-0224号内訳表</v>
          </cell>
        </row>
        <row r="228">
          <cell r="B228">
            <v>225</v>
          </cell>
          <cell r="D228" t="str">
            <v>フランジ継手工</v>
          </cell>
          <cell r="E228" t="str">
            <v>φ800</v>
          </cell>
          <cell r="F228" t="str">
            <v>7.5k</v>
          </cell>
          <cell r="G228" t="str">
            <v>口</v>
          </cell>
          <cell r="H228">
            <v>8100</v>
          </cell>
          <cell r="J228" t="str">
            <v>施工　第0-0225号内訳表</v>
          </cell>
        </row>
        <row r="229">
          <cell r="B229">
            <v>226</v>
          </cell>
          <cell r="D229" t="str">
            <v>フランジ継手工</v>
          </cell>
          <cell r="E229" t="str">
            <v>φ600</v>
          </cell>
          <cell r="F229" t="str">
            <v>7.5k</v>
          </cell>
          <cell r="G229" t="str">
            <v>口</v>
          </cell>
          <cell r="H229">
            <v>5800</v>
          </cell>
          <cell r="J229" t="str">
            <v>施工　第0-0226号内訳表</v>
          </cell>
        </row>
        <row r="230">
          <cell r="B230">
            <v>227</v>
          </cell>
          <cell r="D230" t="str">
            <v>フランジ継手工</v>
          </cell>
          <cell r="E230" t="str">
            <v>φ400</v>
          </cell>
          <cell r="F230" t="str">
            <v>7.5k</v>
          </cell>
          <cell r="G230" t="str">
            <v>口</v>
          </cell>
          <cell r="H230">
            <v>4100</v>
          </cell>
          <cell r="J230" t="str">
            <v>施工　第0-0227号内訳表</v>
          </cell>
        </row>
        <row r="231">
          <cell r="B231">
            <v>228</v>
          </cell>
          <cell r="D231" t="str">
            <v>フランジ継手工</v>
          </cell>
          <cell r="E231" t="str">
            <v>φ200</v>
          </cell>
          <cell r="F231" t="str">
            <v>7.5k</v>
          </cell>
          <cell r="G231" t="str">
            <v>口</v>
          </cell>
          <cell r="H231">
            <v>2700</v>
          </cell>
          <cell r="J231" t="str">
            <v>施工　第0-0228号内訳表</v>
          </cell>
        </row>
        <row r="232">
          <cell r="B232">
            <v>229</v>
          </cell>
          <cell r="D232" t="str">
            <v>鋳鉄管切断・溝切</v>
          </cell>
          <cell r="E232" t="str">
            <v>φ1000</v>
          </cell>
          <cell r="F232" t="str">
            <v>NS形　2工程</v>
          </cell>
          <cell r="G232" t="str">
            <v>口</v>
          </cell>
          <cell r="H232">
            <v>86000</v>
          </cell>
          <cell r="J232" t="str">
            <v>施工　第0-0229号内訳表</v>
          </cell>
        </row>
        <row r="233">
          <cell r="B233">
            <v>230</v>
          </cell>
          <cell r="D233" t="str">
            <v>鋳鉄管切断・溝切</v>
          </cell>
          <cell r="E233" t="str">
            <v>φ800</v>
          </cell>
          <cell r="F233" t="str">
            <v>NS形　2工程</v>
          </cell>
          <cell r="G233" t="str">
            <v>口</v>
          </cell>
          <cell r="H233">
            <v>67000</v>
          </cell>
          <cell r="J233" t="str">
            <v>施工　第0-0230号内訳表</v>
          </cell>
        </row>
        <row r="234">
          <cell r="B234">
            <v>231</v>
          </cell>
          <cell r="D234" t="str">
            <v>鋳鉄管切断・溝切</v>
          </cell>
          <cell r="E234" t="str">
            <v>φ600</v>
          </cell>
          <cell r="F234" t="str">
            <v>NS形　2工程</v>
          </cell>
          <cell r="G234" t="str">
            <v>口</v>
          </cell>
          <cell r="H234">
            <v>49000</v>
          </cell>
          <cell r="J234" t="str">
            <v>施工　第0-0231号内訳表</v>
          </cell>
        </row>
        <row r="235">
          <cell r="B235">
            <v>232</v>
          </cell>
          <cell r="D235" t="str">
            <v>鋳鉄管切断・溝切</v>
          </cell>
          <cell r="E235" t="str">
            <v>φ400</v>
          </cell>
          <cell r="F235" t="str">
            <v>NS形　切断・溝切同時</v>
          </cell>
          <cell r="G235" t="str">
            <v>口</v>
          </cell>
          <cell r="H235">
            <v>26000</v>
          </cell>
          <cell r="J235" t="str">
            <v>施工　第0-0232号内訳表</v>
          </cell>
        </row>
        <row r="236">
          <cell r="B236">
            <v>233</v>
          </cell>
          <cell r="D236" t="str">
            <v>鋳鉄管切断工</v>
          </cell>
          <cell r="E236" t="str">
            <v>φ200</v>
          </cell>
          <cell r="G236" t="str">
            <v>口</v>
          </cell>
          <cell r="H236">
            <v>2500</v>
          </cell>
          <cell r="J236" t="str">
            <v>施工　第0-0233号内訳表</v>
          </cell>
        </row>
        <row r="237">
          <cell r="B237">
            <v>234</v>
          </cell>
          <cell r="D237" t="str">
            <v>鋳鉄管挿口加工</v>
          </cell>
          <cell r="E237" t="str">
            <v>φ1000</v>
          </cell>
          <cell r="F237" t="str">
            <v>NS形　リベット式</v>
          </cell>
          <cell r="G237" t="str">
            <v>口</v>
          </cell>
          <cell r="H237">
            <v>5100</v>
          </cell>
          <cell r="J237" t="str">
            <v>施工　第0-0234号内訳表</v>
          </cell>
        </row>
        <row r="238">
          <cell r="B238">
            <v>235</v>
          </cell>
          <cell r="D238" t="str">
            <v>鋳鉄管挿口加工</v>
          </cell>
          <cell r="E238" t="str">
            <v>φ800</v>
          </cell>
          <cell r="F238" t="str">
            <v>NS形　リベット式</v>
          </cell>
          <cell r="G238" t="str">
            <v>口</v>
          </cell>
          <cell r="H238">
            <v>3200</v>
          </cell>
          <cell r="J238" t="str">
            <v>施工　第0-0235号内訳表</v>
          </cell>
        </row>
        <row r="239">
          <cell r="B239">
            <v>236</v>
          </cell>
          <cell r="D239" t="str">
            <v>鋳鉄管挿口加工</v>
          </cell>
          <cell r="E239" t="str">
            <v>φ600</v>
          </cell>
          <cell r="F239" t="str">
            <v>NS形　リベット式</v>
          </cell>
          <cell r="G239" t="str">
            <v>口</v>
          </cell>
          <cell r="H239">
            <v>2800</v>
          </cell>
          <cell r="J239" t="str">
            <v>施工　第0-0236号内訳表</v>
          </cell>
        </row>
        <row r="240">
          <cell r="B240">
            <v>237</v>
          </cell>
          <cell r="D240" t="str">
            <v>鋳鉄管挿口加工</v>
          </cell>
          <cell r="E240" t="str">
            <v>φ400</v>
          </cell>
          <cell r="F240" t="str">
            <v>NS形　タッピンネジ式</v>
          </cell>
          <cell r="G240" t="str">
            <v>口</v>
          </cell>
          <cell r="H240">
            <v>1800</v>
          </cell>
          <cell r="J240" t="str">
            <v>施工　第0-0237号内訳表</v>
          </cell>
        </row>
        <row r="241">
          <cell r="B241">
            <v>238</v>
          </cell>
          <cell r="D241" t="str">
            <v>バタフライ弁設置工</v>
          </cell>
          <cell r="E241" t="str">
            <v>φ1000</v>
          </cell>
          <cell r="G241" t="str">
            <v>基</v>
          </cell>
          <cell r="H241">
            <v>126000</v>
          </cell>
          <cell r="J241" t="str">
            <v>施工　第0-0238号内訳表</v>
          </cell>
        </row>
        <row r="242">
          <cell r="B242">
            <v>239</v>
          </cell>
          <cell r="D242" t="str">
            <v>バタフライ弁設置工</v>
          </cell>
          <cell r="E242" t="str">
            <v>φ800</v>
          </cell>
          <cell r="G242" t="str">
            <v>基</v>
          </cell>
          <cell r="H242">
            <v>103000</v>
          </cell>
          <cell r="J242" t="str">
            <v>施工　第0-0239号内訳表</v>
          </cell>
        </row>
        <row r="243">
          <cell r="B243">
            <v>240</v>
          </cell>
          <cell r="D243" t="str">
            <v>バタフライ弁設置工</v>
          </cell>
          <cell r="E243" t="str">
            <v>φ600</v>
          </cell>
          <cell r="G243" t="str">
            <v>基</v>
          </cell>
          <cell r="H243">
            <v>77000</v>
          </cell>
          <cell r="J243" t="str">
            <v>施工　第0-0240号内訳表</v>
          </cell>
        </row>
        <row r="244">
          <cell r="B244">
            <v>241</v>
          </cell>
          <cell r="D244" t="str">
            <v>仕切弁設置工</v>
          </cell>
          <cell r="E244" t="str">
            <v>φ400</v>
          </cell>
          <cell r="G244" t="str">
            <v>基</v>
          </cell>
          <cell r="H244">
            <v>35000</v>
          </cell>
          <cell r="J244" t="str">
            <v>施工　第0-0241号内訳表</v>
          </cell>
        </row>
        <row r="245">
          <cell r="B245">
            <v>242</v>
          </cell>
          <cell r="D245" t="str">
            <v>仕切弁設置工</v>
          </cell>
          <cell r="E245" t="str">
            <v>φ200</v>
          </cell>
          <cell r="G245" t="str">
            <v>基</v>
          </cell>
          <cell r="H245">
            <v>5500</v>
          </cell>
          <cell r="J245" t="str">
            <v>施工　第0-0242号内訳表</v>
          </cell>
        </row>
        <row r="246">
          <cell r="B246">
            <v>243</v>
          </cell>
          <cell r="D246" t="str">
            <v>伸縮可撓管設置工</v>
          </cell>
          <cell r="E246" t="str">
            <v>φ1000</v>
          </cell>
          <cell r="F246" t="str">
            <v>NS形 F-U δ＝200mm</v>
          </cell>
          <cell r="G246" t="str">
            <v>基</v>
          </cell>
          <cell r="H246">
            <v>63000</v>
          </cell>
          <cell r="J246" t="str">
            <v>施工　第0-0243号内訳表</v>
          </cell>
        </row>
        <row r="247">
          <cell r="B247">
            <v>244</v>
          </cell>
          <cell r="D247" t="str">
            <v>伸縮可撓管設置工</v>
          </cell>
          <cell r="E247" t="str">
            <v>φ1000</v>
          </cell>
          <cell r="F247" t="str">
            <v>NS形 F-S δ＝200mm</v>
          </cell>
          <cell r="G247" t="str">
            <v>基</v>
          </cell>
          <cell r="H247">
            <v>63000</v>
          </cell>
          <cell r="J247" t="str">
            <v>施工　第0-0244号内訳表</v>
          </cell>
        </row>
        <row r="248">
          <cell r="B248">
            <v>245</v>
          </cell>
          <cell r="D248" t="str">
            <v>伸縮可撓管設置工</v>
          </cell>
          <cell r="E248" t="str">
            <v>φ800</v>
          </cell>
          <cell r="F248" t="str">
            <v>NS形 F-U δ＝200mm</v>
          </cell>
          <cell r="G248" t="str">
            <v>基</v>
          </cell>
          <cell r="H248">
            <v>42000</v>
          </cell>
          <cell r="J248" t="str">
            <v>施工　第0-0245号内訳表</v>
          </cell>
        </row>
        <row r="249">
          <cell r="B249">
            <v>246</v>
          </cell>
          <cell r="D249" t="str">
            <v>伸縮可撓管設置工</v>
          </cell>
          <cell r="E249" t="str">
            <v>φ600</v>
          </cell>
          <cell r="F249" t="str">
            <v>NS形 F-U δ＝200mm</v>
          </cell>
          <cell r="G249" t="str">
            <v>基</v>
          </cell>
          <cell r="H249">
            <v>27000</v>
          </cell>
          <cell r="J249" t="str">
            <v>施工　第0-0246号内訳表</v>
          </cell>
        </row>
        <row r="250">
          <cell r="B250">
            <v>247</v>
          </cell>
          <cell r="D250" t="str">
            <v>伸縮可撓管設置工</v>
          </cell>
          <cell r="E250" t="str">
            <v>φ400</v>
          </cell>
          <cell r="F250" t="str">
            <v>NS形 F-U δ＝200mm</v>
          </cell>
          <cell r="G250" t="str">
            <v>基</v>
          </cell>
          <cell r="H250">
            <v>19000</v>
          </cell>
          <cell r="J250" t="str">
            <v>施工　第0-0247号内訳表</v>
          </cell>
        </row>
        <row r="251">
          <cell r="B251">
            <v>248</v>
          </cell>
          <cell r="D251" t="str">
            <v>伸縮可撓管設置工</v>
          </cell>
          <cell r="E251" t="str">
            <v>φ200</v>
          </cell>
          <cell r="F251" t="str">
            <v>GX形 F-U δ＝200mm</v>
          </cell>
          <cell r="G251" t="str">
            <v>基</v>
          </cell>
          <cell r="H251">
            <v>11000</v>
          </cell>
          <cell r="J251" t="str">
            <v>施工　第0-0248号内訳表</v>
          </cell>
        </row>
        <row r="252">
          <cell r="B252">
            <v>249</v>
          </cell>
          <cell r="D252" t="str">
            <v>管明示シート工</v>
          </cell>
          <cell r="E252" t="str">
            <v>150mm×50ｍ ダブル</v>
          </cell>
          <cell r="G252" t="str">
            <v>m</v>
          </cell>
          <cell r="H252">
            <v>190</v>
          </cell>
          <cell r="J252" t="str">
            <v>施工　第0-0249号内訳表</v>
          </cell>
          <cell r="L252">
            <v>132</v>
          </cell>
        </row>
        <row r="253">
          <cell r="B253">
            <v>250</v>
          </cell>
          <cell r="D253" t="str">
            <v>管明示テープ工</v>
          </cell>
          <cell r="E253" t="str">
            <v>φ1000×6000</v>
          </cell>
          <cell r="G253" t="str">
            <v>m</v>
          </cell>
          <cell r="H253">
            <v>100</v>
          </cell>
          <cell r="J253" t="str">
            <v>施工　第0-0250号内訳表</v>
          </cell>
          <cell r="L253">
            <v>50</v>
          </cell>
        </row>
        <row r="254">
          <cell r="B254">
            <v>251</v>
          </cell>
          <cell r="D254" t="str">
            <v>管明示テープ工</v>
          </cell>
          <cell r="E254" t="str">
            <v>φ800×6000</v>
          </cell>
          <cell r="G254" t="str">
            <v>m</v>
          </cell>
          <cell r="H254">
            <v>100</v>
          </cell>
          <cell r="J254" t="str">
            <v>施工　第0-0251号内訳表</v>
          </cell>
          <cell r="L254">
            <v>50</v>
          </cell>
        </row>
        <row r="255">
          <cell r="B255">
            <v>252</v>
          </cell>
          <cell r="D255" t="str">
            <v>管明示テープ工</v>
          </cell>
          <cell r="E255" t="str">
            <v>φ600×6000</v>
          </cell>
          <cell r="G255" t="str">
            <v>m</v>
          </cell>
          <cell r="H255">
            <v>80</v>
          </cell>
          <cell r="J255" t="str">
            <v>施工　第0-0252号内訳表</v>
          </cell>
          <cell r="L255">
            <v>50</v>
          </cell>
        </row>
        <row r="256">
          <cell r="B256">
            <v>253</v>
          </cell>
          <cell r="D256" t="str">
            <v>管明示テープ工</v>
          </cell>
          <cell r="E256" t="str">
            <v>φ400×6000</v>
          </cell>
          <cell r="G256" t="str">
            <v>m</v>
          </cell>
          <cell r="H256">
            <v>80</v>
          </cell>
          <cell r="J256" t="str">
            <v>施工　第0-0253号内訳表</v>
          </cell>
          <cell r="L256">
            <v>50</v>
          </cell>
        </row>
        <row r="257">
          <cell r="B257">
            <v>254</v>
          </cell>
          <cell r="D257" t="str">
            <v>管明示テープ工</v>
          </cell>
          <cell r="E257" t="str">
            <v>φ200×5000</v>
          </cell>
          <cell r="G257" t="str">
            <v>m</v>
          </cell>
          <cell r="H257">
            <v>70</v>
          </cell>
          <cell r="J257" t="str">
            <v>施工　第0-0254号内訳表</v>
          </cell>
          <cell r="L257">
            <v>50</v>
          </cell>
        </row>
        <row r="258">
          <cell r="B258">
            <v>255</v>
          </cell>
          <cell r="D258" t="str">
            <v>ポリエチレンスリーブ被覆工</v>
          </cell>
          <cell r="E258" t="str">
            <v>φ1000</v>
          </cell>
          <cell r="G258" t="str">
            <v>m</v>
          </cell>
          <cell r="H258">
            <v>3700</v>
          </cell>
          <cell r="J258" t="str">
            <v>施工　第0-0255号内訳表</v>
          </cell>
          <cell r="L258">
            <v>3152</v>
          </cell>
        </row>
        <row r="259">
          <cell r="B259">
            <v>256</v>
          </cell>
          <cell r="D259" t="str">
            <v>ポリエチレンスリーブ被覆工</v>
          </cell>
          <cell r="E259" t="str">
            <v>φ800</v>
          </cell>
          <cell r="G259" t="str">
            <v>m</v>
          </cell>
          <cell r="H259">
            <v>2600</v>
          </cell>
          <cell r="J259" t="str">
            <v>施工　第0-0256号内訳表</v>
          </cell>
          <cell r="L259">
            <v>2152</v>
          </cell>
        </row>
        <row r="260">
          <cell r="B260">
            <v>257</v>
          </cell>
          <cell r="D260" t="str">
            <v>ポリエチレンスリーブ被覆工</v>
          </cell>
          <cell r="E260" t="str">
            <v>φ600</v>
          </cell>
          <cell r="G260" t="str">
            <v>m</v>
          </cell>
          <cell r="H260">
            <v>1900</v>
          </cell>
          <cell r="J260" t="str">
            <v>施工　第0-0257号内訳表</v>
          </cell>
          <cell r="L260">
            <v>1562</v>
          </cell>
        </row>
        <row r="261">
          <cell r="B261">
            <v>258</v>
          </cell>
          <cell r="D261" t="str">
            <v>ポリエチレンスリーブ被覆工</v>
          </cell>
          <cell r="E261" t="str">
            <v>φ400</v>
          </cell>
          <cell r="G261" t="str">
            <v>m</v>
          </cell>
          <cell r="H261">
            <v>1300</v>
          </cell>
          <cell r="J261" t="str">
            <v>施工　第0-0258号内訳表</v>
          </cell>
          <cell r="L261">
            <v>1008</v>
          </cell>
        </row>
        <row r="262">
          <cell r="B262">
            <v>259</v>
          </cell>
          <cell r="D262" t="str">
            <v>ポリエチレンスリーブ被覆工</v>
          </cell>
          <cell r="E262" t="str">
            <v>φ200</v>
          </cell>
          <cell r="G262" t="str">
            <v>m</v>
          </cell>
          <cell r="H262">
            <v>870</v>
          </cell>
          <cell r="J262" t="str">
            <v>施工　第0-0259号内訳表</v>
          </cell>
          <cell r="L262">
            <v>728</v>
          </cell>
        </row>
        <row r="263">
          <cell r="B263">
            <v>260</v>
          </cell>
          <cell r="D263" t="str">
            <v>鋳鉄管切断工</v>
          </cell>
          <cell r="E263" t="str">
            <v>φ600</v>
          </cell>
          <cell r="G263" t="str">
            <v>口</v>
          </cell>
          <cell r="H263">
            <v>33000</v>
          </cell>
          <cell r="J263" t="str">
            <v>施工　第0-0260号内訳表</v>
          </cell>
        </row>
        <row r="264">
          <cell r="B264">
            <v>261</v>
          </cell>
          <cell r="D264" t="str">
            <v>機械掘削工</v>
          </cell>
          <cell r="E264" t="str">
            <v xml:space="preserve">クローラ型 排出ガス対策型(第1次基準値) </v>
          </cell>
          <cell r="F264" t="str">
            <v>山積0.45m3(平積0.35m3)</v>
          </cell>
          <cell r="G264" t="str">
            <v>m3</v>
          </cell>
          <cell r="H264">
            <v>1300</v>
          </cell>
          <cell r="J264" t="str">
            <v>施工　第0-0261号内訳表</v>
          </cell>
        </row>
        <row r="265">
          <cell r="B265">
            <v>262</v>
          </cell>
          <cell r="D265" t="str">
            <v>人力掘削工</v>
          </cell>
          <cell r="G265" t="str">
            <v>m3</v>
          </cell>
          <cell r="H265">
            <v>7000</v>
          </cell>
          <cell r="J265" t="str">
            <v>施工　第0-0262号内訳表</v>
          </cell>
        </row>
        <row r="266">
          <cell r="B266">
            <v>263</v>
          </cell>
          <cell r="D266" t="str">
            <v>機械埋戻し工</v>
          </cell>
          <cell r="E266" t="str">
            <v xml:space="preserve">クローラ型 排出ガス対策型(第1次基準値) </v>
          </cell>
          <cell r="F266" t="str">
            <v>山積0.45m3(平積0.35m3) 山砂</v>
          </cell>
          <cell r="G266" t="str">
            <v>m3</v>
          </cell>
          <cell r="H266">
            <v>7000</v>
          </cell>
          <cell r="J266" t="str">
            <v>施工　第0-0263号内訳表</v>
          </cell>
        </row>
        <row r="267">
          <cell r="B267">
            <v>264</v>
          </cell>
          <cell r="D267" t="str">
            <v>機械埋戻し工</v>
          </cell>
          <cell r="E267" t="str">
            <v xml:space="preserve">クローラ型 排出ガス対策型(第1次基準値) </v>
          </cell>
          <cell r="F267" t="str">
            <v>山積0.45m3(平積0.35m3) 在来土</v>
          </cell>
          <cell r="G267" t="str">
            <v>m3</v>
          </cell>
          <cell r="H267">
            <v>2200</v>
          </cell>
          <cell r="J267" t="str">
            <v>施工　第0-0264号内訳表</v>
          </cell>
        </row>
        <row r="268">
          <cell r="B268">
            <v>265</v>
          </cell>
          <cell r="D268" t="str">
            <v>軽量鋼矢板設置工</v>
          </cell>
          <cell r="E268" t="str">
            <v>矢板長3.0m以下</v>
          </cell>
          <cell r="G268" t="str">
            <v>m</v>
          </cell>
          <cell r="H268">
            <v>4800</v>
          </cell>
          <cell r="J268" t="str">
            <v>施工　第0-0265号内訳表</v>
          </cell>
        </row>
        <row r="269">
          <cell r="B269">
            <v>266</v>
          </cell>
          <cell r="D269" t="str">
            <v>軽量鋼矢板撤去工</v>
          </cell>
          <cell r="E269" t="str">
            <v>矢板長3.0m以下</v>
          </cell>
          <cell r="G269" t="str">
            <v>m</v>
          </cell>
          <cell r="H269">
            <v>2800</v>
          </cell>
          <cell r="J269" t="str">
            <v>施工　第0-0266号内訳表</v>
          </cell>
        </row>
        <row r="270">
          <cell r="B270">
            <v>267</v>
          </cell>
          <cell r="D270" t="str">
            <v>軽量鋼矢板設置工</v>
          </cell>
          <cell r="E270" t="str">
            <v>矢板長3.5m以下</v>
          </cell>
          <cell r="G270" t="str">
            <v>m</v>
          </cell>
          <cell r="H270">
            <v>5200</v>
          </cell>
          <cell r="J270" t="str">
            <v>施工　第0-0267号内訳表</v>
          </cell>
        </row>
        <row r="271">
          <cell r="B271">
            <v>268</v>
          </cell>
          <cell r="D271" t="str">
            <v>軽量鋼矢板撤去工</v>
          </cell>
          <cell r="E271" t="str">
            <v>矢板長3.5m以下</v>
          </cell>
          <cell r="G271" t="str">
            <v>m</v>
          </cell>
          <cell r="H271">
            <v>3000</v>
          </cell>
          <cell r="J271" t="str">
            <v>施工　第0-0268号内訳表</v>
          </cell>
        </row>
        <row r="272">
          <cell r="B272">
            <v>269</v>
          </cell>
          <cell r="D272" t="str">
            <v>軽量鋼矢板設置工</v>
          </cell>
          <cell r="E272" t="str">
            <v>矢板長4.0m以下</v>
          </cell>
          <cell r="G272" t="str">
            <v>m</v>
          </cell>
          <cell r="H272">
            <v>5600</v>
          </cell>
          <cell r="J272" t="str">
            <v>施工　第0-0269号内訳表</v>
          </cell>
        </row>
        <row r="273">
          <cell r="B273">
            <v>270</v>
          </cell>
          <cell r="D273" t="str">
            <v>軽量鋼矢板撤去工</v>
          </cell>
          <cell r="E273" t="str">
            <v>矢板長4.0m以下</v>
          </cell>
          <cell r="G273" t="str">
            <v>m</v>
          </cell>
          <cell r="H273">
            <v>3200</v>
          </cell>
          <cell r="J273" t="str">
            <v>施工　第0-0270号内訳表</v>
          </cell>
        </row>
        <row r="274">
          <cell r="B274">
            <v>271</v>
          </cell>
          <cell r="D274" t="str">
            <v>たて込み簡易土留建込工</v>
          </cell>
          <cell r="E274" t="str">
            <v>掘削深5.0m以下</v>
          </cell>
          <cell r="G274" t="str">
            <v>m</v>
          </cell>
          <cell r="H274">
            <v>4100</v>
          </cell>
          <cell r="J274" t="str">
            <v>施工　第0-0271号内訳表</v>
          </cell>
        </row>
        <row r="275">
          <cell r="B275">
            <v>272</v>
          </cell>
          <cell r="D275" t="str">
            <v>たて込み簡易土留引抜工</v>
          </cell>
          <cell r="E275" t="str">
            <v>掘削深5.0m以下</v>
          </cell>
          <cell r="G275" t="str">
            <v>m</v>
          </cell>
          <cell r="H275">
            <v>2600</v>
          </cell>
          <cell r="J275" t="str">
            <v>施工　第0-0272号内訳表</v>
          </cell>
        </row>
        <row r="276">
          <cell r="B276">
            <v>273</v>
          </cell>
          <cell r="D276" t="str">
            <v>支保材設置工</v>
          </cell>
          <cell r="E276" t="str">
            <v>2段</v>
          </cell>
          <cell r="F276" t="str">
            <v>3.5m以下</v>
          </cell>
          <cell r="G276" t="str">
            <v>m</v>
          </cell>
          <cell r="H276">
            <v>1800</v>
          </cell>
          <cell r="J276" t="str">
            <v>施工　第0-0273号内訳表</v>
          </cell>
        </row>
        <row r="277">
          <cell r="B277">
            <v>274</v>
          </cell>
          <cell r="D277" t="str">
            <v>支保材撤去工</v>
          </cell>
          <cell r="E277" t="str">
            <v>2段</v>
          </cell>
          <cell r="F277" t="str">
            <v>3.5m以下</v>
          </cell>
          <cell r="G277" t="str">
            <v>m</v>
          </cell>
          <cell r="H277">
            <v>1300</v>
          </cell>
          <cell r="J277" t="str">
            <v>施工　第0-0274号内訳表</v>
          </cell>
        </row>
        <row r="278">
          <cell r="B278">
            <v>275</v>
          </cell>
          <cell r="D278" t="str">
            <v>支保材設置工</v>
          </cell>
          <cell r="E278" t="str">
            <v>3段</v>
          </cell>
          <cell r="F278" t="str">
            <v>4.0m未満</v>
          </cell>
          <cell r="G278" t="str">
            <v>m</v>
          </cell>
          <cell r="H278">
            <v>3500</v>
          </cell>
          <cell r="J278" t="str">
            <v>施工　第0-0275号内訳表</v>
          </cell>
        </row>
        <row r="279">
          <cell r="B279">
            <v>276</v>
          </cell>
          <cell r="D279" t="str">
            <v>支保材撤去工</v>
          </cell>
          <cell r="E279" t="str">
            <v>3段</v>
          </cell>
          <cell r="F279" t="str">
            <v>4.0m未満</v>
          </cell>
          <cell r="G279" t="str">
            <v>m</v>
          </cell>
          <cell r="H279">
            <v>2600</v>
          </cell>
          <cell r="J279" t="str">
            <v>施工　第0-0276号内訳表</v>
          </cell>
          <cell r="L279">
            <v>0</v>
          </cell>
        </row>
        <row r="280">
          <cell r="B280">
            <v>277</v>
          </cell>
          <cell r="D280" t="str">
            <v>たて込み簡易土留建込工</v>
          </cell>
          <cell r="E280" t="str">
            <v>掘削深5.5m以下</v>
          </cell>
          <cell r="G280" t="str">
            <v>m</v>
          </cell>
          <cell r="H280">
            <v>5300</v>
          </cell>
          <cell r="J280" t="str">
            <v>施工　第0-0277号内訳表</v>
          </cell>
        </row>
        <row r="281">
          <cell r="B281">
            <v>278</v>
          </cell>
          <cell r="D281" t="str">
            <v>たて込み簡易土留引抜工</v>
          </cell>
          <cell r="E281" t="str">
            <v>掘削深5.5m以下</v>
          </cell>
          <cell r="G281" t="str">
            <v>m</v>
          </cell>
          <cell r="H281">
            <v>3100</v>
          </cell>
          <cell r="J281" t="str">
            <v>施工　第0-0278号内訳表</v>
          </cell>
        </row>
        <row r="282">
          <cell r="B282">
            <v>279</v>
          </cell>
          <cell r="D282" t="str">
            <v>通水試験工</v>
          </cell>
          <cell r="G282" t="str">
            <v>日</v>
          </cell>
          <cell r="H282">
            <v>121000</v>
          </cell>
          <cell r="J282" t="str">
            <v>施工　第0-0279号内訳表</v>
          </cell>
        </row>
        <row r="283">
          <cell r="B283">
            <v>280</v>
          </cell>
          <cell r="D283" t="str">
            <v>鋼管撤去工</v>
          </cell>
          <cell r="E283" t="str">
            <v>1000A</v>
          </cell>
          <cell r="G283" t="str">
            <v>m</v>
          </cell>
          <cell r="H283">
            <v>2100</v>
          </cell>
          <cell r="J283" t="str">
            <v>施工　第0-0280号内訳表</v>
          </cell>
        </row>
        <row r="284">
          <cell r="B284">
            <v>281</v>
          </cell>
          <cell r="D284" t="str">
            <v>既設管切断工</v>
          </cell>
          <cell r="E284" t="str">
            <v>鋼管　1000A</v>
          </cell>
          <cell r="G284" t="str">
            <v>口</v>
          </cell>
          <cell r="H284">
            <v>12600</v>
          </cell>
          <cell r="J284" t="str">
            <v>施工　第0-0281号内訳表</v>
          </cell>
        </row>
        <row r="285">
          <cell r="B285">
            <v>282</v>
          </cell>
          <cell r="H285">
            <v>0</v>
          </cell>
          <cell r="J285" t="str">
            <v>施工　第0-0282号内訳表</v>
          </cell>
        </row>
        <row r="286">
          <cell r="B286">
            <v>283</v>
          </cell>
          <cell r="H286">
            <v>0</v>
          </cell>
          <cell r="J286" t="str">
            <v>施工　第0-0283号内訳表</v>
          </cell>
        </row>
        <row r="287">
          <cell r="B287">
            <v>284</v>
          </cell>
          <cell r="H287">
            <v>0</v>
          </cell>
          <cell r="J287" t="str">
            <v>施工　第0-0284号内訳表</v>
          </cell>
        </row>
        <row r="288">
          <cell r="B288">
            <v>285</v>
          </cell>
          <cell r="H288">
            <v>0</v>
          </cell>
          <cell r="J288" t="str">
            <v>施工　第0-0285号内訳表</v>
          </cell>
        </row>
        <row r="289">
          <cell r="B289">
            <v>286</v>
          </cell>
          <cell r="H289">
            <v>0</v>
          </cell>
          <cell r="J289" t="str">
            <v>施工　第0-0286号内訳表</v>
          </cell>
        </row>
        <row r="290">
          <cell r="B290">
            <v>287</v>
          </cell>
          <cell r="H290">
            <v>0</v>
          </cell>
          <cell r="J290" t="str">
            <v>施工　第0-0287号内訳表</v>
          </cell>
        </row>
        <row r="291">
          <cell r="B291">
            <v>288</v>
          </cell>
          <cell r="H291">
            <v>0</v>
          </cell>
          <cell r="J291" t="str">
            <v>施工　第0-0288号内訳表</v>
          </cell>
        </row>
        <row r="292">
          <cell r="B292">
            <v>289</v>
          </cell>
          <cell r="H292">
            <v>0</v>
          </cell>
          <cell r="J292" t="str">
            <v>施工　第0-0289号内訳表</v>
          </cell>
        </row>
        <row r="293">
          <cell r="B293">
            <v>290</v>
          </cell>
          <cell r="H293">
            <v>0</v>
          </cell>
          <cell r="J293" t="str">
            <v>施工　第0-0290号内訳表</v>
          </cell>
        </row>
        <row r="294">
          <cell r="B294">
            <v>291</v>
          </cell>
          <cell r="H294">
            <v>0</v>
          </cell>
          <cell r="J294" t="str">
            <v>施工　第0-0291号内訳表</v>
          </cell>
        </row>
        <row r="295">
          <cell r="B295">
            <v>292</v>
          </cell>
          <cell r="H295">
            <v>0</v>
          </cell>
          <cell r="J295" t="str">
            <v>施工　第0-0292号内訳表</v>
          </cell>
        </row>
        <row r="296">
          <cell r="B296">
            <v>293</v>
          </cell>
          <cell r="H296">
            <v>0</v>
          </cell>
          <cell r="J296" t="str">
            <v>施工　第0-0293号内訳表</v>
          </cell>
        </row>
        <row r="297">
          <cell r="B297">
            <v>294</v>
          </cell>
          <cell r="H297">
            <v>0</v>
          </cell>
          <cell r="J297" t="str">
            <v>施工　第0-0294号内訳表</v>
          </cell>
        </row>
        <row r="298">
          <cell r="B298">
            <v>295</v>
          </cell>
          <cell r="H298">
            <v>0</v>
          </cell>
          <cell r="J298" t="str">
            <v>施工　第0-0295号内訳表</v>
          </cell>
        </row>
        <row r="299">
          <cell r="B299">
            <v>296</v>
          </cell>
          <cell r="H299">
            <v>0</v>
          </cell>
          <cell r="J299" t="str">
            <v>施工　第0-0296号内訳表</v>
          </cell>
        </row>
        <row r="300">
          <cell r="B300">
            <v>297</v>
          </cell>
          <cell r="H300">
            <v>0</v>
          </cell>
          <cell r="J300" t="str">
            <v>施工　第0-0297号内訳表</v>
          </cell>
        </row>
        <row r="301">
          <cell r="B301">
            <v>298</v>
          </cell>
          <cell r="H301">
            <v>0</v>
          </cell>
          <cell r="J301" t="str">
            <v>施工　第0-0298号内訳表</v>
          </cell>
        </row>
        <row r="302">
          <cell r="B302">
            <v>299</v>
          </cell>
          <cell r="H302">
            <v>0</v>
          </cell>
          <cell r="J302" t="str">
            <v>施工　第0-0299号内訳表</v>
          </cell>
        </row>
        <row r="303">
          <cell r="B303">
            <v>300</v>
          </cell>
          <cell r="H303">
            <v>0</v>
          </cell>
          <cell r="J303" t="str">
            <v>施工　第0-0300号内訳表</v>
          </cell>
        </row>
        <row r="304">
          <cell r="B304">
            <v>301</v>
          </cell>
          <cell r="D304" t="str">
            <v>鋼矢板賃料</v>
          </cell>
          <cell r="E304" t="str">
            <v>Ⅳ型　L=10m</v>
          </cell>
          <cell r="F304" t="str">
            <v>300日  76.1kg/m</v>
          </cell>
          <cell r="G304" t="str">
            <v>t・日</v>
          </cell>
          <cell r="H304">
            <v>80</v>
          </cell>
          <cell r="J304" t="str">
            <v>物価資料8月</v>
          </cell>
        </row>
        <row r="305">
          <cell r="B305">
            <v>302</v>
          </cell>
          <cell r="D305" t="str">
            <v>鋼矢板整備費</v>
          </cell>
          <cell r="E305" t="str">
            <v>Ⅳ型　L=10m</v>
          </cell>
          <cell r="F305" t="str">
            <v>76.1kg/m</v>
          </cell>
          <cell r="G305" t="str">
            <v>t</v>
          </cell>
          <cell r="H305">
            <v>3000</v>
          </cell>
          <cell r="J305" t="str">
            <v>物価資料8月</v>
          </cell>
        </row>
        <row r="306">
          <cell r="B306">
            <v>303</v>
          </cell>
          <cell r="D306" t="str">
            <v>鋼矢板運搬費</v>
          </cell>
          <cell r="E306" t="str">
            <v>L=12m以内</v>
          </cell>
          <cell r="F306" t="str">
            <v>20kmまで</v>
          </cell>
          <cell r="G306" t="str">
            <v>式</v>
          </cell>
          <cell r="H306">
            <v>1036000</v>
          </cell>
          <cell r="J306" t="str">
            <v>別紙計算書</v>
          </cell>
        </row>
        <row r="307">
          <cell r="B307">
            <v>304</v>
          </cell>
          <cell r="D307" t="str">
            <v>残土処分費</v>
          </cell>
          <cell r="G307" t="str">
            <v>m3</v>
          </cell>
          <cell r="H307">
            <v>1600</v>
          </cell>
          <cell r="J307" t="str">
            <v>柿町建設発生土処理場</v>
          </cell>
        </row>
        <row r="308">
          <cell r="B308">
            <v>305</v>
          </cell>
          <cell r="D308" t="str">
            <v>塩化ビニル管</v>
          </cell>
          <cell r="E308" t="str">
            <v>φ75(VU)</v>
          </cell>
          <cell r="F308" t="str">
            <v>L=4.0m</v>
          </cell>
          <cell r="G308" t="str">
            <v>本</v>
          </cell>
          <cell r="H308">
            <v>1200</v>
          </cell>
          <cell r="J308" t="str">
            <v>物価資料8月</v>
          </cell>
          <cell r="L308">
            <v>1200</v>
          </cell>
        </row>
        <row r="309">
          <cell r="B309">
            <v>306</v>
          </cell>
          <cell r="D309" t="str">
            <v>塩ビ用ソケット</v>
          </cell>
          <cell r="E309" t="str">
            <v>φ75(DV)</v>
          </cell>
          <cell r="G309" t="str">
            <v>個</v>
          </cell>
          <cell r="H309">
            <v>90</v>
          </cell>
          <cell r="J309" t="str">
            <v>物価資料8月</v>
          </cell>
          <cell r="L309">
            <v>90</v>
          </cell>
        </row>
        <row r="310">
          <cell r="B310">
            <v>307</v>
          </cell>
          <cell r="D310" t="str">
            <v>塩ビ用エルボ</v>
          </cell>
          <cell r="E310" t="str">
            <v>φ75(DV)</v>
          </cell>
          <cell r="G310" t="str">
            <v>個</v>
          </cell>
          <cell r="H310">
            <v>150</v>
          </cell>
          <cell r="J310" t="str">
            <v>物価資料8月</v>
          </cell>
          <cell r="L310">
            <v>150</v>
          </cell>
        </row>
        <row r="311">
          <cell r="B311">
            <v>308</v>
          </cell>
          <cell r="D311" t="str">
            <v>塩ビ用チーズ</v>
          </cell>
          <cell r="E311" t="str">
            <v>φ75(DV)</v>
          </cell>
          <cell r="G311" t="str">
            <v>個</v>
          </cell>
          <cell r="H311">
            <v>280</v>
          </cell>
          <cell r="J311" t="str">
            <v>物価資料8月</v>
          </cell>
          <cell r="L311">
            <v>280</v>
          </cell>
        </row>
        <row r="312">
          <cell r="B312">
            <v>309</v>
          </cell>
          <cell r="D312" t="str">
            <v>塩化ビニル管</v>
          </cell>
          <cell r="E312" t="str">
            <v>φ100(VU)</v>
          </cell>
          <cell r="F312" t="str">
            <v>L=4.0m</v>
          </cell>
          <cell r="G312" t="str">
            <v>本</v>
          </cell>
          <cell r="H312">
            <v>1300</v>
          </cell>
          <cell r="J312" t="str">
            <v>物価資料8月</v>
          </cell>
          <cell r="L312">
            <v>1300</v>
          </cell>
        </row>
        <row r="313">
          <cell r="B313">
            <v>310</v>
          </cell>
          <cell r="D313" t="str">
            <v>塩ビ用エルボ</v>
          </cell>
          <cell r="E313" t="str">
            <v>φ100(DV)</v>
          </cell>
          <cell r="G313" t="str">
            <v>個</v>
          </cell>
          <cell r="H313">
            <v>300</v>
          </cell>
          <cell r="J313" t="str">
            <v>物価資料8月</v>
          </cell>
          <cell r="L313">
            <v>300</v>
          </cell>
        </row>
        <row r="314">
          <cell r="B314">
            <v>311</v>
          </cell>
          <cell r="D314" t="str">
            <v>塩ビ用ソケット</v>
          </cell>
          <cell r="E314" t="str">
            <v>φ100(DV)</v>
          </cell>
          <cell r="G314" t="str">
            <v>個</v>
          </cell>
          <cell r="H314">
            <v>180</v>
          </cell>
          <cell r="J314" t="str">
            <v>物価資料8月</v>
          </cell>
          <cell r="L314">
            <v>180</v>
          </cell>
        </row>
        <row r="315">
          <cell r="B315">
            <v>312</v>
          </cell>
          <cell r="D315" t="str">
            <v>再生砕石</v>
          </cell>
          <cell r="E315" t="str">
            <v>RC-40</v>
          </cell>
          <cell r="G315" t="str">
            <v>m3</v>
          </cell>
          <cell r="H315">
            <v>2500</v>
          </cell>
          <cell r="J315" t="str">
            <v>新潟県単価</v>
          </cell>
        </row>
        <row r="316">
          <cell r="B316">
            <v>313</v>
          </cell>
          <cell r="D316" t="str">
            <v>ヒューム管(B型)</v>
          </cell>
          <cell r="E316" t="str">
            <v>外圧管1種</v>
          </cell>
          <cell r="F316" t="str">
            <v>φ350 L=2.0m</v>
          </cell>
          <cell r="G316" t="str">
            <v>本</v>
          </cell>
          <cell r="H316">
            <v>4500</v>
          </cell>
          <cell r="J316" t="str">
            <v>物価資料8月</v>
          </cell>
          <cell r="L316">
            <v>4500</v>
          </cell>
        </row>
        <row r="317">
          <cell r="B317">
            <v>314</v>
          </cell>
          <cell r="D317" t="str">
            <v>ダクタイル鋳鉄管　直管</v>
          </cell>
          <cell r="E317" t="str">
            <v>NS形 φ800</v>
          </cell>
          <cell r="F317" t="str">
            <v>S種管　内面紛体塗装</v>
          </cell>
          <cell r="G317" t="str">
            <v>本</v>
          </cell>
          <cell r="H317">
            <v>729000</v>
          </cell>
          <cell r="J317" t="str">
            <v>ｶﾀﾛｸﾞ</v>
          </cell>
          <cell r="L317">
            <v>729000</v>
          </cell>
        </row>
        <row r="318">
          <cell r="B318">
            <v>315</v>
          </cell>
          <cell r="D318" t="str">
            <v>ダクタイル鋳鉄異形管 45°曲管</v>
          </cell>
          <cell r="E318" t="str">
            <v>NS形 φ800</v>
          </cell>
          <cell r="G318" t="str">
            <v>個</v>
          </cell>
          <cell r="H318">
            <v>635000</v>
          </cell>
          <cell r="J318" t="str">
            <v>ｶﾀﾛｸﾞ</v>
          </cell>
          <cell r="L318">
            <v>635000</v>
          </cell>
        </row>
        <row r="319">
          <cell r="B319">
            <v>316</v>
          </cell>
          <cell r="D319" t="str">
            <v>ダクタイル鋳鉄異形管 継輪</v>
          </cell>
          <cell r="E319" t="str">
            <v>NS形 φ800</v>
          </cell>
          <cell r="G319" t="str">
            <v>個</v>
          </cell>
          <cell r="H319">
            <v>653000</v>
          </cell>
          <cell r="J319" t="str">
            <v>ｶﾀﾛｸﾞ</v>
          </cell>
          <cell r="L319">
            <v>653000</v>
          </cell>
        </row>
        <row r="320">
          <cell r="B320">
            <v>317</v>
          </cell>
          <cell r="D320" t="str">
            <v>ダクタイル鋳鉄異形管 短管1号</v>
          </cell>
          <cell r="E320" t="str">
            <v>NS形 φ800</v>
          </cell>
          <cell r="F320" t="str">
            <v>7.5K</v>
          </cell>
          <cell r="G320" t="str">
            <v>個</v>
          </cell>
          <cell r="H320">
            <v>430000</v>
          </cell>
          <cell r="J320" t="str">
            <v>ｶﾀﾛｸﾞ</v>
          </cell>
          <cell r="L320">
            <v>430000</v>
          </cell>
        </row>
        <row r="321">
          <cell r="B321">
            <v>318</v>
          </cell>
          <cell r="D321" t="str">
            <v>ダクタイル鋳鉄異形管 ライナ</v>
          </cell>
          <cell r="E321" t="str">
            <v>NS形 φ800</v>
          </cell>
          <cell r="F321" t="str">
            <v>リベットタイプ</v>
          </cell>
          <cell r="G321" t="str">
            <v>個</v>
          </cell>
          <cell r="H321">
            <v>72000</v>
          </cell>
          <cell r="J321" t="str">
            <v>ｶﾀﾛｸﾞ</v>
          </cell>
          <cell r="L321">
            <v>72000</v>
          </cell>
        </row>
        <row r="322">
          <cell r="B322">
            <v>319</v>
          </cell>
          <cell r="D322" t="str">
            <v>ダクタイル鋳鉄異形管 挿口リング</v>
          </cell>
          <cell r="E322" t="str">
            <v>NS形 φ800</v>
          </cell>
          <cell r="F322" t="str">
            <v>リベットタイプ</v>
          </cell>
          <cell r="G322" t="str">
            <v>組</v>
          </cell>
          <cell r="H322">
            <v>44000</v>
          </cell>
          <cell r="J322" t="str">
            <v>ｶﾀﾛｸﾞ</v>
          </cell>
          <cell r="L322">
            <v>44000</v>
          </cell>
        </row>
        <row r="323">
          <cell r="B323">
            <v>320</v>
          </cell>
          <cell r="D323" t="str">
            <v>フランジ継手材</v>
          </cell>
          <cell r="E323" t="str">
            <v>GF φ800 7.5K</v>
          </cell>
          <cell r="F323" t="str">
            <v>SUS304</v>
          </cell>
          <cell r="G323" t="str">
            <v>組</v>
          </cell>
          <cell r="H323">
            <v>105000</v>
          </cell>
          <cell r="J323" t="str">
            <v>ｶﾀﾛｸﾞ</v>
          </cell>
          <cell r="L323">
            <v>105000</v>
          </cell>
        </row>
        <row r="324">
          <cell r="B324">
            <v>321</v>
          </cell>
          <cell r="D324" t="str">
            <v>ダクタイル鋳鉄製伸縮可撓管</v>
          </cell>
          <cell r="E324" t="str">
            <v>NS形 φ800</v>
          </cell>
          <cell r="F324" t="str">
            <v>F-U δ＝200mm</v>
          </cell>
          <cell r="G324" t="str">
            <v>基</v>
          </cell>
          <cell r="H324">
            <v>6248000</v>
          </cell>
          <cell r="J324" t="str">
            <v>ｶﾀﾛｸﾞ</v>
          </cell>
          <cell r="L324">
            <v>6248000</v>
          </cell>
        </row>
        <row r="325">
          <cell r="B325">
            <v>322</v>
          </cell>
          <cell r="D325" t="str">
            <v>バタフライ弁</v>
          </cell>
          <cell r="E325" t="str">
            <v>φ800</v>
          </cell>
          <cell r="G325" t="str">
            <v>基</v>
          </cell>
          <cell r="H325">
            <v>5896000</v>
          </cell>
          <cell r="J325" t="str">
            <v>ｶﾀﾛｸﾞ</v>
          </cell>
          <cell r="L325">
            <v>5896000</v>
          </cell>
        </row>
        <row r="326">
          <cell r="B326">
            <v>323</v>
          </cell>
          <cell r="D326" t="str">
            <v>ダクタイル鋳鉄管　直管</v>
          </cell>
          <cell r="E326" t="str">
            <v>NS形 φ600</v>
          </cell>
          <cell r="F326" t="str">
            <v>S種管　内面紛体塗装</v>
          </cell>
          <cell r="G326" t="str">
            <v>本</v>
          </cell>
          <cell r="H326">
            <v>460000</v>
          </cell>
          <cell r="J326" t="str">
            <v>ｶﾀﾛｸﾞ</v>
          </cell>
          <cell r="L326">
            <v>460000</v>
          </cell>
        </row>
        <row r="327">
          <cell r="B327">
            <v>324</v>
          </cell>
          <cell r="D327" t="str">
            <v>ダクタイル鋳鉄異形管 45°曲管</v>
          </cell>
          <cell r="E327" t="str">
            <v>NS形 φ600</v>
          </cell>
          <cell r="G327" t="str">
            <v>個</v>
          </cell>
          <cell r="H327">
            <v>336000</v>
          </cell>
          <cell r="J327" t="str">
            <v>ｶﾀﾛｸﾞ</v>
          </cell>
          <cell r="L327">
            <v>336000</v>
          </cell>
        </row>
        <row r="328">
          <cell r="B328">
            <v>325</v>
          </cell>
          <cell r="D328" t="str">
            <v>ダクタイル鋳鉄異形管 5°5/8曲管</v>
          </cell>
          <cell r="E328" t="str">
            <v>NS形 φ600</v>
          </cell>
          <cell r="G328" t="str">
            <v>個</v>
          </cell>
          <cell r="H328">
            <v>327000</v>
          </cell>
          <cell r="J328" t="str">
            <v>ｶﾀﾛｸﾞ</v>
          </cell>
          <cell r="L328">
            <v>327000</v>
          </cell>
        </row>
        <row r="329">
          <cell r="B329">
            <v>326</v>
          </cell>
          <cell r="D329" t="str">
            <v>ダクタイル鋳鉄異形管 二受T字管</v>
          </cell>
          <cell r="E329" t="str">
            <v>NS形 φ600×φ600</v>
          </cell>
          <cell r="G329" t="str">
            <v>個</v>
          </cell>
          <cell r="H329">
            <v>649000</v>
          </cell>
          <cell r="J329" t="str">
            <v>ｶﾀﾛｸﾞ</v>
          </cell>
          <cell r="L329">
            <v>649000</v>
          </cell>
        </row>
        <row r="330">
          <cell r="B330">
            <v>327</v>
          </cell>
          <cell r="D330" t="str">
            <v>ダクタイル鋳鉄異形管 継輪</v>
          </cell>
          <cell r="E330" t="str">
            <v>NS形 φ600</v>
          </cell>
          <cell r="G330" t="str">
            <v>個</v>
          </cell>
          <cell r="H330">
            <v>348000</v>
          </cell>
          <cell r="J330" t="str">
            <v>ｶﾀﾛｸﾞ</v>
          </cell>
          <cell r="L330">
            <v>348000</v>
          </cell>
        </row>
        <row r="331">
          <cell r="B331">
            <v>328</v>
          </cell>
          <cell r="D331" t="str">
            <v>ダクタイル鋳鉄異形管 短管1号</v>
          </cell>
          <cell r="E331" t="str">
            <v>NS形 φ600</v>
          </cell>
          <cell r="F331" t="str">
            <v>7.5K</v>
          </cell>
          <cell r="G331" t="str">
            <v>個</v>
          </cell>
          <cell r="H331">
            <v>245000</v>
          </cell>
          <cell r="J331" t="str">
            <v>ｶﾀﾛｸﾞ</v>
          </cell>
          <cell r="L331">
            <v>245000</v>
          </cell>
        </row>
        <row r="332">
          <cell r="B332">
            <v>329</v>
          </cell>
          <cell r="D332" t="str">
            <v>ダクタイル鋳鉄異形管 ライナ</v>
          </cell>
          <cell r="E332" t="str">
            <v>NS形 φ600</v>
          </cell>
          <cell r="F332" t="str">
            <v>リベットタイプ</v>
          </cell>
          <cell r="G332" t="str">
            <v>個</v>
          </cell>
          <cell r="H332">
            <v>53000</v>
          </cell>
          <cell r="J332" t="str">
            <v>ｶﾀﾛｸﾞ</v>
          </cell>
          <cell r="L332">
            <v>53000</v>
          </cell>
        </row>
        <row r="333">
          <cell r="B333">
            <v>330</v>
          </cell>
          <cell r="D333" t="str">
            <v>ダクタイル鋳鉄異形管 挿口リング</v>
          </cell>
          <cell r="E333" t="str">
            <v>NS形 φ600</v>
          </cell>
          <cell r="F333" t="str">
            <v>リベットタイプ</v>
          </cell>
          <cell r="G333" t="str">
            <v>組</v>
          </cell>
          <cell r="H333">
            <v>34000</v>
          </cell>
          <cell r="J333" t="str">
            <v>ｶﾀﾛｸﾞ</v>
          </cell>
          <cell r="L333">
            <v>34000</v>
          </cell>
        </row>
        <row r="334">
          <cell r="B334">
            <v>331</v>
          </cell>
          <cell r="D334" t="str">
            <v>フランジ継手材</v>
          </cell>
          <cell r="E334" t="str">
            <v>GF φ600 7.5K</v>
          </cell>
          <cell r="F334" t="str">
            <v>SUS304</v>
          </cell>
          <cell r="G334" t="str">
            <v>組</v>
          </cell>
          <cell r="H334">
            <v>54000</v>
          </cell>
          <cell r="J334" t="str">
            <v>ｶﾀﾛｸﾞ</v>
          </cell>
          <cell r="L334">
            <v>54000</v>
          </cell>
        </row>
        <row r="335">
          <cell r="B335">
            <v>332</v>
          </cell>
          <cell r="D335" t="str">
            <v>ダクタイル鋳鉄製伸縮可撓管</v>
          </cell>
          <cell r="E335" t="str">
            <v>NS形 φ600</v>
          </cell>
          <cell r="F335" t="str">
            <v>F-U δ＝200mm</v>
          </cell>
          <cell r="G335" t="str">
            <v>基</v>
          </cell>
          <cell r="H335">
            <v>3223000</v>
          </cell>
          <cell r="J335" t="str">
            <v>ｶﾀﾛｸﾞ</v>
          </cell>
          <cell r="L335">
            <v>3223000</v>
          </cell>
        </row>
        <row r="336">
          <cell r="B336">
            <v>333</v>
          </cell>
          <cell r="D336" t="str">
            <v>ダクタイル鋳鉄管　直管</v>
          </cell>
          <cell r="E336" t="str">
            <v>NS形 φ1000</v>
          </cell>
          <cell r="F336" t="str">
            <v>S種管　内面紛体塗装</v>
          </cell>
          <cell r="G336" t="str">
            <v>本</v>
          </cell>
          <cell r="H336">
            <v>1009000</v>
          </cell>
          <cell r="J336" t="str">
            <v>ｶﾀﾛｸﾞ</v>
          </cell>
          <cell r="L336">
            <v>1009000</v>
          </cell>
        </row>
        <row r="337">
          <cell r="B337">
            <v>334</v>
          </cell>
          <cell r="D337" t="str">
            <v>ダクタイル鋳鉄異形管 45°曲管</v>
          </cell>
          <cell r="E337" t="str">
            <v>NS形 φ1000</v>
          </cell>
          <cell r="G337" t="str">
            <v>個</v>
          </cell>
          <cell r="H337">
            <v>1059000</v>
          </cell>
          <cell r="J337" t="str">
            <v>ｶﾀﾛｸﾞ</v>
          </cell>
          <cell r="L337">
            <v>1059000</v>
          </cell>
        </row>
        <row r="338">
          <cell r="B338">
            <v>335</v>
          </cell>
          <cell r="D338" t="str">
            <v>ダクタイル鋳鉄異形管 22°1/2曲管</v>
          </cell>
          <cell r="E338" t="str">
            <v>NS形 φ1000</v>
          </cell>
          <cell r="G338" t="str">
            <v>個</v>
          </cell>
          <cell r="H338">
            <v>1021000</v>
          </cell>
          <cell r="J338" t="str">
            <v>ｶﾀﾛｸﾞ</v>
          </cell>
          <cell r="L338">
            <v>1021000</v>
          </cell>
        </row>
        <row r="339">
          <cell r="B339">
            <v>336</v>
          </cell>
          <cell r="D339" t="str">
            <v>ダクタイル鋳鉄異形管 継輪</v>
          </cell>
          <cell r="E339" t="str">
            <v>NS形 φ1000</v>
          </cell>
          <cell r="G339" t="str">
            <v>個</v>
          </cell>
          <cell r="H339">
            <v>939000</v>
          </cell>
          <cell r="J339" t="str">
            <v>ｶﾀﾛｸﾞ</v>
          </cell>
          <cell r="L339">
            <v>939000</v>
          </cell>
        </row>
        <row r="340">
          <cell r="B340">
            <v>337</v>
          </cell>
          <cell r="D340" t="str">
            <v>ダクタイル鋳鉄異形管 短管1号</v>
          </cell>
          <cell r="E340" t="str">
            <v>NS形 φ1000</v>
          </cell>
          <cell r="F340" t="str">
            <v>7.5K</v>
          </cell>
          <cell r="G340" t="str">
            <v>個</v>
          </cell>
          <cell r="H340">
            <v>632000</v>
          </cell>
          <cell r="J340" t="str">
            <v>ｶﾀﾛｸﾞ</v>
          </cell>
          <cell r="L340">
            <v>632000</v>
          </cell>
        </row>
        <row r="341">
          <cell r="B341">
            <v>338</v>
          </cell>
          <cell r="D341" t="str">
            <v>ダクタイル鋳鉄異形管 短管2号</v>
          </cell>
          <cell r="E341" t="str">
            <v>NS形 φ1000</v>
          </cell>
          <cell r="F341" t="str">
            <v>7.5K</v>
          </cell>
          <cell r="G341" t="str">
            <v>個</v>
          </cell>
          <cell r="H341">
            <v>486000</v>
          </cell>
          <cell r="J341" t="str">
            <v>ｶﾀﾛｸﾞ</v>
          </cell>
          <cell r="L341">
            <v>486000</v>
          </cell>
        </row>
        <row r="342">
          <cell r="B342">
            <v>339</v>
          </cell>
          <cell r="D342" t="str">
            <v>ダクタイル鋳鉄異形管 ライナ</v>
          </cell>
          <cell r="E342" t="str">
            <v>NS形 φ1000</v>
          </cell>
          <cell r="F342" t="str">
            <v>リベットタイプ</v>
          </cell>
          <cell r="G342" t="str">
            <v>個</v>
          </cell>
          <cell r="H342">
            <v>91000</v>
          </cell>
          <cell r="J342" t="str">
            <v>ｶﾀﾛｸﾞ</v>
          </cell>
          <cell r="L342">
            <v>91000</v>
          </cell>
        </row>
        <row r="343">
          <cell r="B343">
            <v>340</v>
          </cell>
          <cell r="D343" t="str">
            <v>ダクタイル鋳鉄異形管 挿口リング</v>
          </cell>
          <cell r="E343" t="str">
            <v>NS形 φ1000</v>
          </cell>
          <cell r="F343" t="str">
            <v>リベットタイプ</v>
          </cell>
          <cell r="G343" t="str">
            <v>組</v>
          </cell>
          <cell r="H343">
            <v>54000</v>
          </cell>
          <cell r="J343" t="str">
            <v>ｶﾀﾛｸﾞ</v>
          </cell>
          <cell r="L343">
            <v>54000</v>
          </cell>
        </row>
        <row r="344">
          <cell r="B344">
            <v>341</v>
          </cell>
          <cell r="D344" t="str">
            <v>フランジ継手材</v>
          </cell>
          <cell r="E344" t="str">
            <v>GF φ1000 7.5K</v>
          </cell>
          <cell r="F344" t="str">
            <v>SUS304</v>
          </cell>
          <cell r="G344" t="str">
            <v>組</v>
          </cell>
          <cell r="H344">
            <v>130000</v>
          </cell>
          <cell r="J344" t="str">
            <v>ｶﾀﾛｸﾞ</v>
          </cell>
          <cell r="L344">
            <v>130000</v>
          </cell>
        </row>
        <row r="345">
          <cell r="B345">
            <v>342</v>
          </cell>
          <cell r="D345" t="str">
            <v>ダクタイル鋳鉄製伸縮可撓管</v>
          </cell>
          <cell r="E345" t="str">
            <v>NS形 φ1000</v>
          </cell>
          <cell r="F345" t="str">
            <v>F-S δ＝200mm</v>
          </cell>
          <cell r="G345" t="str">
            <v>基</v>
          </cell>
          <cell r="H345">
            <v>11032000</v>
          </cell>
          <cell r="J345" t="str">
            <v>ｶﾀﾛｸﾞ</v>
          </cell>
          <cell r="L345">
            <v>11032000</v>
          </cell>
        </row>
        <row r="346">
          <cell r="B346">
            <v>343</v>
          </cell>
          <cell r="D346" t="str">
            <v>ダクタイル鋳鉄製伸縮可撓管</v>
          </cell>
          <cell r="E346" t="str">
            <v>NS形 φ1000</v>
          </cell>
          <cell r="F346" t="str">
            <v>F-U δ＝200mm</v>
          </cell>
          <cell r="G346" t="str">
            <v>基</v>
          </cell>
          <cell r="H346">
            <v>11911000</v>
          </cell>
          <cell r="J346" t="str">
            <v>ｶﾀﾛｸﾞ</v>
          </cell>
          <cell r="L346">
            <v>11911000</v>
          </cell>
        </row>
        <row r="347">
          <cell r="B347">
            <v>344</v>
          </cell>
          <cell r="D347" t="str">
            <v>バタフライ弁</v>
          </cell>
          <cell r="E347" t="str">
            <v>φ1000</v>
          </cell>
          <cell r="G347" t="str">
            <v>基</v>
          </cell>
          <cell r="H347">
            <v>8758000</v>
          </cell>
          <cell r="J347" t="str">
            <v>ｶﾀﾛｸﾞ</v>
          </cell>
          <cell r="L347">
            <v>8758000</v>
          </cell>
        </row>
        <row r="348">
          <cell r="B348">
            <v>345</v>
          </cell>
          <cell r="D348" t="str">
            <v>ダクタイル鋳鉄管　直管</v>
          </cell>
          <cell r="E348" t="str">
            <v>NS形 φ400</v>
          </cell>
          <cell r="F348" t="str">
            <v>1種管　内面紛体塗装</v>
          </cell>
          <cell r="G348" t="str">
            <v>本</v>
          </cell>
          <cell r="H348">
            <v>236000</v>
          </cell>
          <cell r="J348" t="str">
            <v>物価資料8月</v>
          </cell>
          <cell r="L348">
            <v>236000</v>
          </cell>
        </row>
        <row r="349">
          <cell r="B349">
            <v>346</v>
          </cell>
          <cell r="D349" t="str">
            <v>ダクタイル鋳鉄管　直管</v>
          </cell>
          <cell r="E349" t="str">
            <v>NS形 φ400</v>
          </cell>
          <cell r="F349" t="str">
            <v>3種管　内面紛体塗装</v>
          </cell>
          <cell r="G349" t="str">
            <v>本</v>
          </cell>
          <cell r="H349">
            <v>209000</v>
          </cell>
          <cell r="J349" t="str">
            <v>物価資料8月</v>
          </cell>
          <cell r="L349">
            <v>209000</v>
          </cell>
        </row>
        <row r="350">
          <cell r="B350">
            <v>347</v>
          </cell>
          <cell r="D350" t="str">
            <v>ダクタイル鋳鉄異形管 45°曲管</v>
          </cell>
          <cell r="E350" t="str">
            <v>NS形 φ400</v>
          </cell>
          <cell r="G350" t="str">
            <v>個</v>
          </cell>
          <cell r="H350">
            <v>126000</v>
          </cell>
          <cell r="J350" t="str">
            <v>物価資料8月</v>
          </cell>
          <cell r="L350">
            <v>126000</v>
          </cell>
        </row>
        <row r="351">
          <cell r="B351">
            <v>348</v>
          </cell>
          <cell r="D351" t="str">
            <v>ダクタイル鋳鉄異形管 二受T字管</v>
          </cell>
          <cell r="E351" t="str">
            <v>NS形 φ400×φ300</v>
          </cell>
          <cell r="G351" t="str">
            <v>個</v>
          </cell>
          <cell r="H351">
            <v>189000</v>
          </cell>
          <cell r="J351" t="str">
            <v>物価資料8月</v>
          </cell>
          <cell r="L351">
            <v>189000</v>
          </cell>
        </row>
        <row r="352">
          <cell r="B352">
            <v>349</v>
          </cell>
          <cell r="D352" t="str">
            <v>ダクタイル鋳鉄異形管 継輪</v>
          </cell>
          <cell r="E352" t="str">
            <v>NS形 φ400</v>
          </cell>
          <cell r="G352" t="str">
            <v>個</v>
          </cell>
          <cell r="H352">
            <v>171000</v>
          </cell>
          <cell r="J352" t="str">
            <v>物価資料8月</v>
          </cell>
          <cell r="L352">
            <v>171000</v>
          </cell>
        </row>
        <row r="353">
          <cell r="B353">
            <v>350</v>
          </cell>
          <cell r="D353" t="str">
            <v>ダクタイル鋳鉄異形管 短管1号</v>
          </cell>
          <cell r="E353" t="str">
            <v>NS形 φ400</v>
          </cell>
          <cell r="G353" t="str">
            <v>個</v>
          </cell>
          <cell r="H353">
            <v>102000</v>
          </cell>
          <cell r="J353" t="str">
            <v>物価資料8月</v>
          </cell>
          <cell r="L353">
            <v>102000</v>
          </cell>
        </row>
        <row r="354">
          <cell r="B354">
            <v>351</v>
          </cell>
          <cell r="D354" t="str">
            <v>ダクタイル鋳鉄異形管 挿受片落管</v>
          </cell>
          <cell r="E354" t="str">
            <v>NS形 φ300×φ200</v>
          </cell>
          <cell r="G354" t="str">
            <v>個</v>
          </cell>
          <cell r="H354">
            <v>63000</v>
          </cell>
          <cell r="J354" t="str">
            <v>物価資料8月</v>
          </cell>
          <cell r="L354">
            <v>63000</v>
          </cell>
        </row>
        <row r="355">
          <cell r="B355">
            <v>352</v>
          </cell>
          <cell r="D355" t="str">
            <v>ダクタイル鋳鉄異形管 ライナ</v>
          </cell>
          <cell r="E355" t="str">
            <v>NS形 φ400</v>
          </cell>
          <cell r="G355" t="str">
            <v>個</v>
          </cell>
          <cell r="H355">
            <v>28000</v>
          </cell>
          <cell r="J355" t="str">
            <v>物価資料8月</v>
          </cell>
          <cell r="L355">
            <v>28000</v>
          </cell>
        </row>
        <row r="356">
          <cell r="B356">
            <v>353</v>
          </cell>
          <cell r="D356" t="str">
            <v>ダクタイル鋳鉄異形管 挿口リング</v>
          </cell>
          <cell r="E356" t="str">
            <v>NS形 φ400</v>
          </cell>
          <cell r="F356" t="str">
            <v>タッピンネジタイプ</v>
          </cell>
          <cell r="G356" t="str">
            <v>組</v>
          </cell>
          <cell r="H356">
            <v>14000</v>
          </cell>
          <cell r="J356" t="str">
            <v>物価資料8月</v>
          </cell>
          <cell r="L356">
            <v>14000</v>
          </cell>
        </row>
        <row r="357">
          <cell r="B357">
            <v>354</v>
          </cell>
          <cell r="D357" t="str">
            <v>フランジ継手材</v>
          </cell>
          <cell r="E357" t="str">
            <v>GF φ400 7.5K</v>
          </cell>
          <cell r="F357" t="str">
            <v>SUS304</v>
          </cell>
          <cell r="G357" t="str">
            <v>組</v>
          </cell>
          <cell r="H357">
            <v>30000</v>
          </cell>
          <cell r="J357" t="str">
            <v>ｶﾀﾛｸﾞ</v>
          </cell>
          <cell r="L357">
            <v>30000</v>
          </cell>
        </row>
        <row r="358">
          <cell r="B358">
            <v>355</v>
          </cell>
          <cell r="D358" t="str">
            <v>ダクタイル鋳鉄製伸縮可撓管</v>
          </cell>
          <cell r="E358" t="str">
            <v>NS形 φ400</v>
          </cell>
          <cell r="F358" t="str">
            <v>F-U δ＝200mm</v>
          </cell>
          <cell r="G358" t="str">
            <v>基</v>
          </cell>
          <cell r="H358">
            <v>1684000</v>
          </cell>
          <cell r="J358" t="str">
            <v>ｶﾀﾛｸﾞ</v>
          </cell>
          <cell r="L358">
            <v>1684000</v>
          </cell>
        </row>
        <row r="359">
          <cell r="B359">
            <v>356</v>
          </cell>
          <cell r="D359" t="str">
            <v>ダクタイル鋳鉄管　直管</v>
          </cell>
          <cell r="E359" t="str">
            <v>GX形 φ200</v>
          </cell>
          <cell r="F359" t="str">
            <v>S種管　内面紛体塗装</v>
          </cell>
          <cell r="G359" t="str">
            <v>本</v>
          </cell>
          <cell r="H359">
            <v>67000</v>
          </cell>
          <cell r="J359" t="str">
            <v>物価資料8月</v>
          </cell>
          <cell r="L359">
            <v>67000</v>
          </cell>
        </row>
        <row r="360">
          <cell r="B360">
            <v>357</v>
          </cell>
          <cell r="D360" t="str">
            <v>ダクタイル鋳鉄異形管 45°曲管</v>
          </cell>
          <cell r="E360" t="str">
            <v>GX形 φ200</v>
          </cell>
          <cell r="G360" t="str">
            <v>個</v>
          </cell>
          <cell r="H360">
            <v>42000</v>
          </cell>
          <cell r="J360" t="str">
            <v>物価資料8月</v>
          </cell>
          <cell r="L360">
            <v>42000</v>
          </cell>
        </row>
        <row r="361">
          <cell r="B361">
            <v>358</v>
          </cell>
          <cell r="D361" t="str">
            <v>ダクタイル鋳鉄異形管 継輪</v>
          </cell>
          <cell r="E361" t="str">
            <v>GX形 φ200</v>
          </cell>
          <cell r="G361" t="str">
            <v>個</v>
          </cell>
          <cell r="H361">
            <v>73000</v>
          </cell>
          <cell r="J361" t="str">
            <v>物価資料8月</v>
          </cell>
          <cell r="L361">
            <v>73000</v>
          </cell>
        </row>
        <row r="362">
          <cell r="B362">
            <v>359</v>
          </cell>
          <cell r="D362" t="str">
            <v>ダクタイル鋳鉄異形管 ライナ</v>
          </cell>
          <cell r="E362" t="str">
            <v>GX形 φ200</v>
          </cell>
          <cell r="G362" t="str">
            <v>個</v>
          </cell>
          <cell r="H362">
            <v>3800</v>
          </cell>
          <cell r="J362" t="str">
            <v>物価資料8月</v>
          </cell>
          <cell r="L362">
            <v>3800</v>
          </cell>
        </row>
        <row r="363">
          <cell r="B363">
            <v>360</v>
          </cell>
          <cell r="D363" t="str">
            <v>フランジ継手材</v>
          </cell>
          <cell r="E363" t="str">
            <v>GF φ200 7.5K</v>
          </cell>
          <cell r="F363" t="str">
            <v>SUS304</v>
          </cell>
          <cell r="G363" t="str">
            <v>組</v>
          </cell>
          <cell r="H363">
            <v>9000</v>
          </cell>
          <cell r="J363" t="str">
            <v>ｶﾀﾛｸﾞ</v>
          </cell>
          <cell r="L363">
            <v>9000</v>
          </cell>
        </row>
        <row r="364">
          <cell r="B364">
            <v>361</v>
          </cell>
          <cell r="D364" t="str">
            <v>ダクタイル鋳鉄製伸縮可撓管</v>
          </cell>
          <cell r="E364" t="str">
            <v>GX形 φ200</v>
          </cell>
          <cell r="F364" t="str">
            <v>F-U δ＝200mm</v>
          </cell>
          <cell r="G364" t="str">
            <v>基</v>
          </cell>
          <cell r="H364">
            <v>752000</v>
          </cell>
          <cell r="J364" t="str">
            <v>ｶﾀﾛｸﾞ</v>
          </cell>
          <cell r="L364">
            <v>752000</v>
          </cell>
        </row>
        <row r="365">
          <cell r="B365">
            <v>362</v>
          </cell>
          <cell r="D365" t="str">
            <v>P-Link</v>
          </cell>
          <cell r="E365" t="str">
            <v>GX形 φ200</v>
          </cell>
          <cell r="G365" t="str">
            <v>組</v>
          </cell>
          <cell r="H365">
            <v>32000</v>
          </cell>
          <cell r="J365" t="str">
            <v>物価資料8月</v>
          </cell>
          <cell r="L365">
            <v>32000</v>
          </cell>
        </row>
        <row r="366">
          <cell r="B366">
            <v>363</v>
          </cell>
          <cell r="D366" t="str">
            <v>G-Link</v>
          </cell>
          <cell r="E366" t="str">
            <v>GX形 φ200</v>
          </cell>
          <cell r="G366" t="str">
            <v>組</v>
          </cell>
          <cell r="H366">
            <v>25000</v>
          </cell>
          <cell r="J366" t="str">
            <v>物価資料8月</v>
          </cell>
          <cell r="L366">
            <v>25000</v>
          </cell>
        </row>
        <row r="367">
          <cell r="B367">
            <v>364</v>
          </cell>
          <cell r="D367" t="str">
            <v>鋼矢板賃料</v>
          </cell>
          <cell r="E367" t="str">
            <v>Ⅳ型　L=14m</v>
          </cell>
          <cell r="F367" t="str">
            <v>30日  76.1kg/m</v>
          </cell>
          <cell r="G367" t="str">
            <v>t・日</v>
          </cell>
          <cell r="H367">
            <v>80</v>
          </cell>
          <cell r="J367" t="str">
            <v>物価資料8月</v>
          </cell>
        </row>
        <row r="368">
          <cell r="B368">
            <v>365</v>
          </cell>
          <cell r="D368" t="str">
            <v>鋼矢板整備費</v>
          </cell>
          <cell r="E368" t="str">
            <v>Ⅳ型　L=14m</v>
          </cell>
          <cell r="F368" t="str">
            <v>76.1kg/m</v>
          </cell>
          <cell r="G368" t="str">
            <v>t</v>
          </cell>
          <cell r="H368">
            <v>3000</v>
          </cell>
          <cell r="J368" t="str">
            <v>物価資料8月</v>
          </cell>
        </row>
        <row r="369">
          <cell r="B369">
            <v>366</v>
          </cell>
          <cell r="D369" t="str">
            <v>鋼矢板運搬費</v>
          </cell>
          <cell r="E369" t="str">
            <v>L=15m以内</v>
          </cell>
          <cell r="F369" t="str">
            <v>20kmまで</v>
          </cell>
          <cell r="G369" t="str">
            <v>式</v>
          </cell>
          <cell r="H369">
            <v>554000</v>
          </cell>
          <cell r="J369" t="str">
            <v>別紙計算書</v>
          </cell>
        </row>
        <row r="370">
          <cell r="B370">
            <v>367</v>
          </cell>
          <cell r="D370" t="str">
            <v>軽量鋼矢板・支保工損料</v>
          </cell>
          <cell r="G370" t="str">
            <v>式</v>
          </cell>
          <cell r="H370">
            <v>832000</v>
          </cell>
          <cell r="J370" t="str">
            <v>別紙計算書</v>
          </cell>
        </row>
        <row r="371">
          <cell r="B371">
            <v>368</v>
          </cell>
          <cell r="D371" t="str">
            <v>軽量鋼矢板整備費</v>
          </cell>
          <cell r="G371" t="str">
            <v>t</v>
          </cell>
          <cell r="H371">
            <v>0</v>
          </cell>
          <cell r="J371" t="str">
            <v>別紙計算書</v>
          </cell>
        </row>
        <row r="372">
          <cell r="B372">
            <v>369</v>
          </cell>
          <cell r="D372" t="str">
            <v>軽量鋼矢板運搬費</v>
          </cell>
          <cell r="G372" t="str">
            <v>式</v>
          </cell>
          <cell r="H372">
            <v>68000</v>
          </cell>
          <cell r="J372" t="str">
            <v>別紙計算書</v>
          </cell>
        </row>
        <row r="373">
          <cell r="B373">
            <v>370</v>
          </cell>
          <cell r="D373" t="str">
            <v>切梁・腹起し賃料</v>
          </cell>
          <cell r="G373" t="str">
            <v>t・日</v>
          </cell>
          <cell r="H373">
            <v>110</v>
          </cell>
          <cell r="J373" t="str">
            <v>物価資料8月</v>
          </cell>
        </row>
        <row r="374">
          <cell r="B374">
            <v>371</v>
          </cell>
          <cell r="D374" t="str">
            <v>切梁・腹起し損料</v>
          </cell>
          <cell r="G374" t="str">
            <v>t</v>
          </cell>
          <cell r="H374">
            <v>4000</v>
          </cell>
          <cell r="J374" t="str">
            <v>物価資料8月</v>
          </cell>
        </row>
        <row r="375">
          <cell r="B375">
            <v>372</v>
          </cell>
          <cell r="D375" t="str">
            <v>切梁・腹起し運搬費</v>
          </cell>
          <cell r="G375" t="str">
            <v>式</v>
          </cell>
          <cell r="H375">
            <v>0</v>
          </cell>
          <cell r="J375" t="str">
            <v>別紙計算書</v>
          </cell>
        </row>
        <row r="376">
          <cell r="B376">
            <v>373</v>
          </cell>
          <cell r="D376" t="str">
            <v>建込み簡易土留賃料</v>
          </cell>
          <cell r="G376" t="str">
            <v>ｍ2・日</v>
          </cell>
          <cell r="H376">
            <v>130</v>
          </cell>
          <cell r="J376" t="str">
            <v>物価資料8月</v>
          </cell>
        </row>
        <row r="377">
          <cell r="B377">
            <v>374</v>
          </cell>
          <cell r="D377" t="str">
            <v>建込み簡易土留整備費</v>
          </cell>
          <cell r="G377" t="str">
            <v>ｍ2</v>
          </cell>
          <cell r="H377">
            <v>280</v>
          </cell>
          <cell r="J377" t="str">
            <v>物価資料8月</v>
          </cell>
        </row>
        <row r="378">
          <cell r="B378">
            <v>375</v>
          </cell>
          <cell r="D378" t="str">
            <v>ダクタイル鋳鉄異形管接合材</v>
          </cell>
          <cell r="E378" t="str">
            <v>GX形 φ200</v>
          </cell>
          <cell r="G378" t="str">
            <v>組</v>
          </cell>
          <cell r="H378">
            <v>6400</v>
          </cell>
          <cell r="J378" t="str">
            <v>物価資料8月</v>
          </cell>
          <cell r="L378">
            <v>6400</v>
          </cell>
        </row>
        <row r="379">
          <cell r="B379">
            <v>376</v>
          </cell>
          <cell r="D379" t="str">
            <v>ソフトシール仕切弁</v>
          </cell>
          <cell r="E379" t="str">
            <v>GX形 φ200</v>
          </cell>
          <cell r="F379" t="str">
            <v>両受口ﾀｲﾌﾟ</v>
          </cell>
          <cell r="G379" t="str">
            <v>基</v>
          </cell>
          <cell r="H379">
            <v>215000</v>
          </cell>
          <cell r="J379" t="str">
            <v>物価資料8月</v>
          </cell>
          <cell r="L379">
            <v>215000</v>
          </cell>
        </row>
        <row r="380">
          <cell r="B380">
            <v>377</v>
          </cell>
          <cell r="D380" t="str">
            <v>足場工</v>
          </cell>
          <cell r="G380" t="str">
            <v>掛m2</v>
          </cell>
          <cell r="H380">
            <v>2000</v>
          </cell>
          <cell r="J380" t="str">
            <v>建築単価</v>
          </cell>
        </row>
        <row r="381">
          <cell r="B381">
            <v>378</v>
          </cell>
          <cell r="D381" t="str">
            <v>交通誘導員B</v>
          </cell>
          <cell r="G381" t="str">
            <v>人</v>
          </cell>
          <cell r="H381">
            <v>9800</v>
          </cell>
          <cell r="J381" t="str">
            <v>物価資料8月</v>
          </cell>
        </row>
        <row r="382">
          <cell r="B382">
            <v>379</v>
          </cell>
          <cell r="D382" t="str">
            <v>地盤の平板載荷試験</v>
          </cell>
          <cell r="E382" t="str">
            <v>50kN以内</v>
          </cell>
          <cell r="G382" t="str">
            <v>箇所</v>
          </cell>
          <cell r="H382">
            <v>165000</v>
          </cell>
          <cell r="J382" t="str">
            <v>物価資料8月</v>
          </cell>
        </row>
        <row r="383">
          <cell r="B383">
            <v>380</v>
          </cell>
          <cell r="D383" t="str">
            <v>ダクタイル鋳鉄異形管 二受T字管</v>
          </cell>
          <cell r="E383" t="str">
            <v>NS形 φ1000×φ1000</v>
          </cell>
          <cell r="G383" t="str">
            <v>個</v>
          </cell>
          <cell r="H383">
            <v>1817000</v>
          </cell>
          <cell r="J383" t="str">
            <v>ｶﾀﾛｸﾞ</v>
          </cell>
          <cell r="L383">
            <v>1817000</v>
          </cell>
        </row>
        <row r="384">
          <cell r="B384">
            <v>381</v>
          </cell>
          <cell r="H384">
            <v>0</v>
          </cell>
        </row>
        <row r="385">
          <cell r="B385">
            <v>382</v>
          </cell>
          <cell r="H385">
            <v>0</v>
          </cell>
        </row>
        <row r="386">
          <cell r="B386">
            <v>383</v>
          </cell>
          <cell r="H386">
            <v>0</v>
          </cell>
        </row>
        <row r="387">
          <cell r="B387">
            <v>384</v>
          </cell>
          <cell r="H387">
            <v>0</v>
          </cell>
        </row>
        <row r="388">
          <cell r="B388">
            <v>385</v>
          </cell>
          <cell r="H388">
            <v>0</v>
          </cell>
        </row>
        <row r="389">
          <cell r="B389">
            <v>386</v>
          </cell>
          <cell r="H389">
            <v>0</v>
          </cell>
        </row>
        <row r="390">
          <cell r="B390">
            <v>387</v>
          </cell>
          <cell r="H390">
            <v>0</v>
          </cell>
        </row>
        <row r="391">
          <cell r="B391">
            <v>388</v>
          </cell>
          <cell r="H391">
            <v>0</v>
          </cell>
        </row>
        <row r="392">
          <cell r="B392">
            <v>389</v>
          </cell>
          <cell r="H392">
            <v>0</v>
          </cell>
        </row>
        <row r="393">
          <cell r="B393">
            <v>390</v>
          </cell>
          <cell r="H393">
            <v>0</v>
          </cell>
        </row>
        <row r="394">
          <cell r="B394">
            <v>391</v>
          </cell>
          <cell r="H394">
            <v>0</v>
          </cell>
        </row>
        <row r="395">
          <cell r="B395">
            <v>392</v>
          </cell>
          <cell r="H395">
            <v>0</v>
          </cell>
        </row>
        <row r="396">
          <cell r="B396">
            <v>393</v>
          </cell>
          <cell r="H396">
            <v>0</v>
          </cell>
        </row>
        <row r="397">
          <cell r="B397">
            <v>394</v>
          </cell>
          <cell r="H397">
            <v>0</v>
          </cell>
        </row>
        <row r="398">
          <cell r="B398">
            <v>395</v>
          </cell>
          <cell r="H398">
            <v>0</v>
          </cell>
        </row>
        <row r="399">
          <cell r="B399">
            <v>396</v>
          </cell>
          <cell r="H399">
            <v>0</v>
          </cell>
        </row>
        <row r="400">
          <cell r="B400">
            <v>397</v>
          </cell>
          <cell r="H400">
            <v>0</v>
          </cell>
        </row>
        <row r="401">
          <cell r="B401">
            <v>398</v>
          </cell>
          <cell r="H401">
            <v>0</v>
          </cell>
        </row>
        <row r="402">
          <cell r="B402">
            <v>399</v>
          </cell>
          <cell r="H402">
            <v>0</v>
          </cell>
        </row>
        <row r="403">
          <cell r="B403">
            <v>400</v>
          </cell>
          <cell r="H403">
            <v>0</v>
          </cell>
        </row>
        <row r="404">
          <cell r="B404">
            <v>401</v>
          </cell>
          <cell r="H404">
            <v>0</v>
          </cell>
        </row>
        <row r="405">
          <cell r="B405">
            <v>402</v>
          </cell>
          <cell r="H405">
            <v>0</v>
          </cell>
        </row>
        <row r="406">
          <cell r="B406">
            <v>403</v>
          </cell>
          <cell r="H406">
            <v>0</v>
          </cell>
        </row>
        <row r="407">
          <cell r="B407">
            <v>404</v>
          </cell>
          <cell r="H407">
            <v>0</v>
          </cell>
        </row>
        <row r="408">
          <cell r="B408">
            <v>405</v>
          </cell>
          <cell r="H408">
            <v>0</v>
          </cell>
        </row>
        <row r="409">
          <cell r="B409">
            <v>406</v>
          </cell>
          <cell r="H409">
            <v>0</v>
          </cell>
        </row>
        <row r="410">
          <cell r="B410">
            <v>407</v>
          </cell>
          <cell r="H410">
            <v>0</v>
          </cell>
        </row>
        <row r="411">
          <cell r="B411">
            <v>408</v>
          </cell>
          <cell r="H411">
            <v>0</v>
          </cell>
        </row>
        <row r="412">
          <cell r="B412">
            <v>409</v>
          </cell>
          <cell r="H412">
            <v>0</v>
          </cell>
        </row>
        <row r="413">
          <cell r="B413">
            <v>410</v>
          </cell>
          <cell r="H413">
            <v>0</v>
          </cell>
        </row>
        <row r="414">
          <cell r="B414">
            <v>411</v>
          </cell>
          <cell r="H414">
            <v>0</v>
          </cell>
        </row>
        <row r="415">
          <cell r="B415">
            <v>412</v>
          </cell>
          <cell r="H415">
            <v>0</v>
          </cell>
        </row>
        <row r="416">
          <cell r="B416">
            <v>413</v>
          </cell>
          <cell r="H416">
            <v>0</v>
          </cell>
        </row>
        <row r="417">
          <cell r="B417">
            <v>414</v>
          </cell>
          <cell r="H417">
            <v>0</v>
          </cell>
        </row>
        <row r="418">
          <cell r="B418">
            <v>415</v>
          </cell>
          <cell r="H418">
            <v>0</v>
          </cell>
        </row>
        <row r="419">
          <cell r="B419">
            <v>416</v>
          </cell>
          <cell r="H419">
            <v>0</v>
          </cell>
        </row>
        <row r="420">
          <cell r="B420">
            <v>417</v>
          </cell>
          <cell r="H420">
            <v>0</v>
          </cell>
        </row>
        <row r="421">
          <cell r="B421">
            <v>418</v>
          </cell>
          <cell r="H421">
            <v>0</v>
          </cell>
        </row>
        <row r="422">
          <cell r="B422">
            <v>419</v>
          </cell>
          <cell r="H422">
            <v>0</v>
          </cell>
        </row>
        <row r="423">
          <cell r="B423">
            <v>420</v>
          </cell>
          <cell r="H423">
            <v>0</v>
          </cell>
        </row>
        <row r="424">
          <cell r="B424">
            <v>421</v>
          </cell>
          <cell r="H424">
            <v>0</v>
          </cell>
        </row>
        <row r="425">
          <cell r="B425">
            <v>422</v>
          </cell>
          <cell r="H425">
            <v>0</v>
          </cell>
        </row>
        <row r="426">
          <cell r="B426">
            <v>423</v>
          </cell>
          <cell r="H426">
            <v>0</v>
          </cell>
        </row>
        <row r="427">
          <cell r="B427">
            <v>424</v>
          </cell>
          <cell r="H427">
            <v>0</v>
          </cell>
        </row>
        <row r="428">
          <cell r="B428">
            <v>425</v>
          </cell>
          <cell r="H428">
            <v>0</v>
          </cell>
        </row>
        <row r="429">
          <cell r="B429">
            <v>426</v>
          </cell>
          <cell r="H429">
            <v>0</v>
          </cell>
        </row>
        <row r="430">
          <cell r="B430">
            <v>427</v>
          </cell>
          <cell r="H430">
            <v>0</v>
          </cell>
        </row>
        <row r="431">
          <cell r="B431">
            <v>428</v>
          </cell>
          <cell r="H431">
            <v>0</v>
          </cell>
        </row>
        <row r="432">
          <cell r="B432">
            <v>429</v>
          </cell>
          <cell r="H432">
            <v>0</v>
          </cell>
        </row>
        <row r="433">
          <cell r="B433">
            <v>430</v>
          </cell>
          <cell r="H433">
            <v>0</v>
          </cell>
        </row>
        <row r="434">
          <cell r="B434">
            <v>431</v>
          </cell>
          <cell r="H434">
            <v>0</v>
          </cell>
        </row>
        <row r="435">
          <cell r="B435">
            <v>432</v>
          </cell>
          <cell r="H435">
            <v>0</v>
          </cell>
        </row>
        <row r="436">
          <cell r="B436">
            <v>433</v>
          </cell>
          <cell r="H436">
            <v>0</v>
          </cell>
        </row>
        <row r="437">
          <cell r="B437">
            <v>434</v>
          </cell>
          <cell r="H437">
            <v>0</v>
          </cell>
        </row>
        <row r="438">
          <cell r="B438">
            <v>435</v>
          </cell>
          <cell r="H438">
            <v>0</v>
          </cell>
        </row>
        <row r="439">
          <cell r="B439">
            <v>436</v>
          </cell>
          <cell r="H439">
            <v>0</v>
          </cell>
        </row>
        <row r="440">
          <cell r="B440">
            <v>437</v>
          </cell>
          <cell r="H440">
            <v>0</v>
          </cell>
        </row>
        <row r="441">
          <cell r="B441">
            <v>438</v>
          </cell>
          <cell r="H441">
            <v>0</v>
          </cell>
        </row>
        <row r="442">
          <cell r="B442">
            <v>439</v>
          </cell>
          <cell r="H442">
            <v>0</v>
          </cell>
        </row>
        <row r="443">
          <cell r="B443">
            <v>440</v>
          </cell>
          <cell r="H443">
            <v>0</v>
          </cell>
        </row>
        <row r="444">
          <cell r="B444">
            <v>441</v>
          </cell>
          <cell r="H444">
            <v>0</v>
          </cell>
        </row>
        <row r="445">
          <cell r="B445">
            <v>442</v>
          </cell>
          <cell r="H445">
            <v>0</v>
          </cell>
        </row>
        <row r="446">
          <cell r="B446">
            <v>443</v>
          </cell>
          <cell r="H446">
            <v>0</v>
          </cell>
        </row>
        <row r="447">
          <cell r="B447">
            <v>444</v>
          </cell>
          <cell r="H447">
            <v>0</v>
          </cell>
        </row>
        <row r="448">
          <cell r="B448">
            <v>445</v>
          </cell>
          <cell r="H448">
            <v>0</v>
          </cell>
        </row>
        <row r="449">
          <cell r="B449">
            <v>446</v>
          </cell>
          <cell r="H449">
            <v>0</v>
          </cell>
        </row>
        <row r="450">
          <cell r="B450">
            <v>447</v>
          </cell>
          <cell r="H450">
            <v>0</v>
          </cell>
        </row>
        <row r="451">
          <cell r="B451">
            <v>448</v>
          </cell>
          <cell r="H451">
            <v>0</v>
          </cell>
        </row>
        <row r="452">
          <cell r="B452">
            <v>449</v>
          </cell>
          <cell r="H452">
            <v>0</v>
          </cell>
        </row>
        <row r="453">
          <cell r="B453">
            <v>450</v>
          </cell>
          <cell r="H453">
            <v>0</v>
          </cell>
        </row>
        <row r="454">
          <cell r="B454">
            <v>451</v>
          </cell>
          <cell r="H454">
            <v>0</v>
          </cell>
        </row>
        <row r="455">
          <cell r="B455">
            <v>452</v>
          </cell>
          <cell r="H455">
            <v>0</v>
          </cell>
        </row>
        <row r="456">
          <cell r="B456">
            <v>453</v>
          </cell>
          <cell r="H456">
            <v>0</v>
          </cell>
        </row>
        <row r="457">
          <cell r="B457">
            <v>454</v>
          </cell>
          <cell r="H457">
            <v>0</v>
          </cell>
        </row>
        <row r="458">
          <cell r="B458">
            <v>455</v>
          </cell>
          <cell r="H458">
            <v>0</v>
          </cell>
        </row>
        <row r="459">
          <cell r="B459">
            <v>456</v>
          </cell>
          <cell r="H459">
            <v>0</v>
          </cell>
        </row>
        <row r="460">
          <cell r="B460">
            <v>457</v>
          </cell>
          <cell r="H460">
            <v>0</v>
          </cell>
        </row>
        <row r="461">
          <cell r="B461">
            <v>458</v>
          </cell>
          <cell r="H461">
            <v>0</v>
          </cell>
        </row>
        <row r="462">
          <cell r="B462">
            <v>459</v>
          </cell>
          <cell r="H462">
            <v>0</v>
          </cell>
        </row>
        <row r="463">
          <cell r="B463">
            <v>460</v>
          </cell>
          <cell r="H463">
            <v>0</v>
          </cell>
        </row>
        <row r="464">
          <cell r="B464">
            <v>461</v>
          </cell>
          <cell r="H464">
            <v>0</v>
          </cell>
        </row>
        <row r="465">
          <cell r="B465">
            <v>462</v>
          </cell>
          <cell r="H465">
            <v>0</v>
          </cell>
        </row>
        <row r="466">
          <cell r="B466">
            <v>463</v>
          </cell>
          <cell r="H466">
            <v>0</v>
          </cell>
        </row>
        <row r="467">
          <cell r="B467">
            <v>464</v>
          </cell>
          <cell r="H467">
            <v>0</v>
          </cell>
        </row>
        <row r="468">
          <cell r="B468">
            <v>465</v>
          </cell>
          <cell r="H468">
            <v>0</v>
          </cell>
        </row>
        <row r="469">
          <cell r="B469">
            <v>466</v>
          </cell>
          <cell r="H469">
            <v>0</v>
          </cell>
        </row>
        <row r="470">
          <cell r="B470">
            <v>467</v>
          </cell>
          <cell r="H470">
            <v>0</v>
          </cell>
        </row>
        <row r="471">
          <cell r="B471">
            <v>468</v>
          </cell>
          <cell r="H471">
            <v>0</v>
          </cell>
        </row>
        <row r="472">
          <cell r="B472">
            <v>469</v>
          </cell>
          <cell r="H472">
            <v>0</v>
          </cell>
        </row>
        <row r="473">
          <cell r="B473">
            <v>470</v>
          </cell>
          <cell r="H473">
            <v>0</v>
          </cell>
        </row>
        <row r="474">
          <cell r="B474">
            <v>471</v>
          </cell>
          <cell r="H474">
            <v>0</v>
          </cell>
        </row>
        <row r="475">
          <cell r="B475">
            <v>472</v>
          </cell>
          <cell r="H475">
            <v>0</v>
          </cell>
        </row>
        <row r="476">
          <cell r="B476">
            <v>473</v>
          </cell>
          <cell r="H476">
            <v>0</v>
          </cell>
        </row>
        <row r="477">
          <cell r="B477">
            <v>474</v>
          </cell>
          <cell r="H477">
            <v>0</v>
          </cell>
        </row>
        <row r="478">
          <cell r="B478">
            <v>475</v>
          </cell>
          <cell r="H478">
            <v>0</v>
          </cell>
        </row>
        <row r="479">
          <cell r="B479">
            <v>476</v>
          </cell>
          <cell r="H479">
            <v>0</v>
          </cell>
        </row>
        <row r="480">
          <cell r="B480">
            <v>477</v>
          </cell>
          <cell r="H480">
            <v>0</v>
          </cell>
        </row>
        <row r="481">
          <cell r="B481">
            <v>478</v>
          </cell>
          <cell r="H481">
            <v>0</v>
          </cell>
        </row>
        <row r="482">
          <cell r="B482">
            <v>479</v>
          </cell>
          <cell r="H482">
            <v>0</v>
          </cell>
        </row>
        <row r="483">
          <cell r="B483">
            <v>480</v>
          </cell>
          <cell r="H483">
            <v>0</v>
          </cell>
        </row>
        <row r="484">
          <cell r="B484">
            <v>481</v>
          </cell>
          <cell r="H484">
            <v>0</v>
          </cell>
        </row>
        <row r="485">
          <cell r="B485">
            <v>482</v>
          </cell>
          <cell r="H485">
            <v>0</v>
          </cell>
        </row>
        <row r="486">
          <cell r="B486">
            <v>483</v>
          </cell>
          <cell r="H486">
            <v>0</v>
          </cell>
        </row>
        <row r="487">
          <cell r="B487">
            <v>484</v>
          </cell>
          <cell r="H487">
            <v>0</v>
          </cell>
        </row>
        <row r="488">
          <cell r="B488">
            <v>485</v>
          </cell>
          <cell r="H488">
            <v>0</v>
          </cell>
        </row>
        <row r="489">
          <cell r="B489">
            <v>486</v>
          </cell>
          <cell r="H489">
            <v>0</v>
          </cell>
        </row>
        <row r="490">
          <cell r="B490">
            <v>487</v>
          </cell>
          <cell r="H490">
            <v>0</v>
          </cell>
        </row>
        <row r="491">
          <cell r="B491">
            <v>488</v>
          </cell>
          <cell r="H491">
            <v>0</v>
          </cell>
        </row>
        <row r="492">
          <cell r="B492">
            <v>489</v>
          </cell>
          <cell r="H492">
            <v>0</v>
          </cell>
        </row>
        <row r="493">
          <cell r="B493">
            <v>490</v>
          </cell>
          <cell r="H493">
            <v>0</v>
          </cell>
        </row>
        <row r="494">
          <cell r="B494">
            <v>491</v>
          </cell>
          <cell r="H494">
            <v>0</v>
          </cell>
        </row>
        <row r="495">
          <cell r="B495">
            <v>492</v>
          </cell>
          <cell r="H495">
            <v>0</v>
          </cell>
        </row>
        <row r="496">
          <cell r="B496">
            <v>493</v>
          </cell>
          <cell r="H496">
            <v>0</v>
          </cell>
        </row>
        <row r="497">
          <cell r="B497">
            <v>494</v>
          </cell>
          <cell r="H497">
            <v>0</v>
          </cell>
        </row>
        <row r="498">
          <cell r="B498">
            <v>495</v>
          </cell>
          <cell r="H498">
            <v>0</v>
          </cell>
        </row>
        <row r="499">
          <cell r="B499">
            <v>496</v>
          </cell>
          <cell r="H499">
            <v>0</v>
          </cell>
        </row>
        <row r="500">
          <cell r="B500">
            <v>497</v>
          </cell>
          <cell r="H500">
            <v>0</v>
          </cell>
        </row>
        <row r="501">
          <cell r="B501">
            <v>498</v>
          </cell>
          <cell r="H501">
            <v>0</v>
          </cell>
        </row>
        <row r="502">
          <cell r="B502">
            <v>499</v>
          </cell>
          <cell r="H502">
            <v>0</v>
          </cell>
        </row>
        <row r="503">
          <cell r="B503">
            <v>500</v>
          </cell>
          <cell r="H503">
            <v>0</v>
          </cell>
        </row>
        <row r="504">
          <cell r="B504">
            <v>501</v>
          </cell>
          <cell r="D504" t="str">
            <v>削孔費</v>
          </cell>
          <cell r="E504" t="str">
            <v>φ157</v>
          </cell>
          <cell r="F504" t="str">
            <v>L=8.0m×15本</v>
          </cell>
          <cell r="G504" t="str">
            <v>m</v>
          </cell>
          <cell r="H504">
            <v>16000</v>
          </cell>
          <cell r="J504" t="str">
            <v>見積</v>
          </cell>
        </row>
        <row r="505">
          <cell r="B505">
            <v>502</v>
          </cell>
          <cell r="D505" t="str">
            <v>ストレーナ加工</v>
          </cell>
          <cell r="E505" t="str">
            <v>φ75</v>
          </cell>
          <cell r="F505" t="str">
            <v>L=2.0m</v>
          </cell>
          <cell r="G505" t="str">
            <v>本</v>
          </cell>
          <cell r="H505">
            <v>13000</v>
          </cell>
          <cell r="J505" t="str">
            <v>見積</v>
          </cell>
        </row>
        <row r="506">
          <cell r="B506">
            <v>503</v>
          </cell>
          <cell r="D506" t="str">
            <v>ポンプ設置・撤去</v>
          </cell>
          <cell r="E506" t="str">
            <v>φ100-3.7kW</v>
          </cell>
          <cell r="G506" t="str">
            <v>台</v>
          </cell>
          <cell r="H506">
            <v>39000</v>
          </cell>
          <cell r="J506" t="str">
            <v>見積</v>
          </cell>
        </row>
        <row r="507">
          <cell r="B507">
            <v>504</v>
          </cell>
          <cell r="D507" t="str">
            <v>ポンプ運転管理費</v>
          </cell>
          <cell r="E507" t="str">
            <v>φ100-3.7kW</v>
          </cell>
          <cell r="F507" t="str">
            <v>5台×300日</v>
          </cell>
          <cell r="G507" t="str">
            <v>台・日</v>
          </cell>
          <cell r="H507">
            <v>1600</v>
          </cell>
          <cell r="J507" t="str">
            <v>見積</v>
          </cell>
        </row>
        <row r="508">
          <cell r="B508">
            <v>505</v>
          </cell>
          <cell r="D508" t="str">
            <v>ポンプ損料</v>
          </cell>
          <cell r="E508" t="str">
            <v>φ100-3.7kW</v>
          </cell>
          <cell r="F508" t="str">
            <v>5台×300日</v>
          </cell>
          <cell r="G508" t="str">
            <v>台・日</v>
          </cell>
          <cell r="H508">
            <v>1400</v>
          </cell>
          <cell r="J508" t="str">
            <v>見積</v>
          </cell>
        </row>
        <row r="509">
          <cell r="B509">
            <v>506</v>
          </cell>
          <cell r="D509" t="str">
            <v>ノッチタンク設置・撤去</v>
          </cell>
          <cell r="E509" t="str">
            <v>2m3用</v>
          </cell>
          <cell r="G509" t="str">
            <v>台</v>
          </cell>
          <cell r="H509">
            <v>16000</v>
          </cell>
          <cell r="J509" t="str">
            <v>見積</v>
          </cell>
        </row>
        <row r="510">
          <cell r="B510">
            <v>507</v>
          </cell>
          <cell r="D510" t="str">
            <v>ノッチタンク損料</v>
          </cell>
          <cell r="E510" t="str">
            <v>2m3用</v>
          </cell>
          <cell r="F510" t="str">
            <v>2台×300日</v>
          </cell>
          <cell r="G510" t="str">
            <v>台・日</v>
          </cell>
          <cell r="H510">
            <v>600</v>
          </cell>
          <cell r="J510" t="str">
            <v>見積</v>
          </cell>
        </row>
        <row r="511">
          <cell r="B511">
            <v>508</v>
          </cell>
          <cell r="D511" t="str">
            <v>屋外灯灯具</v>
          </cell>
          <cell r="G511" t="str">
            <v>基</v>
          </cell>
          <cell r="H511">
            <v>140000</v>
          </cell>
          <cell r="J511" t="str">
            <v>見積</v>
          </cell>
        </row>
        <row r="512">
          <cell r="B512">
            <v>509</v>
          </cell>
          <cell r="D512" t="str">
            <v>屋外灯ポール</v>
          </cell>
          <cell r="G512" t="str">
            <v>本</v>
          </cell>
          <cell r="H512">
            <v>108000</v>
          </cell>
          <cell r="J512" t="str">
            <v>見積</v>
          </cell>
        </row>
        <row r="513">
          <cell r="B513">
            <v>510</v>
          </cell>
          <cell r="D513" t="str">
            <v>屋外灯設置工</v>
          </cell>
          <cell r="G513" t="str">
            <v>箇所</v>
          </cell>
          <cell r="H513">
            <v>70000</v>
          </cell>
          <cell r="J513" t="str">
            <v>見積</v>
          </cell>
        </row>
        <row r="514">
          <cell r="B514">
            <v>511</v>
          </cell>
          <cell r="D514" t="str">
            <v>ラッパ口</v>
          </cell>
          <cell r="E514" t="str">
            <v>SUS304 Sch10ｓ</v>
          </cell>
          <cell r="F514" t="str">
            <v>400A</v>
          </cell>
          <cell r="G514" t="str">
            <v>本</v>
          </cell>
          <cell r="H514">
            <v>450000</v>
          </cell>
          <cell r="J514" t="str">
            <v>見積</v>
          </cell>
          <cell r="L514">
            <v>450000</v>
          </cell>
        </row>
        <row r="515">
          <cell r="B515">
            <v>512</v>
          </cell>
          <cell r="D515" t="str">
            <v>2F直管</v>
          </cell>
          <cell r="E515" t="str">
            <v>SUS304 Sch10ｓ</v>
          </cell>
          <cell r="F515" t="str">
            <v>400A</v>
          </cell>
          <cell r="G515" t="str">
            <v>本</v>
          </cell>
          <cell r="H515">
            <v>350000</v>
          </cell>
          <cell r="J515" t="str">
            <v>見積</v>
          </cell>
          <cell r="L515">
            <v>350000</v>
          </cell>
        </row>
        <row r="516">
          <cell r="B516">
            <v>513</v>
          </cell>
          <cell r="D516" t="str">
            <v>2F直管</v>
          </cell>
          <cell r="E516" t="str">
            <v>SUS304 Sch10ｓ</v>
          </cell>
          <cell r="F516" t="str">
            <v>400A 止水板付</v>
          </cell>
          <cell r="G516" t="str">
            <v>本</v>
          </cell>
          <cell r="H516">
            <v>400000</v>
          </cell>
          <cell r="J516" t="str">
            <v>見積</v>
          </cell>
          <cell r="L516">
            <v>400000</v>
          </cell>
        </row>
        <row r="517">
          <cell r="B517">
            <v>514</v>
          </cell>
          <cell r="D517" t="str">
            <v>2F曲管</v>
          </cell>
          <cell r="E517" t="str">
            <v>SUS304 Sch10ｓ</v>
          </cell>
          <cell r="F517" t="str">
            <v>400A 90°</v>
          </cell>
          <cell r="G517" t="str">
            <v>本</v>
          </cell>
          <cell r="H517">
            <v>500000</v>
          </cell>
          <cell r="J517" t="str">
            <v>見積</v>
          </cell>
          <cell r="L517">
            <v>500000</v>
          </cell>
        </row>
        <row r="518">
          <cell r="B518">
            <v>515</v>
          </cell>
          <cell r="H518">
            <v>0</v>
          </cell>
          <cell r="L518">
            <v>0</v>
          </cell>
        </row>
        <row r="519">
          <cell r="B519">
            <v>516</v>
          </cell>
          <cell r="D519" t="str">
            <v>2F短管</v>
          </cell>
          <cell r="E519" t="str">
            <v>SUS304 Sch10ｓ</v>
          </cell>
          <cell r="F519" t="str">
            <v>800A 止水板付</v>
          </cell>
          <cell r="G519" t="str">
            <v>本</v>
          </cell>
          <cell r="H519">
            <v>1790000</v>
          </cell>
          <cell r="J519" t="str">
            <v>見積</v>
          </cell>
          <cell r="L519">
            <v>1790000</v>
          </cell>
        </row>
        <row r="520">
          <cell r="B520">
            <v>517</v>
          </cell>
          <cell r="D520" t="str">
            <v>1F短管</v>
          </cell>
          <cell r="E520" t="str">
            <v>SUS304 Sch10ｓ</v>
          </cell>
          <cell r="F520" t="str">
            <v>800A ラッパ口付</v>
          </cell>
          <cell r="G520" t="str">
            <v>本</v>
          </cell>
          <cell r="H520">
            <v>1559000</v>
          </cell>
          <cell r="J520" t="str">
            <v>見積</v>
          </cell>
          <cell r="L520">
            <v>1559000</v>
          </cell>
        </row>
        <row r="521">
          <cell r="B521">
            <v>518</v>
          </cell>
          <cell r="D521" t="str">
            <v>2F曲管</v>
          </cell>
          <cell r="E521" t="str">
            <v>SUS304 Sch10ｓ</v>
          </cell>
          <cell r="F521" t="str">
            <v>800A 90°</v>
          </cell>
          <cell r="G521" t="str">
            <v>本</v>
          </cell>
          <cell r="H521">
            <v>3131000</v>
          </cell>
          <cell r="J521" t="str">
            <v>見積</v>
          </cell>
          <cell r="L521">
            <v>3131000</v>
          </cell>
        </row>
        <row r="522">
          <cell r="B522">
            <v>519</v>
          </cell>
          <cell r="D522" t="str">
            <v>2F短管</v>
          </cell>
          <cell r="E522" t="str">
            <v>DIP</v>
          </cell>
          <cell r="F522" t="str">
            <v>800A 止水板付</v>
          </cell>
          <cell r="G522" t="str">
            <v>本</v>
          </cell>
          <cell r="H522">
            <v>761000</v>
          </cell>
          <cell r="J522" t="str">
            <v>見積</v>
          </cell>
          <cell r="L522">
            <v>761000</v>
          </cell>
        </row>
        <row r="523">
          <cell r="B523">
            <v>520</v>
          </cell>
          <cell r="D523" t="str">
            <v>2F曲管</v>
          </cell>
          <cell r="E523" t="str">
            <v>DIP</v>
          </cell>
          <cell r="F523" t="str">
            <v>φ800 90° GF7.5k</v>
          </cell>
          <cell r="G523" t="str">
            <v>本</v>
          </cell>
          <cell r="H523">
            <v>777000</v>
          </cell>
          <cell r="J523" t="str">
            <v>ｶﾀﾛｸﾞ</v>
          </cell>
          <cell r="L523">
            <v>777000</v>
          </cell>
        </row>
        <row r="524">
          <cell r="B524">
            <v>521</v>
          </cell>
          <cell r="D524" t="str">
            <v>フランジアダプター</v>
          </cell>
          <cell r="E524" t="str">
            <v>φ800</v>
          </cell>
          <cell r="G524" t="str">
            <v>本</v>
          </cell>
          <cell r="H524">
            <v>1696000</v>
          </cell>
          <cell r="J524" t="str">
            <v>ｶﾀﾛｸﾞ</v>
          </cell>
          <cell r="L524">
            <v>1696000</v>
          </cell>
        </row>
        <row r="525">
          <cell r="B525">
            <v>522</v>
          </cell>
          <cell r="H525">
            <v>0</v>
          </cell>
          <cell r="L525">
            <v>0</v>
          </cell>
        </row>
        <row r="526">
          <cell r="B526">
            <v>523</v>
          </cell>
          <cell r="D526" t="str">
            <v>2F短管</v>
          </cell>
          <cell r="E526" t="str">
            <v>SUS304 Sch10ｓ</v>
          </cell>
          <cell r="F526" t="str">
            <v>600A 止水板付</v>
          </cell>
          <cell r="G526" t="str">
            <v>本</v>
          </cell>
          <cell r="H526">
            <v>947000</v>
          </cell>
          <cell r="J526" t="str">
            <v>見積</v>
          </cell>
          <cell r="L526">
            <v>947000</v>
          </cell>
        </row>
        <row r="527">
          <cell r="B527">
            <v>524</v>
          </cell>
          <cell r="D527" t="str">
            <v>1F短管</v>
          </cell>
          <cell r="E527" t="str">
            <v>SUS304 Sch10ｓ</v>
          </cell>
          <cell r="F527" t="str">
            <v>600A ラッパ口付</v>
          </cell>
          <cell r="G527" t="str">
            <v>本</v>
          </cell>
          <cell r="H527">
            <v>993000</v>
          </cell>
          <cell r="J527" t="str">
            <v>見積</v>
          </cell>
          <cell r="L527">
            <v>993000</v>
          </cell>
        </row>
        <row r="528">
          <cell r="B528">
            <v>525</v>
          </cell>
          <cell r="D528" t="str">
            <v>2F曲管</v>
          </cell>
          <cell r="E528" t="str">
            <v>SUS304 Sch10ｓ</v>
          </cell>
          <cell r="F528" t="str">
            <v>600A 90°</v>
          </cell>
          <cell r="G528" t="str">
            <v>本</v>
          </cell>
          <cell r="H528">
            <v>1516000</v>
          </cell>
          <cell r="J528" t="str">
            <v>見積</v>
          </cell>
          <cell r="L528">
            <v>1516000</v>
          </cell>
        </row>
        <row r="529">
          <cell r="B529">
            <v>526</v>
          </cell>
          <cell r="D529" t="str">
            <v>1Fラッパ口</v>
          </cell>
          <cell r="E529" t="str">
            <v>SUS304 Sch10ｓ</v>
          </cell>
          <cell r="F529" t="str">
            <v>600A</v>
          </cell>
          <cell r="G529" t="str">
            <v>本</v>
          </cell>
          <cell r="H529">
            <v>709000</v>
          </cell>
          <cell r="J529" t="str">
            <v>見積</v>
          </cell>
          <cell r="L529">
            <v>709000</v>
          </cell>
        </row>
        <row r="530">
          <cell r="B530">
            <v>527</v>
          </cell>
          <cell r="D530" t="str">
            <v>2F短管</v>
          </cell>
          <cell r="E530" t="str">
            <v>DIP</v>
          </cell>
          <cell r="F530" t="str">
            <v>φ600 止水板付</v>
          </cell>
          <cell r="G530" t="str">
            <v>本</v>
          </cell>
          <cell r="H530">
            <v>494000</v>
          </cell>
          <cell r="J530" t="str">
            <v>見積</v>
          </cell>
          <cell r="L530">
            <v>494000</v>
          </cell>
        </row>
        <row r="531">
          <cell r="B531">
            <v>528</v>
          </cell>
          <cell r="D531" t="str">
            <v>2F曲管</v>
          </cell>
          <cell r="E531" t="str">
            <v>DIP</v>
          </cell>
          <cell r="F531" t="str">
            <v>φ600 90°GF7.5k</v>
          </cell>
          <cell r="G531" t="str">
            <v>本</v>
          </cell>
          <cell r="H531">
            <v>410000</v>
          </cell>
          <cell r="J531" t="str">
            <v>ｶﾀﾛｸﾞ</v>
          </cell>
          <cell r="L531">
            <v>410000</v>
          </cell>
        </row>
        <row r="532">
          <cell r="B532">
            <v>529</v>
          </cell>
          <cell r="D532" t="str">
            <v>フランジアダプター</v>
          </cell>
          <cell r="E532" t="str">
            <v>φ600</v>
          </cell>
          <cell r="G532" t="str">
            <v>本</v>
          </cell>
          <cell r="H532">
            <v>1074000</v>
          </cell>
          <cell r="J532" t="str">
            <v>ｶﾀﾛｸﾞ</v>
          </cell>
          <cell r="L532">
            <v>1074000</v>
          </cell>
        </row>
        <row r="533">
          <cell r="B533">
            <v>530</v>
          </cell>
          <cell r="D533" t="str">
            <v>バタフライ弁</v>
          </cell>
          <cell r="E533" t="str">
            <v>φ600</v>
          </cell>
          <cell r="G533" t="str">
            <v>基</v>
          </cell>
          <cell r="H533">
            <v>4088000</v>
          </cell>
          <cell r="J533" t="str">
            <v>ｶﾀﾛｸﾞ</v>
          </cell>
          <cell r="L533">
            <v>4088000</v>
          </cell>
        </row>
        <row r="534">
          <cell r="B534">
            <v>531</v>
          </cell>
          <cell r="H534">
            <v>0</v>
          </cell>
          <cell r="L534">
            <v>0</v>
          </cell>
        </row>
        <row r="535">
          <cell r="B535">
            <v>532</v>
          </cell>
          <cell r="D535" t="str">
            <v>2F短管</v>
          </cell>
          <cell r="E535" t="str">
            <v>SUS304 Sch10ｓ</v>
          </cell>
          <cell r="F535" t="str">
            <v>1000A 止水板付</v>
          </cell>
          <cell r="G535" t="str">
            <v>本</v>
          </cell>
          <cell r="H535">
            <v>2905000</v>
          </cell>
          <cell r="J535" t="str">
            <v>見積</v>
          </cell>
          <cell r="L535">
            <v>2905000</v>
          </cell>
        </row>
        <row r="536">
          <cell r="B536">
            <v>533</v>
          </cell>
          <cell r="D536" t="str">
            <v>1Fラッパ口</v>
          </cell>
          <cell r="E536" t="str">
            <v>SUS304 Sch10ｓ</v>
          </cell>
          <cell r="F536" t="str">
            <v>1000A</v>
          </cell>
          <cell r="G536" t="str">
            <v>本</v>
          </cell>
          <cell r="H536">
            <v>2093000</v>
          </cell>
          <cell r="J536" t="str">
            <v>見積</v>
          </cell>
          <cell r="L536">
            <v>2093000</v>
          </cell>
        </row>
        <row r="537">
          <cell r="B537">
            <v>534</v>
          </cell>
          <cell r="D537" t="str">
            <v>2F短管</v>
          </cell>
          <cell r="E537" t="str">
            <v>DIP</v>
          </cell>
          <cell r="F537" t="str">
            <v>φ1000 止水板付</v>
          </cell>
          <cell r="G537" t="str">
            <v>本</v>
          </cell>
          <cell r="H537">
            <v>1128000</v>
          </cell>
          <cell r="J537" t="str">
            <v>見積</v>
          </cell>
          <cell r="L537">
            <v>1128000</v>
          </cell>
        </row>
        <row r="538">
          <cell r="B538">
            <v>535</v>
          </cell>
          <cell r="D538" t="str">
            <v>2F曲管</v>
          </cell>
          <cell r="E538" t="str">
            <v>DIP</v>
          </cell>
          <cell r="F538" t="str">
            <v>φ1000 　90°GF7.5k</v>
          </cell>
          <cell r="G538" t="str">
            <v>本</v>
          </cell>
          <cell r="H538">
            <v>1252000</v>
          </cell>
          <cell r="J538" t="str">
            <v>ｶﾀﾛｸﾞ</v>
          </cell>
          <cell r="L538">
            <v>1252000</v>
          </cell>
        </row>
        <row r="539">
          <cell r="B539">
            <v>536</v>
          </cell>
          <cell r="D539" t="str">
            <v>フランジアダプター</v>
          </cell>
          <cell r="E539" t="str">
            <v>φ1000</v>
          </cell>
          <cell r="G539" t="str">
            <v>本</v>
          </cell>
          <cell r="H539">
            <v>2591000</v>
          </cell>
          <cell r="J539" t="str">
            <v>ｶﾀﾛｸﾞ</v>
          </cell>
          <cell r="L539">
            <v>2591000</v>
          </cell>
        </row>
        <row r="540">
          <cell r="B540">
            <v>537</v>
          </cell>
          <cell r="H540">
            <v>0</v>
          </cell>
          <cell r="L540">
            <v>0</v>
          </cell>
        </row>
        <row r="541">
          <cell r="B541">
            <v>538</v>
          </cell>
          <cell r="D541" t="str">
            <v>1F直管</v>
          </cell>
          <cell r="E541" t="str">
            <v>SUS304 Sch10ｓ</v>
          </cell>
          <cell r="F541" t="str">
            <v>200A 止水板付</v>
          </cell>
          <cell r="G541" t="str">
            <v>本</v>
          </cell>
          <cell r="H541">
            <v>75000</v>
          </cell>
          <cell r="J541" t="str">
            <v>見積</v>
          </cell>
          <cell r="L541">
            <v>75000</v>
          </cell>
        </row>
        <row r="542">
          <cell r="B542">
            <v>539</v>
          </cell>
          <cell r="D542" t="str">
            <v>レイタンス斫り工</v>
          </cell>
          <cell r="G542" t="str">
            <v>m2</v>
          </cell>
          <cell r="H542">
            <v>5000</v>
          </cell>
          <cell r="J542" t="str">
            <v>見積</v>
          </cell>
        </row>
        <row r="543">
          <cell r="B543">
            <v>540</v>
          </cell>
          <cell r="D543" t="str">
            <v>金ゴテ仕上げ工</v>
          </cell>
          <cell r="E543" t="str">
            <v>3回仕上工</v>
          </cell>
          <cell r="G543" t="str">
            <v>m2</v>
          </cell>
          <cell r="H543">
            <v>1200</v>
          </cell>
          <cell r="J543" t="str">
            <v>見積</v>
          </cell>
        </row>
        <row r="544">
          <cell r="B544">
            <v>541</v>
          </cell>
          <cell r="D544" t="str">
            <v>登り桟橋工(手摺先行型枠組み足場)</v>
          </cell>
          <cell r="E544" t="str">
            <v>設置+撤去+損料</v>
          </cell>
          <cell r="F544" t="str">
            <v>H=6.6m</v>
          </cell>
          <cell r="G544" t="str">
            <v>箇所</v>
          </cell>
          <cell r="H544">
            <v>200000</v>
          </cell>
          <cell r="J544" t="str">
            <v>見積</v>
          </cell>
        </row>
        <row r="545">
          <cell r="B545">
            <v>542</v>
          </cell>
          <cell r="D545" t="str">
            <v>登り桟橋工(手摺先行型枠組み足場)</v>
          </cell>
          <cell r="E545" t="str">
            <v>設置+撤去+損料</v>
          </cell>
          <cell r="F545" t="str">
            <v>H=5.4m</v>
          </cell>
          <cell r="G545" t="str">
            <v>箇所</v>
          </cell>
          <cell r="H545">
            <v>200000</v>
          </cell>
          <cell r="J545" t="str">
            <v>見積</v>
          </cell>
        </row>
        <row r="546">
          <cell r="B546">
            <v>543</v>
          </cell>
          <cell r="D546" t="str">
            <v>打継目防水工</v>
          </cell>
          <cell r="G546" t="str">
            <v>m</v>
          </cell>
          <cell r="H546">
            <v>1800</v>
          </cell>
          <cell r="J546" t="str">
            <v>見積</v>
          </cell>
        </row>
        <row r="547">
          <cell r="B547">
            <v>544</v>
          </cell>
          <cell r="D547" t="str">
            <v>木コン跡処理工</v>
          </cell>
          <cell r="G547" t="str">
            <v>箇所</v>
          </cell>
          <cell r="H547">
            <v>700</v>
          </cell>
          <cell r="J547" t="str">
            <v>見積</v>
          </cell>
        </row>
        <row r="548">
          <cell r="B548">
            <v>545</v>
          </cell>
          <cell r="D548" t="str">
            <v>表面仕上工</v>
          </cell>
          <cell r="G548" t="str">
            <v>m2</v>
          </cell>
          <cell r="H548">
            <v>1300</v>
          </cell>
          <cell r="J548" t="str">
            <v>見積</v>
          </cell>
        </row>
        <row r="549">
          <cell r="B549">
            <v>546</v>
          </cell>
          <cell r="D549" t="str">
            <v>横締PCケーブル工</v>
          </cell>
          <cell r="G549" t="str">
            <v>t</v>
          </cell>
          <cell r="H549">
            <v>1257000</v>
          </cell>
          <cell r="J549" t="str">
            <v>見積</v>
          </cell>
        </row>
        <row r="550">
          <cell r="B550">
            <v>547</v>
          </cell>
          <cell r="D550" t="str">
            <v>横締PCケーブル緊張工</v>
          </cell>
          <cell r="G550" t="str">
            <v>箇所</v>
          </cell>
          <cell r="H550">
            <v>20000</v>
          </cell>
          <cell r="J550" t="str">
            <v>見積</v>
          </cell>
        </row>
        <row r="551">
          <cell r="B551">
            <v>548</v>
          </cell>
          <cell r="D551" t="str">
            <v>縦締PCケーブル工</v>
          </cell>
          <cell r="G551" t="str">
            <v>t</v>
          </cell>
          <cell r="H551">
            <v>787000</v>
          </cell>
          <cell r="J551" t="str">
            <v>見積</v>
          </cell>
        </row>
        <row r="552">
          <cell r="B552">
            <v>549</v>
          </cell>
          <cell r="D552" t="str">
            <v>縦締PCケーブル緊張工</v>
          </cell>
          <cell r="G552" t="str">
            <v>箇所</v>
          </cell>
          <cell r="H552">
            <v>20000</v>
          </cell>
          <cell r="J552" t="str">
            <v>見積</v>
          </cell>
        </row>
        <row r="553">
          <cell r="B553">
            <v>550</v>
          </cell>
          <cell r="D553" t="str">
            <v>縦締PCケーブル固定工</v>
          </cell>
          <cell r="G553" t="str">
            <v>箇所</v>
          </cell>
          <cell r="H553">
            <v>10000</v>
          </cell>
          <cell r="J553" t="str">
            <v>見積</v>
          </cell>
        </row>
        <row r="554">
          <cell r="B554">
            <v>551</v>
          </cell>
          <cell r="D554" t="str">
            <v>横締用機械器具損料</v>
          </cell>
          <cell r="G554" t="str">
            <v>式</v>
          </cell>
          <cell r="H554">
            <v>250000</v>
          </cell>
          <cell r="J554" t="str">
            <v>見積</v>
          </cell>
        </row>
        <row r="555">
          <cell r="B555">
            <v>552</v>
          </cell>
          <cell r="D555" t="str">
            <v>縦締用機械器具損料</v>
          </cell>
          <cell r="G555" t="str">
            <v>式</v>
          </cell>
          <cell r="H555">
            <v>270000</v>
          </cell>
          <cell r="J555" t="str">
            <v>見積</v>
          </cell>
        </row>
        <row r="556">
          <cell r="B556">
            <v>553</v>
          </cell>
          <cell r="D556" t="str">
            <v>裏面仕上工</v>
          </cell>
          <cell r="G556" t="str">
            <v>m2</v>
          </cell>
          <cell r="H556">
            <v>1300</v>
          </cell>
          <cell r="J556" t="str">
            <v>見積</v>
          </cell>
        </row>
        <row r="557">
          <cell r="B557">
            <v>554</v>
          </cell>
          <cell r="D557" t="str">
            <v>足場組替工</v>
          </cell>
          <cell r="G557" t="str">
            <v>m2</v>
          </cell>
          <cell r="H557">
            <v>2500</v>
          </cell>
          <cell r="J557" t="str">
            <v>見積</v>
          </cell>
        </row>
        <row r="558">
          <cell r="B558">
            <v>555</v>
          </cell>
          <cell r="D558" t="str">
            <v>外面塗装工</v>
          </cell>
          <cell r="E558" t="str">
            <v>弾性吹付タイル</v>
          </cell>
          <cell r="G558" t="str">
            <v>m2</v>
          </cell>
          <cell r="H558">
            <v>4000</v>
          </cell>
          <cell r="J558" t="str">
            <v>見積</v>
          </cell>
        </row>
        <row r="559">
          <cell r="B559">
            <v>556</v>
          </cell>
          <cell r="D559" t="str">
            <v>屋上防水工</v>
          </cell>
          <cell r="E559" t="str">
            <v>超速硬化ウレタン</v>
          </cell>
          <cell r="G559" t="str">
            <v>m2</v>
          </cell>
          <cell r="H559">
            <v>11000</v>
          </cell>
          <cell r="J559" t="str">
            <v>見積</v>
          </cell>
        </row>
        <row r="560">
          <cell r="B560">
            <v>557</v>
          </cell>
          <cell r="D560" t="str">
            <v>外部梯子工</v>
          </cell>
          <cell r="E560" t="str">
            <v>SUS304</v>
          </cell>
          <cell r="F560" t="str">
            <v>背もたれつき</v>
          </cell>
          <cell r="G560" t="str">
            <v>基</v>
          </cell>
          <cell r="H560">
            <v>500000</v>
          </cell>
          <cell r="J560" t="str">
            <v>見積</v>
          </cell>
        </row>
        <row r="561">
          <cell r="B561">
            <v>558</v>
          </cell>
          <cell r="D561" t="str">
            <v>内部梯子工</v>
          </cell>
          <cell r="E561" t="str">
            <v>SUS316</v>
          </cell>
          <cell r="F561" t="str">
            <v>背もたれつき</v>
          </cell>
          <cell r="G561" t="str">
            <v>基</v>
          </cell>
          <cell r="H561">
            <v>650000</v>
          </cell>
          <cell r="J561" t="str">
            <v>見積</v>
          </cell>
        </row>
        <row r="562">
          <cell r="B562">
            <v>559</v>
          </cell>
          <cell r="D562" t="str">
            <v>人孔工</v>
          </cell>
          <cell r="E562" t="str">
            <v>SUS316</v>
          </cell>
          <cell r="F562" t="str">
            <v>蓋付　□700×700</v>
          </cell>
          <cell r="G562" t="str">
            <v>基</v>
          </cell>
          <cell r="H562">
            <v>350000</v>
          </cell>
          <cell r="J562" t="str">
            <v>見積</v>
          </cell>
        </row>
        <row r="563">
          <cell r="B563">
            <v>560</v>
          </cell>
          <cell r="D563" t="str">
            <v>換気塔工</v>
          </cell>
          <cell r="G563" t="str">
            <v>基</v>
          </cell>
          <cell r="H563">
            <v>750000</v>
          </cell>
          <cell r="J563" t="str">
            <v>見積</v>
          </cell>
        </row>
        <row r="564">
          <cell r="B564">
            <v>561</v>
          </cell>
          <cell r="D564" t="str">
            <v>雨水樋工</v>
          </cell>
          <cell r="E564" t="str">
            <v>VPφ100</v>
          </cell>
          <cell r="F564" t="str">
            <v>ルーフドレイン付</v>
          </cell>
          <cell r="G564" t="str">
            <v>箇所</v>
          </cell>
          <cell r="H564">
            <v>100000</v>
          </cell>
          <cell r="J564" t="str">
            <v>見積</v>
          </cell>
        </row>
        <row r="565">
          <cell r="B565">
            <v>562</v>
          </cell>
          <cell r="D565" t="str">
            <v>会所工</v>
          </cell>
          <cell r="E565" t="str">
            <v>□300×3000</v>
          </cell>
          <cell r="F565" t="str">
            <v>コンクリート二次製品</v>
          </cell>
          <cell r="G565" t="str">
            <v>箇所</v>
          </cell>
          <cell r="H565">
            <v>100000</v>
          </cell>
          <cell r="J565" t="str">
            <v>見積</v>
          </cell>
        </row>
        <row r="566">
          <cell r="B566">
            <v>563</v>
          </cell>
          <cell r="D566" t="str">
            <v>手摺工</v>
          </cell>
          <cell r="E566" t="str">
            <v>H=1100</v>
          </cell>
          <cell r="G566" t="str">
            <v>m</v>
          </cell>
          <cell r="H566">
            <v>45000</v>
          </cell>
          <cell r="J566" t="str">
            <v>見積</v>
          </cell>
        </row>
        <row r="567">
          <cell r="B567">
            <v>564</v>
          </cell>
          <cell r="D567" t="str">
            <v>手摺工</v>
          </cell>
          <cell r="H567">
            <v>0</v>
          </cell>
          <cell r="J567" t="str">
            <v>見積</v>
          </cell>
        </row>
        <row r="568">
          <cell r="B568">
            <v>565</v>
          </cell>
          <cell r="D568" t="str">
            <v>不断水割T字管</v>
          </cell>
          <cell r="E568" t="str">
            <v>鋼管用　800A×φ800</v>
          </cell>
          <cell r="F568" t="str">
            <v>バタフライ弁付</v>
          </cell>
          <cell r="G568" t="str">
            <v>基</v>
          </cell>
          <cell r="H568">
            <v>10600000</v>
          </cell>
          <cell r="J568" t="str">
            <v>見積</v>
          </cell>
          <cell r="L568">
            <v>10600000</v>
          </cell>
        </row>
        <row r="569">
          <cell r="B569">
            <v>566</v>
          </cell>
          <cell r="D569" t="str">
            <v>不断水割T字管設置工</v>
          </cell>
          <cell r="E569" t="str">
            <v>鋼管用　800A×φ800</v>
          </cell>
          <cell r="F569" t="str">
            <v>バタフライ弁付</v>
          </cell>
          <cell r="G569" t="str">
            <v>箇所</v>
          </cell>
          <cell r="H569">
            <v>5000000</v>
          </cell>
          <cell r="J569" t="str">
            <v>見積</v>
          </cell>
        </row>
        <row r="570">
          <cell r="B570">
            <v>567</v>
          </cell>
          <cell r="H570">
            <v>0</v>
          </cell>
        </row>
        <row r="571">
          <cell r="B571">
            <v>568</v>
          </cell>
          <cell r="H571">
            <v>0</v>
          </cell>
        </row>
        <row r="572">
          <cell r="B572">
            <v>569</v>
          </cell>
          <cell r="H572">
            <v>0</v>
          </cell>
        </row>
        <row r="573">
          <cell r="B573">
            <v>570</v>
          </cell>
          <cell r="H573">
            <v>0</v>
          </cell>
        </row>
        <row r="574">
          <cell r="B574">
            <v>571</v>
          </cell>
          <cell r="H574">
            <v>0</v>
          </cell>
        </row>
        <row r="575">
          <cell r="B575">
            <v>572</v>
          </cell>
          <cell r="H575">
            <v>0</v>
          </cell>
        </row>
        <row r="576">
          <cell r="B576">
            <v>573</v>
          </cell>
          <cell r="H576">
            <v>0</v>
          </cell>
        </row>
        <row r="577">
          <cell r="B577">
            <v>574</v>
          </cell>
          <cell r="H577">
            <v>0</v>
          </cell>
        </row>
        <row r="578">
          <cell r="B578">
            <v>575</v>
          </cell>
          <cell r="H578">
            <v>0</v>
          </cell>
        </row>
        <row r="579">
          <cell r="B579">
            <v>576</v>
          </cell>
          <cell r="H579">
            <v>0</v>
          </cell>
        </row>
        <row r="580">
          <cell r="B580">
            <v>577</v>
          </cell>
          <cell r="H580">
            <v>0</v>
          </cell>
        </row>
        <row r="581">
          <cell r="B581">
            <v>578</v>
          </cell>
          <cell r="H581">
            <v>0</v>
          </cell>
        </row>
        <row r="582">
          <cell r="B582">
            <v>579</v>
          </cell>
          <cell r="H582">
            <v>0</v>
          </cell>
        </row>
        <row r="583">
          <cell r="B583">
            <v>580</v>
          </cell>
          <cell r="H583">
            <v>0</v>
          </cell>
        </row>
        <row r="584">
          <cell r="B584">
            <v>581</v>
          </cell>
          <cell r="H584">
            <v>0</v>
          </cell>
        </row>
        <row r="585">
          <cell r="B585">
            <v>582</v>
          </cell>
          <cell r="H585">
            <v>0</v>
          </cell>
        </row>
        <row r="586">
          <cell r="B586">
            <v>583</v>
          </cell>
          <cell r="H586">
            <v>0</v>
          </cell>
        </row>
        <row r="587">
          <cell r="B587">
            <v>584</v>
          </cell>
          <cell r="H587">
            <v>0</v>
          </cell>
        </row>
        <row r="588">
          <cell r="B588">
            <v>585</v>
          </cell>
          <cell r="H588">
            <v>0</v>
          </cell>
        </row>
        <row r="589">
          <cell r="B589">
            <v>586</v>
          </cell>
          <cell r="H589">
            <v>0</v>
          </cell>
        </row>
        <row r="590">
          <cell r="B590">
            <v>587</v>
          </cell>
          <cell r="H590">
            <v>0</v>
          </cell>
        </row>
        <row r="591">
          <cell r="B591">
            <v>588</v>
          </cell>
          <cell r="H591">
            <v>0</v>
          </cell>
        </row>
        <row r="592">
          <cell r="B592">
            <v>589</v>
          </cell>
          <cell r="H592">
            <v>0</v>
          </cell>
        </row>
        <row r="593">
          <cell r="B593">
            <v>590</v>
          </cell>
          <cell r="H593">
            <v>0</v>
          </cell>
        </row>
        <row r="594">
          <cell r="B594">
            <v>591</v>
          </cell>
          <cell r="H594">
            <v>0</v>
          </cell>
        </row>
        <row r="595">
          <cell r="B595">
            <v>592</v>
          </cell>
          <cell r="H595">
            <v>0</v>
          </cell>
        </row>
        <row r="596">
          <cell r="B596">
            <v>593</v>
          </cell>
          <cell r="H596">
            <v>0</v>
          </cell>
        </row>
        <row r="597">
          <cell r="B597">
            <v>594</v>
          </cell>
          <cell r="H597">
            <v>0</v>
          </cell>
        </row>
        <row r="598">
          <cell r="B598">
            <v>595</v>
          </cell>
          <cell r="H598">
            <v>0</v>
          </cell>
        </row>
        <row r="599">
          <cell r="B599">
            <v>596</v>
          </cell>
          <cell r="H599">
            <v>0</v>
          </cell>
        </row>
        <row r="600">
          <cell r="B600">
            <v>597</v>
          </cell>
          <cell r="H600">
            <v>0</v>
          </cell>
        </row>
        <row r="601">
          <cell r="B601">
            <v>598</v>
          </cell>
          <cell r="H601">
            <v>0</v>
          </cell>
        </row>
        <row r="602">
          <cell r="B602">
            <v>599</v>
          </cell>
          <cell r="H602">
            <v>0</v>
          </cell>
        </row>
        <row r="603">
          <cell r="B603">
            <v>600</v>
          </cell>
          <cell r="H603">
            <v>0</v>
          </cell>
        </row>
        <row r="604">
          <cell r="B604">
            <v>601</v>
          </cell>
          <cell r="H604">
            <v>0</v>
          </cell>
        </row>
        <row r="605">
          <cell r="B605">
            <v>602</v>
          </cell>
          <cell r="H605">
            <v>0</v>
          </cell>
        </row>
        <row r="606">
          <cell r="B606">
            <v>603</v>
          </cell>
          <cell r="H606">
            <v>0</v>
          </cell>
        </row>
        <row r="607">
          <cell r="B607">
            <v>604</v>
          </cell>
          <cell r="H607">
            <v>0</v>
          </cell>
        </row>
        <row r="608">
          <cell r="B608">
            <v>605</v>
          </cell>
          <cell r="H608">
            <v>0</v>
          </cell>
        </row>
        <row r="609">
          <cell r="B609">
            <v>606</v>
          </cell>
          <cell r="H609">
            <v>0</v>
          </cell>
        </row>
        <row r="610">
          <cell r="B610">
            <v>607</v>
          </cell>
          <cell r="H610">
            <v>0</v>
          </cell>
        </row>
        <row r="611">
          <cell r="B611">
            <v>608</v>
          </cell>
          <cell r="H611">
            <v>0</v>
          </cell>
        </row>
        <row r="612">
          <cell r="B612">
            <v>609</v>
          </cell>
          <cell r="H612">
            <v>0</v>
          </cell>
        </row>
        <row r="613">
          <cell r="B613">
            <v>610</v>
          </cell>
          <cell r="H613">
            <v>0</v>
          </cell>
        </row>
        <row r="614">
          <cell r="B614">
            <v>611</v>
          </cell>
          <cell r="H614">
            <v>0</v>
          </cell>
        </row>
        <row r="615">
          <cell r="B615">
            <v>612</v>
          </cell>
          <cell r="H615">
            <v>0</v>
          </cell>
        </row>
        <row r="616">
          <cell r="B616">
            <v>613</v>
          </cell>
          <cell r="H616">
            <v>0</v>
          </cell>
        </row>
        <row r="617">
          <cell r="B617">
            <v>614</v>
          </cell>
          <cell r="H617">
            <v>0</v>
          </cell>
        </row>
        <row r="618">
          <cell r="B618">
            <v>615</v>
          </cell>
          <cell r="H618">
            <v>0</v>
          </cell>
        </row>
        <row r="619">
          <cell r="B619">
            <v>616</v>
          </cell>
          <cell r="H619">
            <v>0</v>
          </cell>
        </row>
        <row r="620">
          <cell r="B620">
            <v>617</v>
          </cell>
          <cell r="H620">
            <v>0</v>
          </cell>
        </row>
        <row r="621">
          <cell r="B621">
            <v>618</v>
          </cell>
          <cell r="H621">
            <v>0</v>
          </cell>
        </row>
        <row r="622">
          <cell r="B622">
            <v>619</v>
          </cell>
          <cell r="H622">
            <v>0</v>
          </cell>
        </row>
        <row r="623">
          <cell r="B623">
            <v>620</v>
          </cell>
          <cell r="H623">
            <v>0</v>
          </cell>
        </row>
        <row r="624">
          <cell r="B624">
            <v>621</v>
          </cell>
          <cell r="H624">
            <v>0</v>
          </cell>
        </row>
        <row r="625">
          <cell r="B625">
            <v>622</v>
          </cell>
          <cell r="H625">
            <v>0</v>
          </cell>
        </row>
        <row r="626">
          <cell r="B626">
            <v>623</v>
          </cell>
          <cell r="H626">
            <v>0</v>
          </cell>
        </row>
        <row r="627">
          <cell r="B627">
            <v>624</v>
          </cell>
          <cell r="H627">
            <v>0</v>
          </cell>
        </row>
        <row r="628">
          <cell r="B628">
            <v>625</v>
          </cell>
          <cell r="H628">
            <v>0</v>
          </cell>
        </row>
        <row r="629">
          <cell r="B629">
            <v>626</v>
          </cell>
          <cell r="H629">
            <v>0</v>
          </cell>
        </row>
        <row r="630">
          <cell r="B630">
            <v>627</v>
          </cell>
          <cell r="H630">
            <v>0</v>
          </cell>
        </row>
        <row r="631">
          <cell r="B631">
            <v>628</v>
          </cell>
          <cell r="H631">
            <v>0</v>
          </cell>
        </row>
        <row r="632">
          <cell r="B632">
            <v>629</v>
          </cell>
          <cell r="H632">
            <v>0</v>
          </cell>
        </row>
        <row r="633">
          <cell r="B633">
            <v>630</v>
          </cell>
          <cell r="H633">
            <v>0</v>
          </cell>
        </row>
        <row r="634">
          <cell r="B634">
            <v>631</v>
          </cell>
          <cell r="H634">
            <v>0</v>
          </cell>
        </row>
        <row r="635">
          <cell r="B635">
            <v>632</v>
          </cell>
          <cell r="H635">
            <v>0</v>
          </cell>
        </row>
        <row r="636">
          <cell r="B636">
            <v>633</v>
          </cell>
          <cell r="H636">
            <v>0</v>
          </cell>
        </row>
        <row r="637">
          <cell r="B637">
            <v>634</v>
          </cell>
          <cell r="H637">
            <v>0</v>
          </cell>
        </row>
        <row r="638">
          <cell r="B638">
            <v>635</v>
          </cell>
          <cell r="H638">
            <v>0</v>
          </cell>
        </row>
        <row r="639">
          <cell r="B639">
            <v>636</v>
          </cell>
          <cell r="H639">
            <v>0</v>
          </cell>
        </row>
        <row r="640">
          <cell r="B640">
            <v>637</v>
          </cell>
          <cell r="H640">
            <v>0</v>
          </cell>
        </row>
        <row r="641">
          <cell r="B641">
            <v>638</v>
          </cell>
          <cell r="H641">
            <v>0</v>
          </cell>
        </row>
        <row r="642">
          <cell r="B642">
            <v>639</v>
          </cell>
          <cell r="H642">
            <v>0</v>
          </cell>
        </row>
        <row r="643">
          <cell r="B643">
            <v>640</v>
          </cell>
          <cell r="H643">
            <v>0</v>
          </cell>
        </row>
        <row r="644">
          <cell r="B644">
            <v>641</v>
          </cell>
          <cell r="H644">
            <v>0</v>
          </cell>
        </row>
        <row r="645">
          <cell r="B645">
            <v>642</v>
          </cell>
          <cell r="H645">
            <v>0</v>
          </cell>
        </row>
        <row r="646">
          <cell r="B646">
            <v>643</v>
          </cell>
          <cell r="H646">
            <v>0</v>
          </cell>
        </row>
        <row r="647">
          <cell r="B647">
            <v>644</v>
          </cell>
          <cell r="H647">
            <v>0</v>
          </cell>
        </row>
        <row r="648">
          <cell r="B648">
            <v>645</v>
          </cell>
          <cell r="H648">
            <v>0</v>
          </cell>
        </row>
        <row r="649">
          <cell r="B649">
            <v>646</v>
          </cell>
          <cell r="H649">
            <v>0</v>
          </cell>
        </row>
        <row r="650">
          <cell r="B650">
            <v>647</v>
          </cell>
          <cell r="H650">
            <v>0</v>
          </cell>
        </row>
        <row r="651">
          <cell r="B651">
            <v>648</v>
          </cell>
          <cell r="H651">
            <v>0</v>
          </cell>
        </row>
        <row r="652">
          <cell r="B652">
            <v>649</v>
          </cell>
          <cell r="H652">
            <v>0</v>
          </cell>
        </row>
        <row r="653">
          <cell r="B653">
            <v>650</v>
          </cell>
          <cell r="H653">
            <v>0</v>
          </cell>
        </row>
        <row r="654">
          <cell r="B654">
            <v>651</v>
          </cell>
          <cell r="H654">
            <v>0</v>
          </cell>
        </row>
        <row r="655">
          <cell r="B655">
            <v>652</v>
          </cell>
          <cell r="H655">
            <v>0</v>
          </cell>
        </row>
        <row r="656">
          <cell r="B656">
            <v>653</v>
          </cell>
          <cell r="H656">
            <v>0</v>
          </cell>
        </row>
        <row r="657">
          <cell r="B657">
            <v>654</v>
          </cell>
          <cell r="H657">
            <v>0</v>
          </cell>
        </row>
        <row r="658">
          <cell r="B658">
            <v>655</v>
          </cell>
          <cell r="H658">
            <v>0</v>
          </cell>
        </row>
        <row r="659">
          <cell r="B659">
            <v>656</v>
          </cell>
          <cell r="H659">
            <v>0</v>
          </cell>
        </row>
        <row r="660">
          <cell r="B660">
            <v>657</v>
          </cell>
          <cell r="H660">
            <v>0</v>
          </cell>
        </row>
        <row r="661">
          <cell r="B661">
            <v>658</v>
          </cell>
          <cell r="H661">
            <v>0</v>
          </cell>
        </row>
        <row r="662">
          <cell r="B662">
            <v>659</v>
          </cell>
          <cell r="H662">
            <v>0</v>
          </cell>
        </row>
        <row r="663">
          <cell r="B663">
            <v>660</v>
          </cell>
          <cell r="H663">
            <v>0</v>
          </cell>
        </row>
        <row r="664">
          <cell r="B664">
            <v>661</v>
          </cell>
          <cell r="H664">
            <v>0</v>
          </cell>
        </row>
        <row r="665">
          <cell r="B665">
            <v>662</v>
          </cell>
          <cell r="H665">
            <v>0</v>
          </cell>
        </row>
        <row r="666">
          <cell r="B666">
            <v>663</v>
          </cell>
          <cell r="H666">
            <v>0</v>
          </cell>
        </row>
        <row r="667">
          <cell r="B667">
            <v>664</v>
          </cell>
          <cell r="H667">
            <v>0</v>
          </cell>
        </row>
        <row r="668">
          <cell r="B668">
            <v>665</v>
          </cell>
          <cell r="H668">
            <v>0</v>
          </cell>
        </row>
        <row r="669">
          <cell r="B669">
            <v>666</v>
          </cell>
          <cell r="H669">
            <v>0</v>
          </cell>
        </row>
        <row r="670">
          <cell r="B670">
            <v>667</v>
          </cell>
          <cell r="H670">
            <v>0</v>
          </cell>
        </row>
        <row r="671">
          <cell r="B671">
            <v>668</v>
          </cell>
          <cell r="H671">
            <v>0</v>
          </cell>
        </row>
        <row r="672">
          <cell r="B672">
            <v>669</v>
          </cell>
          <cell r="H672">
            <v>0</v>
          </cell>
        </row>
        <row r="673">
          <cell r="B673">
            <v>670</v>
          </cell>
          <cell r="H673">
            <v>0</v>
          </cell>
        </row>
        <row r="674">
          <cell r="B674">
            <v>671</v>
          </cell>
          <cell r="H674">
            <v>0</v>
          </cell>
        </row>
        <row r="675">
          <cell r="B675">
            <v>672</v>
          </cell>
          <cell r="H675">
            <v>0</v>
          </cell>
        </row>
        <row r="676">
          <cell r="B676">
            <v>673</v>
          </cell>
          <cell r="H676">
            <v>0</v>
          </cell>
        </row>
        <row r="677">
          <cell r="B677">
            <v>674</v>
          </cell>
          <cell r="H677">
            <v>0</v>
          </cell>
        </row>
        <row r="678">
          <cell r="B678">
            <v>675</v>
          </cell>
          <cell r="H678">
            <v>0</v>
          </cell>
        </row>
        <row r="679">
          <cell r="B679">
            <v>676</v>
          </cell>
          <cell r="H679">
            <v>0</v>
          </cell>
        </row>
        <row r="680">
          <cell r="B680">
            <v>677</v>
          </cell>
          <cell r="H680">
            <v>0</v>
          </cell>
        </row>
        <row r="681">
          <cell r="B681">
            <v>678</v>
          </cell>
          <cell r="H681">
            <v>0</v>
          </cell>
        </row>
        <row r="682">
          <cell r="B682">
            <v>679</v>
          </cell>
          <cell r="H682">
            <v>0</v>
          </cell>
        </row>
        <row r="683">
          <cell r="B683">
            <v>680</v>
          </cell>
          <cell r="H683">
            <v>0</v>
          </cell>
        </row>
        <row r="684">
          <cell r="B684">
            <v>681</v>
          </cell>
          <cell r="H684">
            <v>0</v>
          </cell>
        </row>
        <row r="685">
          <cell r="B685">
            <v>682</v>
          </cell>
          <cell r="H685">
            <v>0</v>
          </cell>
        </row>
        <row r="686">
          <cell r="B686">
            <v>683</v>
          </cell>
          <cell r="H686">
            <v>0</v>
          </cell>
        </row>
        <row r="687">
          <cell r="B687">
            <v>684</v>
          </cell>
          <cell r="H687">
            <v>0</v>
          </cell>
        </row>
        <row r="688">
          <cell r="B688">
            <v>685</v>
          </cell>
          <cell r="H688">
            <v>0</v>
          </cell>
        </row>
        <row r="689">
          <cell r="B689">
            <v>686</v>
          </cell>
          <cell r="H689">
            <v>0</v>
          </cell>
        </row>
        <row r="690">
          <cell r="B690">
            <v>687</v>
          </cell>
          <cell r="H690">
            <v>0</v>
          </cell>
        </row>
        <row r="691">
          <cell r="B691">
            <v>688</v>
          </cell>
          <cell r="H691">
            <v>0</v>
          </cell>
        </row>
        <row r="692">
          <cell r="B692">
            <v>689</v>
          </cell>
          <cell r="H692">
            <v>0</v>
          </cell>
        </row>
        <row r="693">
          <cell r="B693">
            <v>690</v>
          </cell>
          <cell r="H693">
            <v>0</v>
          </cell>
        </row>
        <row r="694">
          <cell r="B694">
            <v>691</v>
          </cell>
          <cell r="H694">
            <v>0</v>
          </cell>
        </row>
        <row r="695">
          <cell r="B695">
            <v>692</v>
          </cell>
          <cell r="H695">
            <v>0</v>
          </cell>
        </row>
        <row r="696">
          <cell r="B696">
            <v>693</v>
          </cell>
          <cell r="H696">
            <v>0</v>
          </cell>
        </row>
        <row r="697">
          <cell r="B697">
            <v>694</v>
          </cell>
          <cell r="H697">
            <v>0</v>
          </cell>
        </row>
        <row r="698">
          <cell r="B698">
            <v>695</v>
          </cell>
          <cell r="H698">
            <v>0</v>
          </cell>
        </row>
        <row r="699">
          <cell r="B699">
            <v>696</v>
          </cell>
          <cell r="H699">
            <v>0</v>
          </cell>
        </row>
        <row r="700">
          <cell r="B700">
            <v>697</v>
          </cell>
          <cell r="H700">
            <v>0</v>
          </cell>
        </row>
        <row r="701">
          <cell r="B701">
            <v>698</v>
          </cell>
          <cell r="H701">
            <v>0</v>
          </cell>
        </row>
        <row r="702">
          <cell r="B702">
            <v>699</v>
          </cell>
          <cell r="H702">
            <v>0</v>
          </cell>
        </row>
        <row r="703">
          <cell r="B703">
            <v>700</v>
          </cell>
          <cell r="H703">
            <v>0</v>
          </cell>
        </row>
        <row r="704">
          <cell r="B704">
            <v>701</v>
          </cell>
          <cell r="H704">
            <v>0</v>
          </cell>
        </row>
        <row r="705">
          <cell r="B705">
            <v>702</v>
          </cell>
          <cell r="H705">
            <v>0</v>
          </cell>
        </row>
        <row r="706">
          <cell r="B706">
            <v>703</v>
          </cell>
          <cell r="H706">
            <v>0</v>
          </cell>
        </row>
        <row r="707">
          <cell r="B707">
            <v>704</v>
          </cell>
          <cell r="H707">
            <v>0</v>
          </cell>
        </row>
        <row r="708">
          <cell r="B708">
            <v>705</v>
          </cell>
          <cell r="H708">
            <v>0</v>
          </cell>
        </row>
        <row r="709">
          <cell r="B709">
            <v>706</v>
          </cell>
          <cell r="H709">
            <v>0</v>
          </cell>
        </row>
        <row r="710">
          <cell r="B710">
            <v>707</v>
          </cell>
          <cell r="H710">
            <v>0</v>
          </cell>
        </row>
        <row r="711">
          <cell r="B711">
            <v>708</v>
          </cell>
          <cell r="H711">
            <v>0</v>
          </cell>
        </row>
        <row r="712">
          <cell r="B712">
            <v>709</v>
          </cell>
          <cell r="H712">
            <v>0</v>
          </cell>
        </row>
        <row r="713">
          <cell r="B713">
            <v>710</v>
          </cell>
          <cell r="H713">
            <v>0</v>
          </cell>
        </row>
        <row r="714">
          <cell r="B714">
            <v>711</v>
          </cell>
          <cell r="H714">
            <v>0</v>
          </cell>
        </row>
        <row r="715">
          <cell r="B715">
            <v>712</v>
          </cell>
          <cell r="H715">
            <v>0</v>
          </cell>
        </row>
        <row r="716">
          <cell r="B716">
            <v>713</v>
          </cell>
          <cell r="H716">
            <v>0</v>
          </cell>
        </row>
        <row r="717">
          <cell r="B717">
            <v>714</v>
          </cell>
          <cell r="H717">
            <v>0</v>
          </cell>
        </row>
        <row r="718">
          <cell r="B718">
            <v>715</v>
          </cell>
          <cell r="H718">
            <v>0</v>
          </cell>
        </row>
        <row r="719">
          <cell r="B719">
            <v>716</v>
          </cell>
          <cell r="H719">
            <v>0</v>
          </cell>
        </row>
        <row r="720">
          <cell r="B720">
            <v>717</v>
          </cell>
          <cell r="H720">
            <v>0</v>
          </cell>
        </row>
        <row r="721">
          <cell r="B721">
            <v>718</v>
          </cell>
          <cell r="H721">
            <v>0</v>
          </cell>
        </row>
        <row r="722">
          <cell r="B722">
            <v>719</v>
          </cell>
          <cell r="H722">
            <v>0</v>
          </cell>
        </row>
        <row r="723">
          <cell r="B723">
            <v>720</v>
          </cell>
          <cell r="H723">
            <v>0</v>
          </cell>
        </row>
        <row r="724">
          <cell r="B724">
            <v>721</v>
          </cell>
          <cell r="H724">
            <v>0</v>
          </cell>
        </row>
        <row r="725">
          <cell r="B725">
            <v>722</v>
          </cell>
          <cell r="H725">
            <v>0</v>
          </cell>
        </row>
        <row r="726">
          <cell r="B726">
            <v>723</v>
          </cell>
          <cell r="H726">
            <v>0</v>
          </cell>
        </row>
        <row r="727">
          <cell r="B727">
            <v>724</v>
          </cell>
          <cell r="H727">
            <v>0</v>
          </cell>
        </row>
        <row r="728">
          <cell r="B728">
            <v>725</v>
          </cell>
          <cell r="H728">
            <v>0</v>
          </cell>
        </row>
        <row r="729">
          <cell r="B729">
            <v>726</v>
          </cell>
          <cell r="H729">
            <v>0</v>
          </cell>
        </row>
        <row r="730">
          <cell r="B730">
            <v>727</v>
          </cell>
          <cell r="H730">
            <v>0</v>
          </cell>
        </row>
        <row r="731">
          <cell r="B731">
            <v>728</v>
          </cell>
          <cell r="H731">
            <v>0</v>
          </cell>
        </row>
        <row r="732">
          <cell r="B732">
            <v>729</v>
          </cell>
          <cell r="H732">
            <v>0</v>
          </cell>
        </row>
        <row r="733">
          <cell r="B733">
            <v>730</v>
          </cell>
          <cell r="H733">
            <v>0</v>
          </cell>
        </row>
        <row r="734">
          <cell r="B734">
            <v>731</v>
          </cell>
          <cell r="H734">
            <v>0</v>
          </cell>
        </row>
        <row r="735">
          <cell r="B735">
            <v>732</v>
          </cell>
          <cell r="H735">
            <v>0</v>
          </cell>
        </row>
        <row r="736">
          <cell r="B736">
            <v>733</v>
          </cell>
          <cell r="H736">
            <v>0</v>
          </cell>
        </row>
        <row r="737">
          <cell r="B737">
            <v>734</v>
          </cell>
          <cell r="H737">
            <v>0</v>
          </cell>
        </row>
        <row r="738">
          <cell r="B738">
            <v>735</v>
          </cell>
          <cell r="H738">
            <v>0</v>
          </cell>
        </row>
        <row r="739">
          <cell r="B739">
            <v>736</v>
          </cell>
          <cell r="H739">
            <v>0</v>
          </cell>
        </row>
        <row r="740">
          <cell r="B740">
            <v>737</v>
          </cell>
          <cell r="H740">
            <v>0</v>
          </cell>
        </row>
        <row r="741">
          <cell r="B741">
            <v>738</v>
          </cell>
          <cell r="H741">
            <v>0</v>
          </cell>
        </row>
        <row r="742">
          <cell r="B742">
            <v>739</v>
          </cell>
          <cell r="H742">
            <v>0</v>
          </cell>
        </row>
        <row r="743">
          <cell r="B743">
            <v>740</v>
          </cell>
          <cell r="H743">
            <v>0</v>
          </cell>
        </row>
        <row r="744">
          <cell r="B744">
            <v>741</v>
          </cell>
          <cell r="H744">
            <v>0</v>
          </cell>
        </row>
        <row r="745">
          <cell r="B745">
            <v>742</v>
          </cell>
          <cell r="H745">
            <v>0</v>
          </cell>
        </row>
        <row r="746">
          <cell r="B746">
            <v>743</v>
          </cell>
          <cell r="H746">
            <v>0</v>
          </cell>
        </row>
        <row r="747">
          <cell r="B747">
            <v>744</v>
          </cell>
          <cell r="H747">
            <v>0</v>
          </cell>
        </row>
        <row r="748">
          <cell r="B748">
            <v>745</v>
          </cell>
          <cell r="H748">
            <v>0</v>
          </cell>
        </row>
        <row r="749">
          <cell r="B749">
            <v>746</v>
          </cell>
          <cell r="H749">
            <v>0</v>
          </cell>
        </row>
        <row r="750">
          <cell r="B750">
            <v>747</v>
          </cell>
          <cell r="H750">
            <v>0</v>
          </cell>
        </row>
        <row r="751">
          <cell r="B751">
            <v>748</v>
          </cell>
          <cell r="H751">
            <v>0</v>
          </cell>
        </row>
        <row r="752">
          <cell r="B752">
            <v>749</v>
          </cell>
          <cell r="H752">
            <v>0</v>
          </cell>
        </row>
        <row r="753">
          <cell r="B753">
            <v>750</v>
          </cell>
          <cell r="H753">
            <v>0</v>
          </cell>
        </row>
        <row r="754">
          <cell r="B754">
            <v>751</v>
          </cell>
          <cell r="H754">
            <v>0</v>
          </cell>
        </row>
        <row r="755">
          <cell r="B755">
            <v>752</v>
          </cell>
          <cell r="H755">
            <v>0</v>
          </cell>
        </row>
        <row r="756">
          <cell r="B756">
            <v>753</v>
          </cell>
          <cell r="H756">
            <v>0</v>
          </cell>
        </row>
        <row r="757">
          <cell r="B757">
            <v>754</v>
          </cell>
          <cell r="H757">
            <v>0</v>
          </cell>
        </row>
        <row r="758">
          <cell r="B758">
            <v>755</v>
          </cell>
          <cell r="H758">
            <v>0</v>
          </cell>
        </row>
        <row r="759">
          <cell r="B759">
            <v>756</v>
          </cell>
          <cell r="H759">
            <v>0</v>
          </cell>
        </row>
        <row r="760">
          <cell r="B760">
            <v>757</v>
          </cell>
          <cell r="H760">
            <v>0</v>
          </cell>
        </row>
        <row r="761">
          <cell r="B761">
            <v>758</v>
          </cell>
          <cell r="H761">
            <v>0</v>
          </cell>
        </row>
        <row r="762">
          <cell r="B762">
            <v>759</v>
          </cell>
          <cell r="H762">
            <v>0</v>
          </cell>
        </row>
        <row r="763">
          <cell r="B763">
            <v>760</v>
          </cell>
          <cell r="H763">
            <v>0</v>
          </cell>
        </row>
        <row r="764">
          <cell r="B764">
            <v>761</v>
          </cell>
          <cell r="H764">
            <v>0</v>
          </cell>
        </row>
        <row r="765">
          <cell r="B765">
            <v>762</v>
          </cell>
          <cell r="H765">
            <v>0</v>
          </cell>
        </row>
        <row r="766">
          <cell r="B766">
            <v>763</v>
          </cell>
          <cell r="H766">
            <v>0</v>
          </cell>
        </row>
        <row r="767">
          <cell r="B767">
            <v>764</v>
          </cell>
          <cell r="H767">
            <v>0</v>
          </cell>
        </row>
        <row r="768">
          <cell r="B768">
            <v>765</v>
          </cell>
          <cell r="H768">
            <v>0</v>
          </cell>
        </row>
        <row r="769">
          <cell r="B769">
            <v>766</v>
          </cell>
          <cell r="H769">
            <v>0</v>
          </cell>
        </row>
        <row r="770">
          <cell r="B770">
            <v>767</v>
          </cell>
          <cell r="H770">
            <v>0</v>
          </cell>
        </row>
        <row r="771">
          <cell r="B771">
            <v>768</v>
          </cell>
          <cell r="H771">
            <v>0</v>
          </cell>
        </row>
        <row r="772">
          <cell r="B772">
            <v>769</v>
          </cell>
          <cell r="H772">
            <v>0</v>
          </cell>
        </row>
        <row r="773">
          <cell r="B773">
            <v>770</v>
          </cell>
          <cell r="H773">
            <v>0</v>
          </cell>
        </row>
        <row r="774">
          <cell r="B774">
            <v>771</v>
          </cell>
          <cell r="H774">
            <v>0</v>
          </cell>
        </row>
        <row r="775">
          <cell r="B775">
            <v>772</v>
          </cell>
          <cell r="H775">
            <v>0</v>
          </cell>
        </row>
        <row r="776">
          <cell r="B776">
            <v>773</v>
          </cell>
          <cell r="H776">
            <v>0</v>
          </cell>
        </row>
        <row r="777">
          <cell r="B777">
            <v>774</v>
          </cell>
          <cell r="H777">
            <v>0</v>
          </cell>
        </row>
        <row r="778">
          <cell r="B778">
            <v>775</v>
          </cell>
          <cell r="H778">
            <v>0</v>
          </cell>
        </row>
        <row r="779">
          <cell r="B779">
            <v>776</v>
          </cell>
          <cell r="H779">
            <v>0</v>
          </cell>
        </row>
        <row r="780">
          <cell r="B780">
            <v>777</v>
          </cell>
          <cell r="H780">
            <v>0</v>
          </cell>
        </row>
        <row r="781">
          <cell r="B781">
            <v>778</v>
          </cell>
          <cell r="H781">
            <v>0</v>
          </cell>
        </row>
        <row r="782">
          <cell r="B782">
            <v>779</v>
          </cell>
          <cell r="H782">
            <v>0</v>
          </cell>
        </row>
        <row r="783">
          <cell r="B783">
            <v>780</v>
          </cell>
          <cell r="H783">
            <v>0</v>
          </cell>
        </row>
        <row r="784">
          <cell r="B784">
            <v>781</v>
          </cell>
          <cell r="H784">
            <v>0</v>
          </cell>
        </row>
        <row r="785">
          <cell r="B785">
            <v>782</v>
          </cell>
          <cell r="H785">
            <v>0</v>
          </cell>
        </row>
        <row r="786">
          <cell r="B786">
            <v>783</v>
          </cell>
          <cell r="H786">
            <v>0</v>
          </cell>
        </row>
        <row r="787">
          <cell r="B787">
            <v>784</v>
          </cell>
          <cell r="H787">
            <v>0</v>
          </cell>
        </row>
        <row r="788">
          <cell r="B788">
            <v>785</v>
          </cell>
          <cell r="H788">
            <v>0</v>
          </cell>
        </row>
        <row r="789">
          <cell r="B789">
            <v>786</v>
          </cell>
          <cell r="H789">
            <v>0</v>
          </cell>
        </row>
        <row r="790">
          <cell r="B790">
            <v>787</v>
          </cell>
          <cell r="H790">
            <v>0</v>
          </cell>
        </row>
        <row r="791">
          <cell r="B791">
            <v>788</v>
          </cell>
          <cell r="H791">
            <v>0</v>
          </cell>
        </row>
        <row r="792">
          <cell r="B792">
            <v>789</v>
          </cell>
          <cell r="H792">
            <v>0</v>
          </cell>
        </row>
        <row r="793">
          <cell r="B793">
            <v>790</v>
          </cell>
          <cell r="H793">
            <v>0</v>
          </cell>
        </row>
        <row r="794">
          <cell r="B794">
            <v>791</v>
          </cell>
          <cell r="H794">
            <v>0</v>
          </cell>
        </row>
        <row r="795">
          <cell r="B795">
            <v>792</v>
          </cell>
          <cell r="H795">
            <v>0</v>
          </cell>
        </row>
        <row r="796">
          <cell r="B796">
            <v>793</v>
          </cell>
          <cell r="H796">
            <v>0</v>
          </cell>
        </row>
        <row r="797">
          <cell r="B797">
            <v>794</v>
          </cell>
          <cell r="H797">
            <v>0</v>
          </cell>
        </row>
        <row r="798">
          <cell r="B798">
            <v>795</v>
          </cell>
          <cell r="H798">
            <v>0</v>
          </cell>
        </row>
        <row r="799">
          <cell r="B799">
            <v>796</v>
          </cell>
          <cell r="H799">
            <v>0</v>
          </cell>
        </row>
        <row r="800">
          <cell r="B800">
            <v>797</v>
          </cell>
          <cell r="H800">
            <v>0</v>
          </cell>
        </row>
        <row r="801">
          <cell r="B801">
            <v>798</v>
          </cell>
          <cell r="H801">
            <v>0</v>
          </cell>
        </row>
        <row r="802">
          <cell r="B802">
            <v>799</v>
          </cell>
          <cell r="H802">
            <v>0</v>
          </cell>
        </row>
        <row r="803">
          <cell r="B803">
            <v>800</v>
          </cell>
          <cell r="H803">
            <v>0</v>
          </cell>
        </row>
        <row r="804">
          <cell r="B804">
            <v>801</v>
          </cell>
          <cell r="H804">
            <v>0</v>
          </cell>
        </row>
        <row r="805">
          <cell r="B805">
            <v>802</v>
          </cell>
          <cell r="H805">
            <v>0</v>
          </cell>
        </row>
        <row r="806">
          <cell r="B806">
            <v>803</v>
          </cell>
          <cell r="H806">
            <v>0</v>
          </cell>
        </row>
        <row r="807">
          <cell r="B807">
            <v>804</v>
          </cell>
          <cell r="H807">
            <v>0</v>
          </cell>
        </row>
        <row r="808">
          <cell r="B808">
            <v>805</v>
          </cell>
          <cell r="H808">
            <v>0</v>
          </cell>
        </row>
        <row r="809">
          <cell r="B809">
            <v>806</v>
          </cell>
          <cell r="H809">
            <v>0</v>
          </cell>
        </row>
        <row r="810">
          <cell r="B810">
            <v>807</v>
          </cell>
          <cell r="H810">
            <v>0</v>
          </cell>
        </row>
        <row r="811">
          <cell r="B811">
            <v>808</v>
          </cell>
          <cell r="H811">
            <v>0</v>
          </cell>
        </row>
        <row r="812">
          <cell r="B812">
            <v>809</v>
          </cell>
          <cell r="H812">
            <v>0</v>
          </cell>
        </row>
        <row r="813">
          <cell r="B813">
            <v>810</v>
          </cell>
          <cell r="H813">
            <v>0</v>
          </cell>
        </row>
        <row r="814">
          <cell r="B814">
            <v>811</v>
          </cell>
          <cell r="H814">
            <v>0</v>
          </cell>
        </row>
        <row r="815">
          <cell r="B815">
            <v>812</v>
          </cell>
          <cell r="H815">
            <v>0</v>
          </cell>
        </row>
        <row r="816">
          <cell r="B816">
            <v>813</v>
          </cell>
          <cell r="H816">
            <v>0</v>
          </cell>
        </row>
        <row r="817">
          <cell r="B817">
            <v>814</v>
          </cell>
          <cell r="H817">
            <v>0</v>
          </cell>
        </row>
        <row r="818">
          <cell r="B818">
            <v>815</v>
          </cell>
          <cell r="H818">
            <v>0</v>
          </cell>
        </row>
        <row r="819">
          <cell r="B819">
            <v>816</v>
          </cell>
          <cell r="H819">
            <v>0</v>
          </cell>
        </row>
        <row r="820">
          <cell r="B820">
            <v>817</v>
          </cell>
          <cell r="H820">
            <v>0</v>
          </cell>
        </row>
        <row r="821">
          <cell r="B821">
            <v>818</v>
          </cell>
          <cell r="H821">
            <v>0</v>
          </cell>
        </row>
        <row r="822">
          <cell r="B822">
            <v>819</v>
          </cell>
          <cell r="H822">
            <v>0</v>
          </cell>
        </row>
        <row r="823">
          <cell r="B823">
            <v>820</v>
          </cell>
          <cell r="H823">
            <v>0</v>
          </cell>
        </row>
        <row r="824">
          <cell r="B824">
            <v>821</v>
          </cell>
          <cell r="H824">
            <v>0</v>
          </cell>
        </row>
        <row r="825">
          <cell r="B825">
            <v>822</v>
          </cell>
          <cell r="H825">
            <v>0</v>
          </cell>
        </row>
        <row r="826">
          <cell r="B826">
            <v>823</v>
          </cell>
          <cell r="H826">
            <v>0</v>
          </cell>
        </row>
        <row r="827">
          <cell r="B827">
            <v>824</v>
          </cell>
          <cell r="H827">
            <v>0</v>
          </cell>
        </row>
        <row r="828">
          <cell r="B828">
            <v>825</v>
          </cell>
          <cell r="H828">
            <v>0</v>
          </cell>
        </row>
        <row r="829">
          <cell r="B829">
            <v>826</v>
          </cell>
          <cell r="H829">
            <v>0</v>
          </cell>
        </row>
        <row r="830">
          <cell r="B830">
            <v>827</v>
          </cell>
          <cell r="H830">
            <v>0</v>
          </cell>
        </row>
        <row r="831">
          <cell r="B831">
            <v>828</v>
          </cell>
          <cell r="H831">
            <v>0</v>
          </cell>
        </row>
        <row r="832">
          <cell r="B832">
            <v>829</v>
          </cell>
          <cell r="H832">
            <v>0</v>
          </cell>
        </row>
        <row r="833">
          <cell r="B833">
            <v>830</v>
          </cell>
          <cell r="H833">
            <v>0</v>
          </cell>
        </row>
        <row r="834">
          <cell r="B834">
            <v>831</v>
          </cell>
          <cell r="H834">
            <v>0</v>
          </cell>
        </row>
        <row r="835">
          <cell r="B835">
            <v>832</v>
          </cell>
          <cell r="H835">
            <v>0</v>
          </cell>
        </row>
        <row r="836">
          <cell r="B836">
            <v>833</v>
          </cell>
          <cell r="H836">
            <v>0</v>
          </cell>
        </row>
        <row r="837">
          <cell r="B837">
            <v>834</v>
          </cell>
          <cell r="H837">
            <v>0</v>
          </cell>
        </row>
        <row r="838">
          <cell r="B838">
            <v>835</v>
          </cell>
          <cell r="H838">
            <v>0</v>
          </cell>
        </row>
        <row r="839">
          <cell r="B839">
            <v>836</v>
          </cell>
          <cell r="H839">
            <v>0</v>
          </cell>
        </row>
        <row r="840">
          <cell r="B840">
            <v>837</v>
          </cell>
          <cell r="H840">
            <v>0</v>
          </cell>
        </row>
        <row r="841">
          <cell r="B841">
            <v>838</v>
          </cell>
          <cell r="H841">
            <v>0</v>
          </cell>
        </row>
        <row r="842">
          <cell r="B842">
            <v>839</v>
          </cell>
          <cell r="H842">
            <v>0</v>
          </cell>
        </row>
        <row r="843">
          <cell r="B843">
            <v>840</v>
          </cell>
          <cell r="H843">
            <v>0</v>
          </cell>
        </row>
        <row r="844">
          <cell r="B844">
            <v>841</v>
          </cell>
          <cell r="H844">
            <v>0</v>
          </cell>
        </row>
        <row r="845">
          <cell r="B845">
            <v>842</v>
          </cell>
          <cell r="H845">
            <v>0</v>
          </cell>
        </row>
        <row r="846">
          <cell r="B846">
            <v>843</v>
          </cell>
          <cell r="H846">
            <v>0</v>
          </cell>
        </row>
        <row r="847">
          <cell r="B847">
            <v>844</v>
          </cell>
          <cell r="H847">
            <v>0</v>
          </cell>
        </row>
        <row r="848">
          <cell r="B848">
            <v>845</v>
          </cell>
          <cell r="H848">
            <v>0</v>
          </cell>
        </row>
        <row r="849">
          <cell r="B849">
            <v>846</v>
          </cell>
          <cell r="H849">
            <v>0</v>
          </cell>
        </row>
        <row r="850">
          <cell r="B850">
            <v>847</v>
          </cell>
          <cell r="H850">
            <v>0</v>
          </cell>
        </row>
        <row r="851">
          <cell r="B851">
            <v>848</v>
          </cell>
          <cell r="H851">
            <v>0</v>
          </cell>
        </row>
        <row r="852">
          <cell r="B852">
            <v>849</v>
          </cell>
          <cell r="H852">
            <v>0</v>
          </cell>
        </row>
        <row r="853">
          <cell r="B853">
            <v>850</v>
          </cell>
          <cell r="H853">
            <v>0</v>
          </cell>
        </row>
        <row r="854">
          <cell r="B854">
            <v>851</v>
          </cell>
          <cell r="H854">
            <v>0</v>
          </cell>
        </row>
        <row r="855">
          <cell r="B855">
            <v>852</v>
          </cell>
          <cell r="H855">
            <v>0</v>
          </cell>
        </row>
        <row r="856">
          <cell r="B856">
            <v>853</v>
          </cell>
          <cell r="H856">
            <v>0</v>
          </cell>
        </row>
        <row r="857">
          <cell r="B857">
            <v>854</v>
          </cell>
          <cell r="H857">
            <v>0</v>
          </cell>
        </row>
        <row r="858">
          <cell r="B858">
            <v>855</v>
          </cell>
          <cell r="H858">
            <v>0</v>
          </cell>
        </row>
        <row r="859">
          <cell r="B859">
            <v>856</v>
          </cell>
          <cell r="H859">
            <v>0</v>
          </cell>
        </row>
        <row r="860">
          <cell r="B860">
            <v>857</v>
          </cell>
          <cell r="H860">
            <v>0</v>
          </cell>
        </row>
        <row r="861">
          <cell r="B861">
            <v>858</v>
          </cell>
          <cell r="H861">
            <v>0</v>
          </cell>
        </row>
        <row r="862">
          <cell r="B862">
            <v>859</v>
          </cell>
          <cell r="H862">
            <v>0</v>
          </cell>
        </row>
        <row r="863">
          <cell r="B863">
            <v>860</v>
          </cell>
          <cell r="H863">
            <v>0</v>
          </cell>
        </row>
        <row r="864">
          <cell r="B864">
            <v>861</v>
          </cell>
          <cell r="H864">
            <v>0</v>
          </cell>
        </row>
        <row r="865">
          <cell r="B865">
            <v>862</v>
          </cell>
          <cell r="H865">
            <v>0</v>
          </cell>
        </row>
        <row r="866">
          <cell r="B866">
            <v>863</v>
          </cell>
          <cell r="H866">
            <v>0</v>
          </cell>
        </row>
        <row r="867">
          <cell r="B867">
            <v>864</v>
          </cell>
          <cell r="H867">
            <v>0</v>
          </cell>
        </row>
        <row r="868">
          <cell r="B868">
            <v>865</v>
          </cell>
          <cell r="H868">
            <v>0</v>
          </cell>
        </row>
        <row r="869">
          <cell r="B869">
            <v>866</v>
          </cell>
          <cell r="H869">
            <v>0</v>
          </cell>
        </row>
        <row r="870">
          <cell r="B870">
            <v>867</v>
          </cell>
          <cell r="H870">
            <v>0</v>
          </cell>
        </row>
        <row r="871">
          <cell r="B871">
            <v>868</v>
          </cell>
          <cell r="H871">
            <v>0</v>
          </cell>
        </row>
        <row r="872">
          <cell r="B872">
            <v>869</v>
          </cell>
          <cell r="H872">
            <v>0</v>
          </cell>
        </row>
        <row r="873">
          <cell r="B873">
            <v>870</v>
          </cell>
          <cell r="H873">
            <v>0</v>
          </cell>
        </row>
        <row r="874">
          <cell r="B874">
            <v>871</v>
          </cell>
          <cell r="H874">
            <v>0</v>
          </cell>
        </row>
        <row r="875">
          <cell r="B875">
            <v>872</v>
          </cell>
          <cell r="H875">
            <v>0</v>
          </cell>
        </row>
        <row r="876">
          <cell r="B876">
            <v>873</v>
          </cell>
          <cell r="H876">
            <v>0</v>
          </cell>
        </row>
        <row r="877">
          <cell r="B877">
            <v>874</v>
          </cell>
          <cell r="H877">
            <v>0</v>
          </cell>
        </row>
        <row r="878">
          <cell r="B878">
            <v>875</v>
          </cell>
          <cell r="H878">
            <v>0</v>
          </cell>
        </row>
        <row r="879">
          <cell r="B879">
            <v>876</v>
          </cell>
          <cell r="H879">
            <v>0</v>
          </cell>
        </row>
        <row r="880">
          <cell r="B880">
            <v>877</v>
          </cell>
          <cell r="H880">
            <v>0</v>
          </cell>
        </row>
        <row r="881">
          <cell r="B881">
            <v>878</v>
          </cell>
          <cell r="H881">
            <v>0</v>
          </cell>
        </row>
        <row r="882">
          <cell r="B882">
            <v>879</v>
          </cell>
          <cell r="H882">
            <v>0</v>
          </cell>
        </row>
        <row r="883">
          <cell r="B883">
            <v>880</v>
          </cell>
          <cell r="H883">
            <v>0</v>
          </cell>
        </row>
        <row r="884">
          <cell r="B884">
            <v>881</v>
          </cell>
          <cell r="H884">
            <v>0</v>
          </cell>
        </row>
        <row r="885">
          <cell r="B885">
            <v>882</v>
          </cell>
          <cell r="H885">
            <v>0</v>
          </cell>
        </row>
        <row r="886">
          <cell r="B886">
            <v>883</v>
          </cell>
          <cell r="H886">
            <v>0</v>
          </cell>
        </row>
        <row r="887">
          <cell r="B887">
            <v>884</v>
          </cell>
          <cell r="H887">
            <v>0</v>
          </cell>
        </row>
        <row r="888">
          <cell r="B888">
            <v>885</v>
          </cell>
          <cell r="H888">
            <v>0</v>
          </cell>
        </row>
        <row r="889">
          <cell r="B889">
            <v>886</v>
          </cell>
          <cell r="H889">
            <v>0</v>
          </cell>
        </row>
        <row r="890">
          <cell r="B890">
            <v>887</v>
          </cell>
          <cell r="H890">
            <v>0</v>
          </cell>
        </row>
        <row r="891">
          <cell r="B891">
            <v>888</v>
          </cell>
          <cell r="H891">
            <v>0</v>
          </cell>
        </row>
        <row r="892">
          <cell r="B892">
            <v>889</v>
          </cell>
          <cell r="H892">
            <v>0</v>
          </cell>
        </row>
        <row r="893">
          <cell r="B893">
            <v>890</v>
          </cell>
          <cell r="H893">
            <v>0</v>
          </cell>
        </row>
        <row r="894">
          <cell r="B894">
            <v>891</v>
          </cell>
          <cell r="H894">
            <v>0</v>
          </cell>
        </row>
        <row r="895">
          <cell r="B895">
            <v>892</v>
          </cell>
          <cell r="H895">
            <v>0</v>
          </cell>
        </row>
        <row r="896">
          <cell r="B896">
            <v>893</v>
          </cell>
          <cell r="H896">
            <v>0</v>
          </cell>
        </row>
        <row r="897">
          <cell r="B897">
            <v>894</v>
          </cell>
          <cell r="H897">
            <v>0</v>
          </cell>
        </row>
        <row r="898">
          <cell r="B898">
            <v>895</v>
          </cell>
          <cell r="H898">
            <v>0</v>
          </cell>
        </row>
        <row r="899">
          <cell r="B899">
            <v>896</v>
          </cell>
          <cell r="H899">
            <v>0</v>
          </cell>
        </row>
        <row r="900">
          <cell r="B900">
            <v>897</v>
          </cell>
          <cell r="H900">
            <v>0</v>
          </cell>
        </row>
        <row r="901">
          <cell r="B901">
            <v>898</v>
          </cell>
          <cell r="H901">
            <v>0</v>
          </cell>
        </row>
        <row r="902">
          <cell r="B902">
            <v>899</v>
          </cell>
          <cell r="H902">
            <v>0</v>
          </cell>
        </row>
        <row r="903">
          <cell r="B903">
            <v>900</v>
          </cell>
          <cell r="H903">
            <v>0</v>
          </cell>
        </row>
        <row r="904">
          <cell r="B904">
            <v>901</v>
          </cell>
          <cell r="H904">
            <v>0</v>
          </cell>
        </row>
        <row r="905">
          <cell r="B905">
            <v>902</v>
          </cell>
          <cell r="H905">
            <v>0</v>
          </cell>
        </row>
        <row r="906">
          <cell r="B906">
            <v>903</v>
          </cell>
          <cell r="H906">
            <v>0</v>
          </cell>
        </row>
        <row r="907">
          <cell r="B907">
            <v>904</v>
          </cell>
          <cell r="H907">
            <v>0</v>
          </cell>
        </row>
        <row r="908">
          <cell r="B908">
            <v>905</v>
          </cell>
          <cell r="H908">
            <v>0</v>
          </cell>
        </row>
        <row r="909">
          <cell r="B909">
            <v>906</v>
          </cell>
          <cell r="H909">
            <v>0</v>
          </cell>
        </row>
        <row r="910">
          <cell r="B910">
            <v>907</v>
          </cell>
          <cell r="H910">
            <v>0</v>
          </cell>
        </row>
        <row r="911">
          <cell r="B911">
            <v>908</v>
          </cell>
          <cell r="H911">
            <v>0</v>
          </cell>
        </row>
        <row r="912">
          <cell r="B912">
            <v>909</v>
          </cell>
          <cell r="H912">
            <v>0</v>
          </cell>
        </row>
        <row r="913">
          <cell r="B913">
            <v>910</v>
          </cell>
          <cell r="H913">
            <v>0</v>
          </cell>
        </row>
        <row r="914">
          <cell r="B914">
            <v>911</v>
          </cell>
          <cell r="H914">
            <v>0</v>
          </cell>
        </row>
        <row r="915">
          <cell r="B915">
            <v>912</v>
          </cell>
          <cell r="H915">
            <v>0</v>
          </cell>
        </row>
        <row r="916">
          <cell r="B916">
            <v>913</v>
          </cell>
          <cell r="H916">
            <v>0</v>
          </cell>
        </row>
        <row r="917">
          <cell r="B917">
            <v>914</v>
          </cell>
          <cell r="H917">
            <v>0</v>
          </cell>
        </row>
        <row r="918">
          <cell r="B918">
            <v>915</v>
          </cell>
          <cell r="H918">
            <v>0</v>
          </cell>
        </row>
        <row r="919">
          <cell r="B919">
            <v>916</v>
          </cell>
          <cell r="H919">
            <v>0</v>
          </cell>
        </row>
        <row r="920">
          <cell r="B920">
            <v>917</v>
          </cell>
          <cell r="H920">
            <v>0</v>
          </cell>
        </row>
        <row r="921">
          <cell r="B921">
            <v>918</v>
          </cell>
          <cell r="H921">
            <v>0</v>
          </cell>
        </row>
        <row r="922">
          <cell r="B922">
            <v>919</v>
          </cell>
          <cell r="H922">
            <v>0</v>
          </cell>
        </row>
        <row r="923">
          <cell r="B923">
            <v>920</v>
          </cell>
          <cell r="H923">
            <v>0</v>
          </cell>
        </row>
        <row r="924">
          <cell r="B924">
            <v>921</v>
          </cell>
          <cell r="H924">
            <v>0</v>
          </cell>
        </row>
        <row r="925">
          <cell r="B925">
            <v>922</v>
          </cell>
          <cell r="H925">
            <v>0</v>
          </cell>
        </row>
        <row r="926">
          <cell r="B926">
            <v>923</v>
          </cell>
          <cell r="H926">
            <v>0</v>
          </cell>
        </row>
        <row r="927">
          <cell r="B927">
            <v>924</v>
          </cell>
          <cell r="H927">
            <v>0</v>
          </cell>
        </row>
        <row r="928">
          <cell r="B928">
            <v>925</v>
          </cell>
          <cell r="H928">
            <v>0</v>
          </cell>
        </row>
        <row r="929">
          <cell r="B929">
            <v>926</v>
          </cell>
          <cell r="H929">
            <v>0</v>
          </cell>
        </row>
        <row r="930">
          <cell r="B930">
            <v>927</v>
          </cell>
          <cell r="H930">
            <v>0</v>
          </cell>
        </row>
        <row r="931">
          <cell r="B931">
            <v>928</v>
          </cell>
          <cell r="H931">
            <v>0</v>
          </cell>
        </row>
        <row r="932">
          <cell r="B932">
            <v>929</v>
          </cell>
          <cell r="H932">
            <v>0</v>
          </cell>
        </row>
        <row r="933">
          <cell r="B933">
            <v>930</v>
          </cell>
          <cell r="H933">
            <v>0</v>
          </cell>
        </row>
        <row r="934">
          <cell r="B934">
            <v>931</v>
          </cell>
          <cell r="H934">
            <v>0</v>
          </cell>
        </row>
        <row r="935">
          <cell r="B935">
            <v>932</v>
          </cell>
          <cell r="H935">
            <v>0</v>
          </cell>
        </row>
        <row r="936">
          <cell r="B936">
            <v>933</v>
          </cell>
          <cell r="H936">
            <v>0</v>
          </cell>
        </row>
        <row r="937">
          <cell r="B937">
            <v>934</v>
          </cell>
          <cell r="H937">
            <v>0</v>
          </cell>
        </row>
        <row r="938">
          <cell r="B938">
            <v>935</v>
          </cell>
          <cell r="H938">
            <v>0</v>
          </cell>
        </row>
        <row r="939">
          <cell r="B939">
            <v>936</v>
          </cell>
          <cell r="H939">
            <v>0</v>
          </cell>
        </row>
        <row r="940">
          <cell r="B940">
            <v>937</v>
          </cell>
          <cell r="H940">
            <v>0</v>
          </cell>
        </row>
        <row r="941">
          <cell r="B941">
            <v>938</v>
          </cell>
          <cell r="H941">
            <v>0</v>
          </cell>
        </row>
        <row r="942">
          <cell r="B942">
            <v>939</v>
          </cell>
          <cell r="H942">
            <v>0</v>
          </cell>
        </row>
        <row r="943">
          <cell r="B943">
            <v>940</v>
          </cell>
          <cell r="H943">
            <v>0</v>
          </cell>
        </row>
        <row r="944">
          <cell r="B944">
            <v>941</v>
          </cell>
          <cell r="H944">
            <v>0</v>
          </cell>
        </row>
        <row r="945">
          <cell r="B945">
            <v>942</v>
          </cell>
          <cell r="H945">
            <v>0</v>
          </cell>
        </row>
        <row r="946">
          <cell r="B946">
            <v>943</v>
          </cell>
          <cell r="H946">
            <v>0</v>
          </cell>
        </row>
        <row r="947">
          <cell r="B947">
            <v>944</v>
          </cell>
          <cell r="H947">
            <v>0</v>
          </cell>
        </row>
        <row r="948">
          <cell r="B948">
            <v>945</v>
          </cell>
          <cell r="H948">
            <v>0</v>
          </cell>
        </row>
        <row r="949">
          <cell r="B949">
            <v>946</v>
          </cell>
          <cell r="H949">
            <v>0</v>
          </cell>
        </row>
        <row r="950">
          <cell r="B950">
            <v>947</v>
          </cell>
          <cell r="H950">
            <v>0</v>
          </cell>
        </row>
        <row r="951">
          <cell r="B951">
            <v>948</v>
          </cell>
          <cell r="H951">
            <v>0</v>
          </cell>
        </row>
        <row r="952">
          <cell r="B952">
            <v>949</v>
          </cell>
          <cell r="H952">
            <v>0</v>
          </cell>
        </row>
        <row r="953">
          <cell r="B953">
            <v>950</v>
          </cell>
          <cell r="H953">
            <v>0</v>
          </cell>
        </row>
        <row r="954">
          <cell r="B954">
            <v>951</v>
          </cell>
          <cell r="H954">
            <v>0</v>
          </cell>
        </row>
        <row r="955">
          <cell r="B955">
            <v>952</v>
          </cell>
          <cell r="H955">
            <v>0</v>
          </cell>
        </row>
        <row r="956">
          <cell r="B956">
            <v>953</v>
          </cell>
          <cell r="H956">
            <v>0</v>
          </cell>
        </row>
        <row r="957">
          <cell r="B957">
            <v>954</v>
          </cell>
          <cell r="H957">
            <v>0</v>
          </cell>
        </row>
        <row r="958">
          <cell r="B958">
            <v>955</v>
          </cell>
          <cell r="H958">
            <v>0</v>
          </cell>
        </row>
        <row r="959">
          <cell r="B959">
            <v>956</v>
          </cell>
          <cell r="H959">
            <v>0</v>
          </cell>
        </row>
        <row r="960">
          <cell r="B960">
            <v>957</v>
          </cell>
          <cell r="H960">
            <v>0</v>
          </cell>
        </row>
        <row r="961">
          <cell r="B961">
            <v>958</v>
          </cell>
          <cell r="H961">
            <v>0</v>
          </cell>
        </row>
        <row r="962">
          <cell r="B962">
            <v>959</v>
          </cell>
          <cell r="H962">
            <v>0</v>
          </cell>
        </row>
        <row r="963">
          <cell r="B963">
            <v>960</v>
          </cell>
          <cell r="H963">
            <v>0</v>
          </cell>
        </row>
        <row r="964">
          <cell r="B964">
            <v>961</v>
          </cell>
          <cell r="H964">
            <v>0</v>
          </cell>
        </row>
        <row r="965">
          <cell r="B965">
            <v>962</v>
          </cell>
          <cell r="H965">
            <v>0</v>
          </cell>
        </row>
        <row r="966">
          <cell r="B966">
            <v>963</v>
          </cell>
          <cell r="H966">
            <v>0</v>
          </cell>
        </row>
        <row r="967">
          <cell r="B967">
            <v>964</v>
          </cell>
          <cell r="H967">
            <v>0</v>
          </cell>
        </row>
        <row r="968">
          <cell r="B968">
            <v>965</v>
          </cell>
          <cell r="H968">
            <v>0</v>
          </cell>
        </row>
        <row r="969">
          <cell r="B969">
            <v>966</v>
          </cell>
          <cell r="H969">
            <v>0</v>
          </cell>
        </row>
        <row r="970">
          <cell r="B970">
            <v>967</v>
          </cell>
          <cell r="H970">
            <v>0</v>
          </cell>
        </row>
        <row r="971">
          <cell r="B971">
            <v>968</v>
          </cell>
          <cell r="H971">
            <v>0</v>
          </cell>
        </row>
        <row r="972">
          <cell r="B972">
            <v>969</v>
          </cell>
          <cell r="H972">
            <v>0</v>
          </cell>
        </row>
        <row r="973">
          <cell r="B973">
            <v>970</v>
          </cell>
          <cell r="H973">
            <v>0</v>
          </cell>
        </row>
        <row r="974">
          <cell r="B974">
            <v>971</v>
          </cell>
          <cell r="H974">
            <v>0</v>
          </cell>
        </row>
        <row r="975">
          <cell r="B975">
            <v>972</v>
          </cell>
          <cell r="H975">
            <v>0</v>
          </cell>
        </row>
        <row r="976">
          <cell r="B976">
            <v>973</v>
          </cell>
          <cell r="H976">
            <v>0</v>
          </cell>
        </row>
        <row r="977">
          <cell r="B977">
            <v>974</v>
          </cell>
          <cell r="H977">
            <v>0</v>
          </cell>
        </row>
        <row r="978">
          <cell r="B978">
            <v>975</v>
          </cell>
          <cell r="H978">
            <v>0</v>
          </cell>
        </row>
        <row r="979">
          <cell r="B979">
            <v>976</v>
          </cell>
          <cell r="H979">
            <v>0</v>
          </cell>
        </row>
        <row r="980">
          <cell r="B980">
            <v>977</v>
          </cell>
          <cell r="H980">
            <v>0</v>
          </cell>
        </row>
        <row r="981">
          <cell r="B981">
            <v>978</v>
          </cell>
          <cell r="H981">
            <v>0</v>
          </cell>
        </row>
        <row r="982">
          <cell r="B982">
            <v>979</v>
          </cell>
          <cell r="H982">
            <v>0</v>
          </cell>
        </row>
        <row r="983">
          <cell r="B983">
            <v>980</v>
          </cell>
          <cell r="H983">
            <v>0</v>
          </cell>
        </row>
        <row r="984">
          <cell r="B984">
            <v>981</v>
          </cell>
          <cell r="H984">
            <v>0</v>
          </cell>
        </row>
        <row r="985">
          <cell r="B985">
            <v>982</v>
          </cell>
          <cell r="H985">
            <v>0</v>
          </cell>
        </row>
        <row r="986">
          <cell r="B986">
            <v>983</v>
          </cell>
          <cell r="H986">
            <v>0</v>
          </cell>
        </row>
        <row r="987">
          <cell r="B987">
            <v>984</v>
          </cell>
          <cell r="H987">
            <v>0</v>
          </cell>
        </row>
        <row r="988">
          <cell r="B988">
            <v>985</v>
          </cell>
          <cell r="H988">
            <v>0</v>
          </cell>
        </row>
        <row r="989">
          <cell r="B989">
            <v>986</v>
          </cell>
          <cell r="H989">
            <v>0</v>
          </cell>
        </row>
        <row r="990">
          <cell r="B990">
            <v>987</v>
          </cell>
          <cell r="H990">
            <v>0</v>
          </cell>
        </row>
        <row r="991">
          <cell r="B991">
            <v>988</v>
          </cell>
          <cell r="H991">
            <v>0</v>
          </cell>
        </row>
        <row r="992">
          <cell r="B992">
            <v>989</v>
          </cell>
          <cell r="H992">
            <v>0</v>
          </cell>
        </row>
        <row r="993">
          <cell r="B993">
            <v>990</v>
          </cell>
          <cell r="H993">
            <v>0</v>
          </cell>
        </row>
        <row r="994">
          <cell r="B994">
            <v>991</v>
          </cell>
          <cell r="H994">
            <v>0</v>
          </cell>
        </row>
        <row r="995">
          <cell r="B995">
            <v>992</v>
          </cell>
          <cell r="H995">
            <v>0</v>
          </cell>
        </row>
        <row r="996">
          <cell r="B996">
            <v>993</v>
          </cell>
          <cell r="H996">
            <v>0</v>
          </cell>
        </row>
        <row r="997">
          <cell r="B997">
            <v>994</v>
          </cell>
          <cell r="H997">
            <v>0</v>
          </cell>
        </row>
        <row r="998">
          <cell r="B998">
            <v>995</v>
          </cell>
          <cell r="H998">
            <v>0</v>
          </cell>
        </row>
        <row r="999">
          <cell r="B999">
            <v>996</v>
          </cell>
          <cell r="H999">
            <v>0</v>
          </cell>
        </row>
        <row r="1000">
          <cell r="B1000">
            <v>997</v>
          </cell>
          <cell r="H1000">
            <v>0</v>
          </cell>
        </row>
        <row r="1001">
          <cell r="B1001">
            <v>998</v>
          </cell>
          <cell r="H1001">
            <v>0</v>
          </cell>
        </row>
        <row r="1002">
          <cell r="B1002">
            <v>999</v>
          </cell>
          <cell r="H1002">
            <v>0</v>
          </cell>
        </row>
        <row r="1003">
          <cell r="B1003">
            <v>1000</v>
          </cell>
          <cell r="H1003">
            <v>0</v>
          </cell>
        </row>
        <row r="1004">
          <cell r="B1004">
            <v>1001</v>
          </cell>
          <cell r="H1004">
            <v>0</v>
          </cell>
        </row>
        <row r="1005">
          <cell r="B1005">
            <v>1002</v>
          </cell>
          <cell r="H1005">
            <v>0</v>
          </cell>
        </row>
        <row r="1006">
          <cell r="B1006">
            <v>1003</v>
          </cell>
          <cell r="H1006">
            <v>0</v>
          </cell>
        </row>
        <row r="1007">
          <cell r="B1007">
            <v>1004</v>
          </cell>
          <cell r="H1007">
            <v>0</v>
          </cell>
        </row>
        <row r="1008">
          <cell r="B1008">
            <v>1005</v>
          </cell>
          <cell r="H1008">
            <v>0</v>
          </cell>
        </row>
        <row r="1009">
          <cell r="B1009">
            <v>1006</v>
          </cell>
          <cell r="H1009">
            <v>0</v>
          </cell>
        </row>
        <row r="1010">
          <cell r="B1010">
            <v>1007</v>
          </cell>
          <cell r="H1010">
            <v>0</v>
          </cell>
        </row>
        <row r="1011">
          <cell r="B1011">
            <v>1008</v>
          </cell>
          <cell r="H1011">
            <v>0</v>
          </cell>
        </row>
        <row r="1012">
          <cell r="B1012">
            <v>1009</v>
          </cell>
          <cell r="H1012">
            <v>0</v>
          </cell>
        </row>
        <row r="1013">
          <cell r="B1013">
            <v>1010</v>
          </cell>
          <cell r="H1013">
            <v>0</v>
          </cell>
        </row>
        <row r="1014">
          <cell r="B1014">
            <v>1011</v>
          </cell>
          <cell r="H1014">
            <v>0</v>
          </cell>
        </row>
        <row r="1015">
          <cell r="B1015">
            <v>1012</v>
          </cell>
          <cell r="H1015">
            <v>0</v>
          </cell>
        </row>
        <row r="1016">
          <cell r="B1016">
            <v>1013</v>
          </cell>
          <cell r="H1016">
            <v>0</v>
          </cell>
        </row>
        <row r="1017">
          <cell r="B1017">
            <v>1014</v>
          </cell>
          <cell r="H1017">
            <v>0</v>
          </cell>
        </row>
        <row r="1018">
          <cell r="B1018">
            <v>1015</v>
          </cell>
          <cell r="H1018">
            <v>0</v>
          </cell>
        </row>
        <row r="1019">
          <cell r="B1019">
            <v>1016</v>
          </cell>
          <cell r="H1019">
            <v>0</v>
          </cell>
        </row>
        <row r="1020">
          <cell r="B1020">
            <v>1017</v>
          </cell>
          <cell r="H1020">
            <v>0</v>
          </cell>
        </row>
        <row r="1021">
          <cell r="B1021">
            <v>1018</v>
          </cell>
          <cell r="H1021">
            <v>0</v>
          </cell>
        </row>
        <row r="1022">
          <cell r="B1022">
            <v>1019</v>
          </cell>
          <cell r="H1022">
            <v>0</v>
          </cell>
        </row>
        <row r="1023">
          <cell r="B1023">
            <v>1020</v>
          </cell>
          <cell r="H1023">
            <v>0</v>
          </cell>
        </row>
        <row r="1024">
          <cell r="B1024">
            <v>1021</v>
          </cell>
          <cell r="H1024">
            <v>0</v>
          </cell>
        </row>
        <row r="1025">
          <cell r="B1025">
            <v>1022</v>
          </cell>
          <cell r="H1025">
            <v>0</v>
          </cell>
        </row>
        <row r="1026">
          <cell r="B1026">
            <v>1023</v>
          </cell>
          <cell r="H1026">
            <v>0</v>
          </cell>
        </row>
        <row r="1027">
          <cell r="B1027">
            <v>1024</v>
          </cell>
          <cell r="H1027">
            <v>0</v>
          </cell>
        </row>
        <row r="1028">
          <cell r="B1028">
            <v>1025</v>
          </cell>
          <cell r="H1028">
            <v>0</v>
          </cell>
        </row>
        <row r="1029">
          <cell r="B1029">
            <v>1026</v>
          </cell>
          <cell r="H1029">
            <v>0</v>
          </cell>
        </row>
        <row r="1030">
          <cell r="B1030">
            <v>1027</v>
          </cell>
          <cell r="H1030">
            <v>0</v>
          </cell>
        </row>
        <row r="1031">
          <cell r="B1031">
            <v>1028</v>
          </cell>
          <cell r="H1031">
            <v>0</v>
          </cell>
        </row>
        <row r="1032">
          <cell r="B1032">
            <v>1029</v>
          </cell>
          <cell r="H1032">
            <v>0</v>
          </cell>
        </row>
        <row r="1033">
          <cell r="B1033">
            <v>1030</v>
          </cell>
          <cell r="H1033">
            <v>0</v>
          </cell>
        </row>
        <row r="1034">
          <cell r="B1034">
            <v>1031</v>
          </cell>
          <cell r="H1034">
            <v>0</v>
          </cell>
        </row>
        <row r="1035">
          <cell r="B1035">
            <v>1032</v>
          </cell>
          <cell r="H1035">
            <v>0</v>
          </cell>
        </row>
        <row r="1036">
          <cell r="B1036">
            <v>1033</v>
          </cell>
          <cell r="H1036">
            <v>0</v>
          </cell>
        </row>
        <row r="1037">
          <cell r="B1037">
            <v>1034</v>
          </cell>
          <cell r="H1037">
            <v>0</v>
          </cell>
        </row>
        <row r="1038">
          <cell r="B1038">
            <v>1035</v>
          </cell>
          <cell r="H1038">
            <v>0</v>
          </cell>
        </row>
        <row r="1039">
          <cell r="B1039">
            <v>1036</v>
          </cell>
          <cell r="H1039">
            <v>0</v>
          </cell>
        </row>
        <row r="1040">
          <cell r="B1040">
            <v>1037</v>
          </cell>
          <cell r="H1040">
            <v>0</v>
          </cell>
        </row>
        <row r="1041">
          <cell r="B1041">
            <v>1038</v>
          </cell>
          <cell r="H1041">
            <v>0</v>
          </cell>
        </row>
        <row r="1042">
          <cell r="B1042">
            <v>1039</v>
          </cell>
          <cell r="H1042">
            <v>0</v>
          </cell>
        </row>
        <row r="1043">
          <cell r="B1043">
            <v>1040</v>
          </cell>
          <cell r="H1043">
            <v>0</v>
          </cell>
        </row>
        <row r="1044">
          <cell r="B1044">
            <v>1041</v>
          </cell>
          <cell r="H1044">
            <v>0</v>
          </cell>
        </row>
        <row r="1045">
          <cell r="B1045">
            <v>1042</v>
          </cell>
          <cell r="H1045">
            <v>0</v>
          </cell>
        </row>
        <row r="1046">
          <cell r="B1046">
            <v>1043</v>
          </cell>
          <cell r="H1046">
            <v>0</v>
          </cell>
        </row>
        <row r="1047">
          <cell r="B1047">
            <v>1044</v>
          </cell>
          <cell r="H1047">
            <v>0</v>
          </cell>
        </row>
        <row r="1048">
          <cell r="B1048">
            <v>1045</v>
          </cell>
          <cell r="H1048">
            <v>0</v>
          </cell>
        </row>
        <row r="1049">
          <cell r="B1049">
            <v>1046</v>
          </cell>
          <cell r="H1049">
            <v>0</v>
          </cell>
        </row>
        <row r="1050">
          <cell r="B1050">
            <v>1047</v>
          </cell>
          <cell r="H1050">
            <v>0</v>
          </cell>
        </row>
        <row r="1051">
          <cell r="B1051">
            <v>1048</v>
          </cell>
          <cell r="H1051">
            <v>0</v>
          </cell>
        </row>
        <row r="1052">
          <cell r="B1052">
            <v>1049</v>
          </cell>
          <cell r="H1052">
            <v>0</v>
          </cell>
        </row>
        <row r="1053">
          <cell r="B1053">
            <v>1050</v>
          </cell>
          <cell r="H1053">
            <v>0</v>
          </cell>
        </row>
        <row r="1054">
          <cell r="B1054">
            <v>1051</v>
          </cell>
          <cell r="H1054">
            <v>0</v>
          </cell>
        </row>
        <row r="1055">
          <cell r="B1055">
            <v>1052</v>
          </cell>
          <cell r="H1055">
            <v>0</v>
          </cell>
        </row>
        <row r="1056">
          <cell r="B1056">
            <v>1053</v>
          </cell>
          <cell r="H1056">
            <v>0</v>
          </cell>
        </row>
        <row r="1057">
          <cell r="B1057">
            <v>1054</v>
          </cell>
          <cell r="H1057">
            <v>0</v>
          </cell>
        </row>
        <row r="1058">
          <cell r="B1058">
            <v>1055</v>
          </cell>
          <cell r="H1058">
            <v>0</v>
          </cell>
        </row>
        <row r="1059">
          <cell r="B1059">
            <v>1056</v>
          </cell>
          <cell r="H1059">
            <v>0</v>
          </cell>
        </row>
        <row r="1060">
          <cell r="B1060">
            <v>1057</v>
          </cell>
          <cell r="H1060">
            <v>0</v>
          </cell>
        </row>
        <row r="1061">
          <cell r="B1061">
            <v>1058</v>
          </cell>
          <cell r="H1061">
            <v>0</v>
          </cell>
        </row>
        <row r="1062">
          <cell r="B1062">
            <v>1059</v>
          </cell>
          <cell r="H1062">
            <v>0</v>
          </cell>
        </row>
        <row r="1063">
          <cell r="B1063">
            <v>1060</v>
          </cell>
          <cell r="H1063">
            <v>0</v>
          </cell>
        </row>
        <row r="1064">
          <cell r="B1064">
            <v>1061</v>
          </cell>
          <cell r="H1064">
            <v>0</v>
          </cell>
        </row>
        <row r="1065">
          <cell r="B1065">
            <v>1062</v>
          </cell>
          <cell r="H1065">
            <v>0</v>
          </cell>
        </row>
        <row r="1066">
          <cell r="B1066">
            <v>1063</v>
          </cell>
          <cell r="H1066">
            <v>0</v>
          </cell>
        </row>
        <row r="1067">
          <cell r="B1067">
            <v>1064</v>
          </cell>
          <cell r="H1067">
            <v>0</v>
          </cell>
        </row>
        <row r="1068">
          <cell r="B1068">
            <v>1065</v>
          </cell>
          <cell r="H1068">
            <v>0</v>
          </cell>
        </row>
        <row r="1069">
          <cell r="B1069">
            <v>1066</v>
          </cell>
          <cell r="H1069">
            <v>0</v>
          </cell>
        </row>
        <row r="1070">
          <cell r="B1070">
            <v>1067</v>
          </cell>
          <cell r="H1070">
            <v>0</v>
          </cell>
        </row>
        <row r="1071">
          <cell r="B1071">
            <v>1068</v>
          </cell>
          <cell r="H1071">
            <v>0</v>
          </cell>
        </row>
        <row r="1072">
          <cell r="B1072">
            <v>1069</v>
          </cell>
          <cell r="H1072">
            <v>0</v>
          </cell>
        </row>
        <row r="1073">
          <cell r="B1073">
            <v>1070</v>
          </cell>
          <cell r="H1073">
            <v>0</v>
          </cell>
        </row>
        <row r="1074">
          <cell r="B1074">
            <v>1071</v>
          </cell>
          <cell r="H1074">
            <v>0</v>
          </cell>
        </row>
        <row r="1075">
          <cell r="B1075">
            <v>1072</v>
          </cell>
          <cell r="H1075">
            <v>0</v>
          </cell>
        </row>
        <row r="1076">
          <cell r="B1076">
            <v>1073</v>
          </cell>
          <cell r="H1076">
            <v>0</v>
          </cell>
        </row>
        <row r="1077">
          <cell r="B1077">
            <v>1074</v>
          </cell>
          <cell r="H1077">
            <v>0</v>
          </cell>
        </row>
        <row r="1078">
          <cell r="B1078">
            <v>1075</v>
          </cell>
          <cell r="H1078">
            <v>0</v>
          </cell>
        </row>
        <row r="1079">
          <cell r="B1079">
            <v>1076</v>
          </cell>
          <cell r="H1079">
            <v>0</v>
          </cell>
        </row>
        <row r="1080">
          <cell r="B1080">
            <v>1077</v>
          </cell>
          <cell r="H1080">
            <v>0</v>
          </cell>
        </row>
        <row r="1081">
          <cell r="B1081">
            <v>1078</v>
          </cell>
          <cell r="H1081">
            <v>0</v>
          </cell>
        </row>
        <row r="1082">
          <cell r="B1082">
            <v>1079</v>
          </cell>
          <cell r="H1082">
            <v>0</v>
          </cell>
        </row>
        <row r="1083">
          <cell r="B1083">
            <v>1080</v>
          </cell>
          <cell r="H1083">
            <v>0</v>
          </cell>
        </row>
        <row r="1084">
          <cell r="B1084">
            <v>1081</v>
          </cell>
          <cell r="H1084">
            <v>0</v>
          </cell>
        </row>
        <row r="1085">
          <cell r="B1085">
            <v>1082</v>
          </cell>
          <cell r="H1085">
            <v>0</v>
          </cell>
        </row>
        <row r="1086">
          <cell r="B1086">
            <v>1083</v>
          </cell>
          <cell r="H1086">
            <v>0</v>
          </cell>
        </row>
        <row r="1087">
          <cell r="B1087">
            <v>1084</v>
          </cell>
          <cell r="H1087">
            <v>0</v>
          </cell>
        </row>
        <row r="1088">
          <cell r="B1088">
            <v>1085</v>
          </cell>
          <cell r="H1088">
            <v>0</v>
          </cell>
        </row>
        <row r="1089">
          <cell r="B1089">
            <v>1086</v>
          </cell>
          <cell r="H1089">
            <v>0</v>
          </cell>
        </row>
        <row r="1090">
          <cell r="B1090">
            <v>1087</v>
          </cell>
          <cell r="H1090">
            <v>0</v>
          </cell>
        </row>
        <row r="1091">
          <cell r="B1091">
            <v>1088</v>
          </cell>
          <cell r="H1091">
            <v>0</v>
          </cell>
        </row>
        <row r="1092">
          <cell r="B1092">
            <v>1089</v>
          </cell>
          <cell r="H1092">
            <v>0</v>
          </cell>
        </row>
        <row r="1093">
          <cell r="B1093">
            <v>1090</v>
          </cell>
          <cell r="H1093">
            <v>0</v>
          </cell>
        </row>
        <row r="1094">
          <cell r="B1094">
            <v>1091</v>
          </cell>
          <cell r="H1094">
            <v>0</v>
          </cell>
        </row>
        <row r="1095">
          <cell r="B1095">
            <v>1092</v>
          </cell>
          <cell r="H1095">
            <v>0</v>
          </cell>
        </row>
        <row r="1096">
          <cell r="B1096">
            <v>1093</v>
          </cell>
          <cell r="H1096">
            <v>0</v>
          </cell>
        </row>
        <row r="1097">
          <cell r="B1097">
            <v>1094</v>
          </cell>
          <cell r="H1097">
            <v>0</v>
          </cell>
        </row>
        <row r="1098">
          <cell r="B1098">
            <v>1095</v>
          </cell>
          <cell r="H1098">
            <v>0</v>
          </cell>
        </row>
        <row r="1099">
          <cell r="B1099">
            <v>1096</v>
          </cell>
          <cell r="H1099">
            <v>0</v>
          </cell>
        </row>
        <row r="1100">
          <cell r="B1100">
            <v>1097</v>
          </cell>
          <cell r="H1100">
            <v>0</v>
          </cell>
        </row>
        <row r="1101">
          <cell r="B1101">
            <v>1098</v>
          </cell>
          <cell r="H1101">
            <v>0</v>
          </cell>
        </row>
        <row r="1102">
          <cell r="B1102">
            <v>1099</v>
          </cell>
          <cell r="H1102">
            <v>0</v>
          </cell>
        </row>
        <row r="1103">
          <cell r="B1103">
            <v>1100</v>
          </cell>
          <cell r="H1103">
            <v>0</v>
          </cell>
        </row>
        <row r="1104">
          <cell r="B1104">
            <v>1101</v>
          </cell>
          <cell r="H1104">
            <v>0</v>
          </cell>
        </row>
        <row r="1105">
          <cell r="B1105">
            <v>1102</v>
          </cell>
          <cell r="H1105">
            <v>0</v>
          </cell>
        </row>
        <row r="1106">
          <cell r="B1106">
            <v>1103</v>
          </cell>
          <cell r="H1106">
            <v>0</v>
          </cell>
        </row>
        <row r="1107">
          <cell r="B1107">
            <v>1104</v>
          </cell>
          <cell r="H1107">
            <v>0</v>
          </cell>
        </row>
        <row r="1108">
          <cell r="B1108">
            <v>1105</v>
          </cell>
          <cell r="H1108">
            <v>0</v>
          </cell>
        </row>
        <row r="1109">
          <cell r="B1109">
            <v>1106</v>
          </cell>
          <cell r="H1109">
            <v>0</v>
          </cell>
        </row>
        <row r="1110">
          <cell r="B1110">
            <v>1107</v>
          </cell>
          <cell r="H1110">
            <v>0</v>
          </cell>
        </row>
        <row r="1111">
          <cell r="B1111">
            <v>1108</v>
          </cell>
          <cell r="H1111">
            <v>0</v>
          </cell>
        </row>
        <row r="1112">
          <cell r="B1112">
            <v>1109</v>
          </cell>
          <cell r="H1112">
            <v>0</v>
          </cell>
        </row>
        <row r="1113">
          <cell r="B1113">
            <v>1110</v>
          </cell>
          <cell r="H1113">
            <v>0</v>
          </cell>
        </row>
        <row r="1114">
          <cell r="B1114">
            <v>1111</v>
          </cell>
          <cell r="H1114">
            <v>0</v>
          </cell>
        </row>
        <row r="1115">
          <cell r="B1115">
            <v>1112</v>
          </cell>
          <cell r="H1115">
            <v>0</v>
          </cell>
        </row>
        <row r="1116">
          <cell r="B1116">
            <v>1113</v>
          </cell>
          <cell r="H1116">
            <v>0</v>
          </cell>
        </row>
        <row r="1117">
          <cell r="B1117">
            <v>1114</v>
          </cell>
          <cell r="H1117">
            <v>0</v>
          </cell>
        </row>
        <row r="1118">
          <cell r="B1118">
            <v>1115</v>
          </cell>
          <cell r="H1118">
            <v>0</v>
          </cell>
        </row>
        <row r="1119">
          <cell r="B1119">
            <v>1116</v>
          </cell>
          <cell r="H1119">
            <v>0</v>
          </cell>
        </row>
        <row r="1120">
          <cell r="B1120">
            <v>1117</v>
          </cell>
          <cell r="H1120">
            <v>0</v>
          </cell>
        </row>
        <row r="1121">
          <cell r="B1121">
            <v>1118</v>
          </cell>
          <cell r="H1121">
            <v>0</v>
          </cell>
        </row>
        <row r="1122">
          <cell r="B1122">
            <v>1119</v>
          </cell>
          <cell r="H1122">
            <v>0</v>
          </cell>
        </row>
        <row r="1123">
          <cell r="B1123">
            <v>1120</v>
          </cell>
          <cell r="H1123">
            <v>0</v>
          </cell>
        </row>
        <row r="1124">
          <cell r="B1124">
            <v>1121</v>
          </cell>
          <cell r="H1124">
            <v>0</v>
          </cell>
        </row>
        <row r="1125">
          <cell r="B1125">
            <v>1122</v>
          </cell>
          <cell r="H1125">
            <v>0</v>
          </cell>
        </row>
        <row r="1126">
          <cell r="B1126">
            <v>1123</v>
          </cell>
          <cell r="H1126">
            <v>0</v>
          </cell>
        </row>
        <row r="1127">
          <cell r="B1127">
            <v>1124</v>
          </cell>
          <cell r="H1127">
            <v>0</v>
          </cell>
        </row>
        <row r="1128">
          <cell r="B1128">
            <v>1125</v>
          </cell>
          <cell r="H1128">
            <v>0</v>
          </cell>
        </row>
        <row r="1129">
          <cell r="B1129">
            <v>1126</v>
          </cell>
          <cell r="H1129">
            <v>0</v>
          </cell>
        </row>
        <row r="1130">
          <cell r="B1130">
            <v>1127</v>
          </cell>
          <cell r="H1130">
            <v>0</v>
          </cell>
        </row>
        <row r="1131">
          <cell r="B1131">
            <v>1128</v>
          </cell>
          <cell r="H1131">
            <v>0</v>
          </cell>
        </row>
        <row r="1132">
          <cell r="B1132">
            <v>1129</v>
          </cell>
          <cell r="H1132">
            <v>0</v>
          </cell>
        </row>
        <row r="1133">
          <cell r="B1133">
            <v>1130</v>
          </cell>
          <cell r="H1133">
            <v>0</v>
          </cell>
        </row>
        <row r="1134">
          <cell r="B1134">
            <v>1131</v>
          </cell>
          <cell r="H1134">
            <v>0</v>
          </cell>
        </row>
        <row r="1135">
          <cell r="B1135">
            <v>1132</v>
          </cell>
          <cell r="H1135">
            <v>0</v>
          </cell>
        </row>
        <row r="1136">
          <cell r="B1136">
            <v>1133</v>
          </cell>
          <cell r="H1136">
            <v>0</v>
          </cell>
        </row>
        <row r="1137">
          <cell r="B1137">
            <v>1134</v>
          </cell>
          <cell r="H1137">
            <v>0</v>
          </cell>
        </row>
        <row r="1138">
          <cell r="B1138">
            <v>1135</v>
          </cell>
          <cell r="H1138">
            <v>0</v>
          </cell>
        </row>
        <row r="1139">
          <cell r="B1139">
            <v>1136</v>
          </cell>
          <cell r="H1139">
            <v>0</v>
          </cell>
        </row>
        <row r="1140">
          <cell r="B1140">
            <v>1137</v>
          </cell>
          <cell r="H1140">
            <v>0</v>
          </cell>
        </row>
        <row r="1141">
          <cell r="B1141">
            <v>1138</v>
          </cell>
          <cell r="H1141">
            <v>0</v>
          </cell>
        </row>
        <row r="1142">
          <cell r="B1142">
            <v>1139</v>
          </cell>
          <cell r="H1142">
            <v>0</v>
          </cell>
        </row>
        <row r="1143">
          <cell r="B1143">
            <v>1140</v>
          </cell>
          <cell r="H1143">
            <v>0</v>
          </cell>
        </row>
        <row r="1144">
          <cell r="B1144">
            <v>1141</v>
          </cell>
          <cell r="H1144">
            <v>0</v>
          </cell>
        </row>
        <row r="1145">
          <cell r="B1145">
            <v>1142</v>
          </cell>
          <cell r="H1145">
            <v>0</v>
          </cell>
        </row>
        <row r="1146">
          <cell r="B1146">
            <v>1143</v>
          </cell>
          <cell r="H1146">
            <v>0</v>
          </cell>
        </row>
        <row r="1147">
          <cell r="B1147">
            <v>1144</v>
          </cell>
          <cell r="H1147">
            <v>0</v>
          </cell>
        </row>
        <row r="1148">
          <cell r="B1148">
            <v>1145</v>
          </cell>
          <cell r="H1148">
            <v>0</v>
          </cell>
        </row>
        <row r="1149">
          <cell r="B1149">
            <v>1146</v>
          </cell>
          <cell r="H1149">
            <v>0</v>
          </cell>
        </row>
        <row r="1150">
          <cell r="B1150">
            <v>1147</v>
          </cell>
          <cell r="H1150">
            <v>0</v>
          </cell>
        </row>
        <row r="1151">
          <cell r="B1151">
            <v>1148</v>
          </cell>
          <cell r="H1151">
            <v>0</v>
          </cell>
        </row>
        <row r="1152">
          <cell r="B1152">
            <v>1149</v>
          </cell>
          <cell r="H1152">
            <v>0</v>
          </cell>
        </row>
        <row r="1153">
          <cell r="B1153">
            <v>1150</v>
          </cell>
          <cell r="H1153">
            <v>0</v>
          </cell>
        </row>
        <row r="1154">
          <cell r="B1154">
            <v>1151</v>
          </cell>
          <cell r="H1154">
            <v>0</v>
          </cell>
        </row>
        <row r="1155">
          <cell r="B1155">
            <v>1152</v>
          </cell>
          <cell r="H1155">
            <v>0</v>
          </cell>
        </row>
        <row r="1156">
          <cell r="B1156">
            <v>1153</v>
          </cell>
          <cell r="H1156">
            <v>0</v>
          </cell>
        </row>
        <row r="1157">
          <cell r="B1157">
            <v>1154</v>
          </cell>
          <cell r="H1157">
            <v>0</v>
          </cell>
        </row>
        <row r="1158">
          <cell r="B1158">
            <v>1155</v>
          </cell>
          <cell r="H1158">
            <v>0</v>
          </cell>
        </row>
        <row r="1159">
          <cell r="B1159">
            <v>1156</v>
          </cell>
          <cell r="H1159">
            <v>0</v>
          </cell>
        </row>
        <row r="1160">
          <cell r="B1160">
            <v>1157</v>
          </cell>
          <cell r="H1160">
            <v>0</v>
          </cell>
        </row>
        <row r="1161">
          <cell r="B1161">
            <v>1158</v>
          </cell>
          <cell r="H1161">
            <v>0</v>
          </cell>
        </row>
        <row r="1162">
          <cell r="B1162">
            <v>1159</v>
          </cell>
          <cell r="H1162">
            <v>0</v>
          </cell>
        </row>
        <row r="1163">
          <cell r="B1163">
            <v>1160</v>
          </cell>
          <cell r="H1163">
            <v>0</v>
          </cell>
        </row>
        <row r="1164">
          <cell r="B1164">
            <v>1161</v>
          </cell>
          <cell r="H1164">
            <v>0</v>
          </cell>
        </row>
        <row r="1165">
          <cell r="B1165">
            <v>1162</v>
          </cell>
          <cell r="H1165">
            <v>0</v>
          </cell>
        </row>
        <row r="1166">
          <cell r="B1166">
            <v>1163</v>
          </cell>
          <cell r="H1166">
            <v>0</v>
          </cell>
        </row>
        <row r="1167">
          <cell r="B1167">
            <v>1164</v>
          </cell>
          <cell r="H1167">
            <v>0</v>
          </cell>
        </row>
        <row r="1168">
          <cell r="B1168">
            <v>1165</v>
          </cell>
          <cell r="H1168">
            <v>0</v>
          </cell>
        </row>
        <row r="1169">
          <cell r="B1169">
            <v>1166</v>
          </cell>
          <cell r="H1169">
            <v>0</v>
          </cell>
        </row>
        <row r="1170">
          <cell r="B1170">
            <v>1167</v>
          </cell>
          <cell r="H1170">
            <v>0</v>
          </cell>
        </row>
        <row r="1171">
          <cell r="B1171">
            <v>1168</v>
          </cell>
          <cell r="H1171">
            <v>0</v>
          </cell>
        </row>
        <row r="1172">
          <cell r="B1172">
            <v>1169</v>
          </cell>
          <cell r="H1172">
            <v>0</v>
          </cell>
        </row>
        <row r="1173">
          <cell r="B1173">
            <v>1170</v>
          </cell>
          <cell r="H1173">
            <v>0</v>
          </cell>
        </row>
        <row r="1174">
          <cell r="B1174">
            <v>1171</v>
          </cell>
          <cell r="H1174">
            <v>0</v>
          </cell>
        </row>
        <row r="1175">
          <cell r="B1175">
            <v>1172</v>
          </cell>
          <cell r="H1175">
            <v>0</v>
          </cell>
        </row>
        <row r="1176">
          <cell r="B1176">
            <v>1173</v>
          </cell>
          <cell r="H1176">
            <v>0</v>
          </cell>
        </row>
        <row r="1177">
          <cell r="B1177">
            <v>1174</v>
          </cell>
          <cell r="H1177">
            <v>0</v>
          </cell>
        </row>
        <row r="1178">
          <cell r="B1178">
            <v>1175</v>
          </cell>
          <cell r="H1178">
            <v>0</v>
          </cell>
        </row>
        <row r="1179">
          <cell r="B1179">
            <v>1176</v>
          </cell>
          <cell r="H1179">
            <v>0</v>
          </cell>
        </row>
        <row r="1180">
          <cell r="B1180">
            <v>1177</v>
          </cell>
          <cell r="H1180">
            <v>0</v>
          </cell>
        </row>
        <row r="1181">
          <cell r="B1181">
            <v>1178</v>
          </cell>
          <cell r="H1181">
            <v>0</v>
          </cell>
        </row>
        <row r="1182">
          <cell r="B1182">
            <v>1179</v>
          </cell>
          <cell r="H1182">
            <v>0</v>
          </cell>
        </row>
        <row r="1183">
          <cell r="B1183">
            <v>1180</v>
          </cell>
          <cell r="H1183">
            <v>0</v>
          </cell>
        </row>
        <row r="1184">
          <cell r="B1184">
            <v>1181</v>
          </cell>
          <cell r="H1184">
            <v>0</v>
          </cell>
        </row>
        <row r="1185">
          <cell r="B1185">
            <v>1182</v>
          </cell>
          <cell r="H1185">
            <v>0</v>
          </cell>
        </row>
        <row r="1186">
          <cell r="B1186">
            <v>1183</v>
          </cell>
          <cell r="H1186">
            <v>0</v>
          </cell>
        </row>
        <row r="1187">
          <cell r="B1187">
            <v>1184</v>
          </cell>
          <cell r="H1187">
            <v>0</v>
          </cell>
        </row>
        <row r="1188">
          <cell r="B1188">
            <v>1185</v>
          </cell>
          <cell r="H1188">
            <v>0</v>
          </cell>
        </row>
        <row r="1189">
          <cell r="B1189">
            <v>1186</v>
          </cell>
          <cell r="H1189">
            <v>0</v>
          </cell>
        </row>
        <row r="1190">
          <cell r="B1190">
            <v>1187</v>
          </cell>
          <cell r="H1190">
            <v>0</v>
          </cell>
        </row>
        <row r="1191">
          <cell r="B1191">
            <v>1188</v>
          </cell>
          <cell r="H1191">
            <v>0</v>
          </cell>
        </row>
        <row r="1192">
          <cell r="B1192">
            <v>1189</v>
          </cell>
          <cell r="H1192">
            <v>0</v>
          </cell>
        </row>
        <row r="1193">
          <cell r="B1193">
            <v>1190</v>
          </cell>
          <cell r="H1193">
            <v>0</v>
          </cell>
        </row>
        <row r="1194">
          <cell r="B1194">
            <v>1191</v>
          </cell>
          <cell r="H1194">
            <v>0</v>
          </cell>
        </row>
        <row r="1195">
          <cell r="B1195">
            <v>1192</v>
          </cell>
          <cell r="H1195">
            <v>0</v>
          </cell>
        </row>
        <row r="1196">
          <cell r="B1196">
            <v>1193</v>
          </cell>
          <cell r="H1196">
            <v>0</v>
          </cell>
        </row>
        <row r="1197">
          <cell r="B1197">
            <v>1194</v>
          </cell>
          <cell r="H1197">
            <v>0</v>
          </cell>
        </row>
        <row r="1198">
          <cell r="B1198">
            <v>1195</v>
          </cell>
          <cell r="H1198">
            <v>0</v>
          </cell>
        </row>
        <row r="1199">
          <cell r="B1199">
            <v>1196</v>
          </cell>
          <cell r="H1199">
            <v>0</v>
          </cell>
        </row>
        <row r="1200">
          <cell r="B1200">
            <v>1197</v>
          </cell>
          <cell r="H1200">
            <v>0</v>
          </cell>
        </row>
        <row r="1201">
          <cell r="B1201">
            <v>1198</v>
          </cell>
          <cell r="H1201">
            <v>0</v>
          </cell>
        </row>
        <row r="1202">
          <cell r="B1202">
            <v>1199</v>
          </cell>
          <cell r="H1202">
            <v>0</v>
          </cell>
        </row>
        <row r="1203">
          <cell r="B1203">
            <v>1200</v>
          </cell>
          <cell r="H1203">
            <v>0</v>
          </cell>
        </row>
        <row r="1204">
          <cell r="B1204">
            <v>1201</v>
          </cell>
          <cell r="H1204">
            <v>0</v>
          </cell>
        </row>
        <row r="1205">
          <cell r="B1205">
            <v>1202</v>
          </cell>
          <cell r="H1205">
            <v>0</v>
          </cell>
        </row>
        <row r="1206">
          <cell r="B1206">
            <v>1203</v>
          </cell>
          <cell r="H1206">
            <v>0</v>
          </cell>
        </row>
        <row r="1207">
          <cell r="B1207">
            <v>1204</v>
          </cell>
          <cell r="H1207">
            <v>0</v>
          </cell>
        </row>
        <row r="1208">
          <cell r="B1208">
            <v>1205</v>
          </cell>
          <cell r="H1208">
            <v>0</v>
          </cell>
        </row>
        <row r="1209">
          <cell r="B1209">
            <v>1206</v>
          </cell>
          <cell r="H1209">
            <v>0</v>
          </cell>
        </row>
        <row r="1210">
          <cell r="B1210">
            <v>1207</v>
          </cell>
          <cell r="H1210">
            <v>0</v>
          </cell>
        </row>
        <row r="1211">
          <cell r="B1211">
            <v>1208</v>
          </cell>
          <cell r="H1211">
            <v>0</v>
          </cell>
        </row>
        <row r="1212">
          <cell r="B1212">
            <v>1209</v>
          </cell>
          <cell r="H1212">
            <v>0</v>
          </cell>
        </row>
        <row r="1213">
          <cell r="B1213">
            <v>1210</v>
          </cell>
          <cell r="H1213">
            <v>0</v>
          </cell>
        </row>
        <row r="1214">
          <cell r="B1214">
            <v>1211</v>
          </cell>
          <cell r="H1214">
            <v>0</v>
          </cell>
        </row>
        <row r="1215">
          <cell r="B1215">
            <v>1212</v>
          </cell>
          <cell r="H1215">
            <v>0</v>
          </cell>
        </row>
        <row r="1216">
          <cell r="B1216">
            <v>1213</v>
          </cell>
          <cell r="H1216">
            <v>0</v>
          </cell>
        </row>
        <row r="1217">
          <cell r="B1217">
            <v>1214</v>
          </cell>
          <cell r="H1217">
            <v>0</v>
          </cell>
        </row>
        <row r="1218">
          <cell r="B1218">
            <v>1215</v>
          </cell>
          <cell r="H1218">
            <v>0</v>
          </cell>
        </row>
        <row r="1219">
          <cell r="B1219">
            <v>1216</v>
          </cell>
          <cell r="H1219">
            <v>0</v>
          </cell>
        </row>
        <row r="1220">
          <cell r="B1220">
            <v>1217</v>
          </cell>
          <cell r="H1220">
            <v>0</v>
          </cell>
        </row>
        <row r="1221">
          <cell r="B1221">
            <v>1218</v>
          </cell>
          <cell r="H1221">
            <v>0</v>
          </cell>
        </row>
        <row r="1222">
          <cell r="B1222">
            <v>1219</v>
          </cell>
          <cell r="H1222">
            <v>0</v>
          </cell>
        </row>
        <row r="1223">
          <cell r="B1223">
            <v>1220</v>
          </cell>
          <cell r="H1223">
            <v>0</v>
          </cell>
        </row>
        <row r="1224">
          <cell r="B1224">
            <v>1221</v>
          </cell>
          <cell r="H1224">
            <v>0</v>
          </cell>
        </row>
        <row r="1225">
          <cell r="B1225">
            <v>1222</v>
          </cell>
          <cell r="H1225">
            <v>0</v>
          </cell>
        </row>
        <row r="1226">
          <cell r="B1226">
            <v>1223</v>
          </cell>
          <cell r="H1226">
            <v>0</v>
          </cell>
        </row>
        <row r="1227">
          <cell r="B1227">
            <v>1224</v>
          </cell>
          <cell r="H1227">
            <v>0</v>
          </cell>
        </row>
        <row r="1228">
          <cell r="B1228">
            <v>1225</v>
          </cell>
          <cell r="H1228">
            <v>0</v>
          </cell>
        </row>
        <row r="1229">
          <cell r="B1229">
            <v>1226</v>
          </cell>
          <cell r="H1229">
            <v>0</v>
          </cell>
        </row>
        <row r="1230">
          <cell r="B1230">
            <v>1227</v>
          </cell>
          <cell r="H1230">
            <v>0</v>
          </cell>
        </row>
        <row r="1231">
          <cell r="B1231">
            <v>1228</v>
          </cell>
          <cell r="H1231">
            <v>0</v>
          </cell>
        </row>
        <row r="1232">
          <cell r="B1232">
            <v>1229</v>
          </cell>
          <cell r="H1232">
            <v>0</v>
          </cell>
        </row>
        <row r="1233">
          <cell r="B1233">
            <v>1230</v>
          </cell>
          <cell r="H1233">
            <v>0</v>
          </cell>
        </row>
        <row r="1234">
          <cell r="B1234">
            <v>1231</v>
          </cell>
          <cell r="H1234">
            <v>0</v>
          </cell>
        </row>
        <row r="1235">
          <cell r="B1235">
            <v>1232</v>
          </cell>
          <cell r="H1235">
            <v>0</v>
          </cell>
        </row>
        <row r="1236">
          <cell r="B1236">
            <v>1233</v>
          </cell>
          <cell r="H1236">
            <v>0</v>
          </cell>
        </row>
        <row r="1237">
          <cell r="B1237">
            <v>1234</v>
          </cell>
        </row>
        <row r="1238">
          <cell r="B1238">
            <v>1235</v>
          </cell>
        </row>
        <row r="1239">
          <cell r="B1239">
            <v>1236</v>
          </cell>
        </row>
        <row r="1240">
          <cell r="B1240">
            <v>1237</v>
          </cell>
        </row>
        <row r="1241">
          <cell r="B1241">
            <v>1238</v>
          </cell>
        </row>
        <row r="1242">
          <cell r="B1242">
            <v>1239</v>
          </cell>
        </row>
        <row r="1243">
          <cell r="B1243">
            <v>1240</v>
          </cell>
        </row>
        <row r="1244">
          <cell r="B1244">
            <v>1241</v>
          </cell>
        </row>
        <row r="1245">
          <cell r="B1245">
            <v>1242</v>
          </cell>
        </row>
        <row r="1246">
          <cell r="B1246">
            <v>1243</v>
          </cell>
        </row>
        <row r="1247">
          <cell r="B1247">
            <v>1244</v>
          </cell>
        </row>
        <row r="1248">
          <cell r="B1248">
            <v>1245</v>
          </cell>
        </row>
        <row r="1249">
          <cell r="B1249">
            <v>1246</v>
          </cell>
        </row>
        <row r="1250">
          <cell r="B1250">
            <v>1247</v>
          </cell>
        </row>
        <row r="1251">
          <cell r="B1251">
            <v>1248</v>
          </cell>
        </row>
        <row r="1252">
          <cell r="B1252">
            <v>1249</v>
          </cell>
        </row>
        <row r="1253">
          <cell r="B1253">
            <v>1250</v>
          </cell>
        </row>
        <row r="1254">
          <cell r="B1254">
            <v>1251</v>
          </cell>
        </row>
        <row r="1255">
          <cell r="B1255">
            <v>1252</v>
          </cell>
        </row>
        <row r="1256">
          <cell r="B1256">
            <v>1253</v>
          </cell>
        </row>
        <row r="1257">
          <cell r="B1257">
            <v>1254</v>
          </cell>
        </row>
        <row r="1258">
          <cell r="B1258">
            <v>1255</v>
          </cell>
        </row>
        <row r="1259">
          <cell r="B1259">
            <v>1256</v>
          </cell>
        </row>
        <row r="1260">
          <cell r="B1260">
            <v>1257</v>
          </cell>
        </row>
        <row r="1261">
          <cell r="B1261">
            <v>1258</v>
          </cell>
        </row>
        <row r="1262">
          <cell r="B1262">
            <v>1259</v>
          </cell>
        </row>
        <row r="1263">
          <cell r="B1263">
            <v>1260</v>
          </cell>
        </row>
        <row r="1264">
          <cell r="B1264">
            <v>1261</v>
          </cell>
        </row>
        <row r="1265">
          <cell r="B1265">
            <v>1262</v>
          </cell>
        </row>
        <row r="1266">
          <cell r="B1266">
            <v>1263</v>
          </cell>
        </row>
        <row r="1267">
          <cell r="B1267">
            <v>1264</v>
          </cell>
        </row>
        <row r="1268">
          <cell r="B1268">
            <v>1265</v>
          </cell>
        </row>
        <row r="1269">
          <cell r="B1269">
            <v>1266</v>
          </cell>
        </row>
        <row r="1270">
          <cell r="B1270">
            <v>1267</v>
          </cell>
        </row>
        <row r="1271">
          <cell r="B1271">
            <v>1268</v>
          </cell>
        </row>
        <row r="1272">
          <cell r="B1272">
            <v>1269</v>
          </cell>
        </row>
        <row r="1273">
          <cell r="B1273">
            <v>1270</v>
          </cell>
        </row>
        <row r="1274">
          <cell r="B1274">
            <v>1271</v>
          </cell>
        </row>
        <row r="1275">
          <cell r="B1275">
            <v>1272</v>
          </cell>
        </row>
        <row r="1276">
          <cell r="B1276">
            <v>1273</v>
          </cell>
        </row>
        <row r="1277">
          <cell r="B1277">
            <v>1274</v>
          </cell>
        </row>
        <row r="1278">
          <cell r="B1278">
            <v>1275</v>
          </cell>
        </row>
        <row r="1279">
          <cell r="B1279">
            <v>1276</v>
          </cell>
        </row>
        <row r="1280">
          <cell r="B1280">
            <v>1277</v>
          </cell>
        </row>
        <row r="1281">
          <cell r="B1281">
            <v>1278</v>
          </cell>
        </row>
        <row r="1282">
          <cell r="B1282">
            <v>1279</v>
          </cell>
        </row>
        <row r="1283">
          <cell r="B1283">
            <v>1280</v>
          </cell>
        </row>
        <row r="1284">
          <cell r="B1284">
            <v>1281</v>
          </cell>
        </row>
        <row r="1285">
          <cell r="B1285">
            <v>1282</v>
          </cell>
        </row>
        <row r="1286">
          <cell r="B1286">
            <v>1283</v>
          </cell>
        </row>
        <row r="1287">
          <cell r="B1287">
            <v>1284</v>
          </cell>
        </row>
        <row r="1288">
          <cell r="B1288">
            <v>1285</v>
          </cell>
        </row>
        <row r="1289">
          <cell r="B1289">
            <v>1286</v>
          </cell>
        </row>
        <row r="1290">
          <cell r="B1290">
            <v>1287</v>
          </cell>
        </row>
        <row r="1291">
          <cell r="B1291">
            <v>1288</v>
          </cell>
        </row>
        <row r="1292">
          <cell r="B1292">
            <v>1289</v>
          </cell>
        </row>
        <row r="1293">
          <cell r="B1293">
            <v>1290</v>
          </cell>
        </row>
        <row r="1294">
          <cell r="B1294">
            <v>1291</v>
          </cell>
        </row>
        <row r="1295">
          <cell r="B1295">
            <v>1292</v>
          </cell>
        </row>
        <row r="1296">
          <cell r="B1296">
            <v>1293</v>
          </cell>
        </row>
        <row r="1297">
          <cell r="B1297">
            <v>1294</v>
          </cell>
        </row>
        <row r="1298">
          <cell r="B1298">
            <v>1295</v>
          </cell>
        </row>
        <row r="1299">
          <cell r="B1299">
            <v>1296</v>
          </cell>
        </row>
        <row r="1300">
          <cell r="B1300">
            <v>1297</v>
          </cell>
        </row>
        <row r="1301">
          <cell r="B1301">
            <v>1298</v>
          </cell>
        </row>
        <row r="1302">
          <cell r="B1302">
            <v>1299</v>
          </cell>
        </row>
        <row r="1303">
          <cell r="B1303">
            <v>1300</v>
          </cell>
        </row>
        <row r="1304">
          <cell r="B1304">
            <v>1301</v>
          </cell>
        </row>
        <row r="1305">
          <cell r="B1305">
            <v>1302</v>
          </cell>
        </row>
        <row r="1306">
          <cell r="B1306">
            <v>1303</v>
          </cell>
        </row>
        <row r="1307">
          <cell r="B1307">
            <v>1304</v>
          </cell>
        </row>
        <row r="1308">
          <cell r="B1308">
            <v>1305</v>
          </cell>
        </row>
        <row r="1309">
          <cell r="B1309">
            <v>1306</v>
          </cell>
        </row>
        <row r="1310">
          <cell r="B1310">
            <v>1307</v>
          </cell>
        </row>
        <row r="1311">
          <cell r="B1311">
            <v>1308</v>
          </cell>
        </row>
        <row r="1312">
          <cell r="B1312">
            <v>1309</v>
          </cell>
        </row>
        <row r="1313">
          <cell r="B1313">
            <v>1310</v>
          </cell>
        </row>
        <row r="1314">
          <cell r="B1314">
            <v>1311</v>
          </cell>
        </row>
        <row r="1315">
          <cell r="B1315">
            <v>1312</v>
          </cell>
        </row>
        <row r="1316">
          <cell r="B1316">
            <v>1313</v>
          </cell>
        </row>
        <row r="1317">
          <cell r="B1317">
            <v>1314</v>
          </cell>
        </row>
        <row r="1318">
          <cell r="B1318">
            <v>1315</v>
          </cell>
        </row>
        <row r="1319">
          <cell r="B1319">
            <v>1316</v>
          </cell>
        </row>
        <row r="1320">
          <cell r="B1320">
            <v>1317</v>
          </cell>
        </row>
        <row r="1321">
          <cell r="B1321">
            <v>1318</v>
          </cell>
        </row>
        <row r="1322">
          <cell r="B1322">
            <v>1319</v>
          </cell>
        </row>
        <row r="1323">
          <cell r="B1323">
            <v>1320</v>
          </cell>
        </row>
        <row r="1324">
          <cell r="B1324">
            <v>1321</v>
          </cell>
        </row>
        <row r="1325">
          <cell r="B1325">
            <v>1322</v>
          </cell>
        </row>
        <row r="1326">
          <cell r="B1326">
            <v>1323</v>
          </cell>
        </row>
        <row r="1327">
          <cell r="B1327">
            <v>1324</v>
          </cell>
        </row>
        <row r="1328">
          <cell r="B1328">
            <v>1325</v>
          </cell>
        </row>
        <row r="1329">
          <cell r="B1329">
            <v>1326</v>
          </cell>
        </row>
        <row r="1330">
          <cell r="B1330">
            <v>1327</v>
          </cell>
        </row>
        <row r="1331">
          <cell r="B1331">
            <v>1328</v>
          </cell>
        </row>
        <row r="1332">
          <cell r="B1332">
            <v>1329</v>
          </cell>
        </row>
        <row r="1333">
          <cell r="B1333">
            <v>1330</v>
          </cell>
        </row>
        <row r="1334">
          <cell r="B1334">
            <v>1331</v>
          </cell>
        </row>
        <row r="1335">
          <cell r="B1335">
            <v>1332</v>
          </cell>
        </row>
        <row r="1336">
          <cell r="B1336">
            <v>1333</v>
          </cell>
        </row>
        <row r="1337">
          <cell r="B1337">
            <v>1334</v>
          </cell>
        </row>
        <row r="1338">
          <cell r="B1338">
            <v>1335</v>
          </cell>
        </row>
        <row r="1339">
          <cell r="B1339">
            <v>1336</v>
          </cell>
        </row>
        <row r="1340">
          <cell r="B1340">
            <v>1337</v>
          </cell>
        </row>
        <row r="1341">
          <cell r="B1341">
            <v>1338</v>
          </cell>
        </row>
        <row r="1342">
          <cell r="B1342">
            <v>1339</v>
          </cell>
        </row>
        <row r="1343">
          <cell r="B1343">
            <v>1340</v>
          </cell>
        </row>
        <row r="1344">
          <cell r="B1344">
            <v>1341</v>
          </cell>
        </row>
        <row r="1345">
          <cell r="B1345">
            <v>1342</v>
          </cell>
        </row>
        <row r="1346">
          <cell r="B1346">
            <v>1343</v>
          </cell>
        </row>
        <row r="1347">
          <cell r="B1347">
            <v>1344</v>
          </cell>
        </row>
        <row r="1348">
          <cell r="B1348">
            <v>1345</v>
          </cell>
        </row>
        <row r="1349">
          <cell r="B1349">
            <v>1346</v>
          </cell>
        </row>
        <row r="1350">
          <cell r="B1350">
            <v>1347</v>
          </cell>
        </row>
        <row r="1351">
          <cell r="B1351">
            <v>1348</v>
          </cell>
        </row>
        <row r="1352">
          <cell r="B1352">
            <v>1349</v>
          </cell>
        </row>
        <row r="1353">
          <cell r="B1353">
            <v>1350</v>
          </cell>
        </row>
        <row r="1354">
          <cell r="B1354">
            <v>1351</v>
          </cell>
        </row>
        <row r="1355">
          <cell r="B1355">
            <v>1352</v>
          </cell>
        </row>
        <row r="1356">
          <cell r="B1356">
            <v>1353</v>
          </cell>
        </row>
        <row r="1357">
          <cell r="B1357">
            <v>1354</v>
          </cell>
        </row>
        <row r="1358">
          <cell r="B1358">
            <v>1355</v>
          </cell>
        </row>
        <row r="1359">
          <cell r="B1359">
            <v>1356</v>
          </cell>
        </row>
        <row r="1360">
          <cell r="B1360">
            <v>1357</v>
          </cell>
        </row>
        <row r="1361">
          <cell r="B1361">
            <v>1358</v>
          </cell>
        </row>
        <row r="1362">
          <cell r="B1362">
            <v>1359</v>
          </cell>
        </row>
        <row r="1363">
          <cell r="B1363">
            <v>1360</v>
          </cell>
        </row>
        <row r="1364">
          <cell r="B1364">
            <v>1361</v>
          </cell>
        </row>
        <row r="1365">
          <cell r="B1365">
            <v>1362</v>
          </cell>
        </row>
        <row r="1366">
          <cell r="B1366">
            <v>1363</v>
          </cell>
        </row>
        <row r="1367">
          <cell r="B1367">
            <v>1364</v>
          </cell>
        </row>
        <row r="1368">
          <cell r="B1368">
            <v>1365</v>
          </cell>
        </row>
        <row r="1369">
          <cell r="B1369">
            <v>1366</v>
          </cell>
        </row>
        <row r="1370">
          <cell r="B1370">
            <v>1367</v>
          </cell>
        </row>
        <row r="1371">
          <cell r="B1371">
            <v>1368</v>
          </cell>
        </row>
        <row r="1372">
          <cell r="B1372">
            <v>1369</v>
          </cell>
        </row>
        <row r="1373">
          <cell r="B1373">
            <v>1370</v>
          </cell>
        </row>
        <row r="1374">
          <cell r="B1374">
            <v>1371</v>
          </cell>
        </row>
        <row r="1375">
          <cell r="B1375">
            <v>1372</v>
          </cell>
        </row>
        <row r="1376">
          <cell r="B1376">
            <v>1373</v>
          </cell>
        </row>
        <row r="1377">
          <cell r="B1377">
            <v>1374</v>
          </cell>
        </row>
        <row r="1378">
          <cell r="B1378">
            <v>1375</v>
          </cell>
        </row>
        <row r="1379">
          <cell r="B1379">
            <v>1376</v>
          </cell>
        </row>
        <row r="1380">
          <cell r="B1380">
            <v>1377</v>
          </cell>
        </row>
        <row r="1381">
          <cell r="B1381">
            <v>1378</v>
          </cell>
        </row>
        <row r="1382">
          <cell r="B1382">
            <v>1379</v>
          </cell>
        </row>
        <row r="1383">
          <cell r="B1383">
            <v>1380</v>
          </cell>
        </row>
        <row r="1384">
          <cell r="B1384">
            <v>1381</v>
          </cell>
        </row>
        <row r="1385">
          <cell r="B1385">
            <v>1382</v>
          </cell>
        </row>
        <row r="1386">
          <cell r="B1386">
            <v>1383</v>
          </cell>
        </row>
        <row r="1387">
          <cell r="B1387">
            <v>1384</v>
          </cell>
        </row>
        <row r="1388">
          <cell r="B1388">
            <v>1385</v>
          </cell>
        </row>
        <row r="1389">
          <cell r="B1389">
            <v>1386</v>
          </cell>
        </row>
        <row r="1390">
          <cell r="B1390">
            <v>1387</v>
          </cell>
        </row>
        <row r="1391">
          <cell r="B1391">
            <v>1388</v>
          </cell>
        </row>
        <row r="1392">
          <cell r="B1392">
            <v>1389</v>
          </cell>
        </row>
        <row r="1393">
          <cell r="B1393">
            <v>1390</v>
          </cell>
        </row>
        <row r="1394">
          <cell r="B1394">
            <v>1391</v>
          </cell>
        </row>
        <row r="1395">
          <cell r="B1395">
            <v>1392</v>
          </cell>
        </row>
        <row r="1396">
          <cell r="B1396">
            <v>1393</v>
          </cell>
        </row>
        <row r="1397">
          <cell r="B1397">
            <v>1394</v>
          </cell>
        </row>
        <row r="1398">
          <cell r="B1398">
            <v>1395</v>
          </cell>
        </row>
        <row r="1399">
          <cell r="B1399">
            <v>1396</v>
          </cell>
        </row>
        <row r="1400">
          <cell r="B1400">
            <v>1397</v>
          </cell>
        </row>
        <row r="1401">
          <cell r="B1401">
            <v>1398</v>
          </cell>
        </row>
        <row r="1402">
          <cell r="B1402">
            <v>1399</v>
          </cell>
        </row>
        <row r="1403">
          <cell r="B1403">
            <v>1400</v>
          </cell>
        </row>
      </sheetData>
    </sheetDataSet>
  </externalBook>
</externalLink>
</file>

<file path=xl/externalLinks/externalLink8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建築全体工事総括表"/>
      <sheetName val="●建築表紙"/>
      <sheetName val="管理棟（建築）"/>
      <sheetName val="多目的ｴﾘｱﾄｲﾚ棟（建築）"/>
      <sheetName val="A代価（建築）"/>
      <sheetName val="B代価（建築）"/>
      <sheetName val="●電気表紙"/>
      <sheetName val="管理棟（電気）"/>
      <sheetName val="多目的ｴﾘｱﾄｲﾚ棟（電気）"/>
      <sheetName val="代価（電気）_照明"/>
      <sheetName val="代価（電気）_盤類"/>
      <sheetName val="代価(電気）_接地"/>
      <sheetName val="代価（電気）_ケーブル"/>
      <sheetName val="代価（電気）_配線器具"/>
      <sheetName val="代価（電気）_ボックス"/>
      <sheetName val="代価(電気）_配管"/>
      <sheetName val="代価(電気）_ラック"/>
      <sheetName val="代価(電気）_管路"/>
      <sheetName val="代価（電気）_拡声"/>
      <sheetName val="代価（電気）_構内交換"/>
      <sheetName val="代価（電気）_テレビ"/>
      <sheetName val="代価（電気）_トイレ呼出"/>
      <sheetName val="●機械表紙 "/>
      <sheetName val="建築（機械） "/>
      <sheetName val="管理棟（機械）"/>
      <sheetName val="多目的ｴﾘｱﾄｲﾚ棟（機械）"/>
      <sheetName val="管理棟代価表（機械）"/>
      <sheetName val="管理棟複合単価（機械）"/>
      <sheetName val="多Eトイレ代価表（機械）"/>
      <sheetName val="多Eトイレ複合単価（機械）"/>
      <sheetName val="単価根拠"/>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sheetDataSet>
  </externalBook>
</externalLink>
</file>

<file path=xl/externalLinks/externalLink8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8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湯ノ谷代価"/>
      <sheetName val="鏡"/>
      <sheetName val="1号内訳書"/>
      <sheetName val="←→"/>
      <sheetName val="1-1号設計書"/>
    </sheetNames>
    <definedNames>
      <definedName name="湯ノ谷印刷"/>
    </definedNames>
    <sheetDataSet>
      <sheetData sheetId="0" refreshError="1"/>
      <sheetData sheetId="1"/>
      <sheetData sheetId="2"/>
      <sheetData sheetId="3"/>
      <sheetData sheetId="4"/>
    </sheetDataSet>
  </externalBook>
</externalLink>
</file>

<file path=xl/externalLinks/externalLink8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ﾃﾞｰﾀﾃｰﾌﾞﾙ"/>
      <sheetName val="表紙"/>
      <sheetName val="ﾀｲﾄﾙ-補助"/>
      <sheetName val="労務集計"/>
      <sheetName val="機器据付"/>
      <sheetName val="鋼製新設"/>
      <sheetName val="鋼製撤去"/>
      <sheetName val="複合新設"/>
      <sheetName val="複合撤去"/>
      <sheetName val="分類A"/>
      <sheetName val="分類B"/>
      <sheetName val="ﾀｲﾄﾙ-単費"/>
      <sheetName val="修正履歴"/>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8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外部改修工事"/>
      <sheetName val="内装改修・浴室"/>
      <sheetName val="内装改修・台所"/>
      <sheetName val="内装改修・台所　増改築"/>
    </sheetNames>
    <sheetDataSet>
      <sheetData sheetId="0"/>
      <sheetData sheetId="1" refreshError="1"/>
      <sheetData sheetId="2" refreshError="1"/>
      <sheetData sheetId="3"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Sheet2"/>
      <sheetName val="Sheet3"/>
    </sheetNames>
    <sheetDataSet>
      <sheetData sheetId="0" refreshError="1"/>
      <sheetData sheetId="1"/>
      <sheetData sheetId="2"/>
    </sheetDataSet>
  </externalBook>
</externalLink>
</file>

<file path=xl/externalLinks/externalLink9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
      <sheetName val="入力"/>
      <sheetName val="設計書"/>
      <sheetName val="総括"/>
      <sheetName val="労務単価 (１)"/>
      <sheetName val="Sheet1"/>
      <sheetName val="Sheet2"/>
      <sheetName val="Sheet3"/>
      <sheetName val="Sheet4"/>
      <sheetName val="Sheet5"/>
      <sheetName val="Sheet6"/>
      <sheetName val="Sheet7"/>
      <sheetName val="Sheet8"/>
      <sheetName val="Sheet9"/>
      <sheetName val="Sheet10"/>
      <sheetName val="Sheet11"/>
      <sheetName val="Sheet12"/>
      <sheetName val="Sheet13"/>
      <sheetName val="Sheet14"/>
      <sheetName val="Sheet15"/>
      <sheetName val="Sheet16"/>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9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
      <sheetName val="衛生陶器"/>
      <sheetName val="手すり"/>
      <sheetName val="水栓"/>
      <sheetName val="ﾎﾞｰﾙﾀｯﾌﾟ・定位水弁"/>
      <sheetName val="排水器具・ﾄﾗｯﾌﾟ"/>
      <sheetName val="衛生陶器 (大規模)"/>
    </sheetNames>
    <sheetDataSet>
      <sheetData sheetId="0" refreshError="1"/>
      <sheetData sheetId="1" refreshError="1"/>
      <sheetData sheetId="2" refreshError="1"/>
      <sheetData sheetId="3" refreshError="1"/>
      <sheetData sheetId="4" refreshError="1"/>
      <sheetData sheetId="5">
        <row r="50">
          <cell r="V50" t="str">
            <v>排水設備</v>
          </cell>
          <cell r="AA50" t="str">
            <v>平成22年7月</v>
          </cell>
          <cell r="AC50" t="str">
            <v>Ｃ－１１頁</v>
          </cell>
        </row>
        <row r="51">
          <cell r="Y51" t="str">
            <v>取付工事は最新の「施工単価」を採用する</v>
          </cell>
        </row>
        <row r="52">
          <cell r="V52" t="str">
            <v>排水器具･トラップ等</v>
          </cell>
        </row>
        <row r="53">
          <cell r="V53" t="str">
            <v>口径</v>
          </cell>
          <cell r="W53" t="str">
            <v>床上掃除口 ＣＯＡ</v>
          </cell>
          <cell r="Y53" t="str">
            <v>床上掃除口 ＣＯＢ</v>
          </cell>
          <cell r="AA53" t="str">
            <v>化粧型床上掃除口 ＣＯＡ(ＶＰ管用)</v>
          </cell>
          <cell r="AC53" t="str">
            <v>浴槽排水用共栓SNA　SCS製</v>
          </cell>
        </row>
        <row r="54">
          <cell r="W54" t="str">
            <v>材料単価</v>
          </cell>
          <cell r="X54" t="str">
            <v>材工単価</v>
          </cell>
          <cell r="Y54" t="str">
            <v>材料単価</v>
          </cell>
          <cell r="Z54" t="str">
            <v>材工単価</v>
          </cell>
          <cell r="AA54" t="str">
            <v>材料単価</v>
          </cell>
          <cell r="AB54" t="str">
            <v>材工単価</v>
          </cell>
          <cell r="AC54" t="str">
            <v>材料単価</v>
          </cell>
        </row>
        <row r="55">
          <cell r="V55" t="str">
            <v>40A</v>
          </cell>
          <cell r="W55">
            <v>1920</v>
          </cell>
          <cell r="X55">
            <v>5610</v>
          </cell>
          <cell r="Y55">
            <v>3450</v>
          </cell>
          <cell r="Z55">
            <v>7490</v>
          </cell>
          <cell r="AA55">
            <v>1680</v>
          </cell>
          <cell r="AB55">
            <v>5370</v>
          </cell>
        </row>
        <row r="56">
          <cell r="V56" t="str">
            <v>50A</v>
          </cell>
          <cell r="W56">
            <v>2040</v>
          </cell>
          <cell r="X56">
            <v>6300</v>
          </cell>
          <cell r="Y56">
            <v>3900</v>
          </cell>
          <cell r="Z56">
            <v>8680</v>
          </cell>
          <cell r="AA56">
            <v>2040</v>
          </cell>
          <cell r="AB56">
            <v>6300</v>
          </cell>
          <cell r="AC56">
            <v>14700</v>
          </cell>
        </row>
        <row r="57">
          <cell r="V57" t="str">
            <v>65A</v>
          </cell>
          <cell r="W57">
            <v>2610</v>
          </cell>
          <cell r="X57">
            <v>7420</v>
          </cell>
          <cell r="Y57">
            <v>4680</v>
          </cell>
          <cell r="Z57">
            <v>10900</v>
          </cell>
          <cell r="AA57">
            <v>2880</v>
          </cell>
          <cell r="AB57">
            <v>7690</v>
          </cell>
        </row>
        <row r="58">
          <cell r="V58" t="str">
            <v>80A</v>
          </cell>
          <cell r="W58">
            <v>3030</v>
          </cell>
          <cell r="X58">
            <v>8400</v>
          </cell>
          <cell r="Y58">
            <v>5370</v>
          </cell>
          <cell r="Z58">
            <v>12300</v>
          </cell>
          <cell r="AA58">
            <v>3240</v>
          </cell>
          <cell r="AB58">
            <v>8610</v>
          </cell>
          <cell r="AC58">
            <v>27000</v>
          </cell>
        </row>
        <row r="59">
          <cell r="V59" t="str">
            <v>100A</v>
          </cell>
          <cell r="W59">
            <v>3990</v>
          </cell>
          <cell r="X59">
            <v>9910</v>
          </cell>
          <cell r="Y59">
            <v>6810</v>
          </cell>
          <cell r="Z59">
            <v>14500</v>
          </cell>
          <cell r="AA59">
            <v>4980</v>
          </cell>
          <cell r="AB59">
            <v>10900</v>
          </cell>
          <cell r="AC59">
            <v>32400</v>
          </cell>
        </row>
        <row r="60">
          <cell r="V60" t="str">
            <v>125A</v>
          </cell>
          <cell r="W60">
            <v>8220</v>
          </cell>
          <cell r="X60">
            <v>14700</v>
          </cell>
          <cell r="Y60">
            <v>12900</v>
          </cell>
          <cell r="Z60">
            <v>21300</v>
          </cell>
          <cell r="AA60">
            <v>8640</v>
          </cell>
          <cell r="AB60">
            <v>15100</v>
          </cell>
        </row>
        <row r="61">
          <cell r="V61" t="str">
            <v>150A</v>
          </cell>
          <cell r="W61">
            <v>8160</v>
          </cell>
          <cell r="X61">
            <v>15100</v>
          </cell>
          <cell r="Y61">
            <v>15700</v>
          </cell>
          <cell r="Z61">
            <v>25200</v>
          </cell>
          <cell r="AA61">
            <v>14500</v>
          </cell>
          <cell r="AB61">
            <v>21500</v>
          </cell>
        </row>
        <row r="62">
          <cell r="V62" t="str">
            <v>口径</v>
          </cell>
        </row>
        <row r="64">
          <cell r="V64" t="str">
            <v>40A</v>
          </cell>
        </row>
        <row r="65">
          <cell r="V65" t="str">
            <v>50A</v>
          </cell>
        </row>
        <row r="66">
          <cell r="V66" t="str">
            <v>65A</v>
          </cell>
        </row>
        <row r="67">
          <cell r="V67" t="str">
            <v>80A</v>
          </cell>
        </row>
        <row r="68">
          <cell r="V68" t="str">
            <v>100A</v>
          </cell>
        </row>
        <row r="69">
          <cell r="V69" t="str">
            <v>125A</v>
          </cell>
        </row>
        <row r="70">
          <cell r="V70" t="str">
            <v>150A</v>
          </cell>
        </row>
      </sheetData>
      <sheetData sheetId="6" refreshError="1"/>
    </sheetDataSet>
  </externalBook>
</externalLink>
</file>

<file path=xl/externalLinks/externalLink9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屋外給水"/>
      <sheetName val="外給)代価"/>
      <sheetName val="屋内給水"/>
      <sheetName val="内給)代価"/>
      <sheetName val="外排)代価"/>
      <sheetName val="屋内排水"/>
      <sheetName val="内排)代価"/>
      <sheetName val="消火"/>
      <sheetName val="衛生"/>
      <sheetName val="衛)代価"/>
      <sheetName val="給湯"/>
      <sheetName val="雨水"/>
      <sheetName val="雨)代価"/>
      <sheetName val="ｶﾞｽ"/>
      <sheetName val="補助外内訳"/>
      <sheetName val="外)屋外給水"/>
      <sheetName val="外)給)代価"/>
      <sheetName val="外)屋内給水"/>
      <sheetName val="外)内給)代価"/>
      <sheetName val="外)消火"/>
      <sheetName val="外)火)代価"/>
      <sheetName val="外)ｶﾞｽ"/>
      <sheetName val="代価表 "/>
      <sheetName val="見比受槽"/>
      <sheetName val="見比高槽"/>
      <sheetName val="見比補水"/>
      <sheetName val="見比ポ"/>
      <sheetName val="見比衛生"/>
      <sheetName val="見比温水器"/>
      <sheetName val="見比火槽"/>
      <sheetName val="見比５号"/>
      <sheetName val="見比流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9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9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機械損料能美市参考"/>
      <sheetName val="鏡"/>
      <sheetName val="代価 1～"/>
      <sheetName val="代価 46～"/>
      <sheetName val="代価 77～"/>
      <sheetName val="代価98～"/>
      <sheetName val="代価122～"/>
      <sheetName val="→印刷しない"/>
      <sheetName val="単価一覧"/>
      <sheetName val="物価資料価格表(変更後)"/>
      <sheetName val="物価資料価格表 (数計変更前)"/>
      <sheetName val="不要代価( ﾊﾞｯｸｱｯﾌﾟ)20080417"/>
      <sheetName val="鋳鉄管切断機損料 (H19)ｴﾝｼﾞﾝｶｯﾀ"/>
      <sheetName val="鋳鉄管切断機損料 (H19)ﾊﾟｲﾌﾟ切断同時"/>
      <sheetName val="鋳鉄管切断機損料 (H19)ﾊﾟｲﾌﾟ切断"/>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ow r="2">
          <cell r="B2" t="str">
            <v>物　価　資　料　単　価　表</v>
          </cell>
          <cell r="G2" t="str">
            <v>全国</v>
          </cell>
          <cell r="I2" t="str">
            <v>H20年4月号</v>
          </cell>
          <cell r="J2" t="str">
            <v>建設物価</v>
          </cell>
          <cell r="K2" t="str">
            <v>積算資料</v>
          </cell>
        </row>
        <row r="3">
          <cell r="B3" t="str">
            <v>資材・材料</v>
          </cell>
          <cell r="C3" t="str">
            <v>規格・形状</v>
          </cell>
          <cell r="D3" t="str">
            <v>単位</v>
          </cell>
          <cell r="E3" t="str">
            <v>建設物価</v>
          </cell>
          <cell r="F3" t="str">
            <v>頁</v>
          </cell>
          <cell r="G3" t="str">
            <v>積算資料</v>
          </cell>
          <cell r="H3" t="str">
            <v>頁</v>
          </cell>
          <cell r="I3" t="str">
            <v>平均</v>
          </cell>
          <cell r="J3" t="str">
            <v>円／ｋｇ</v>
          </cell>
          <cell r="K3" t="str">
            <v>円／ｋｇ</v>
          </cell>
          <cell r="L3" t="str">
            <v>質量(kg)</v>
          </cell>
        </row>
        <row r="4">
          <cell r="A4">
            <v>1306.5</v>
          </cell>
          <cell r="B4">
            <v>0</v>
          </cell>
          <cell r="C4">
            <v>0</v>
          </cell>
        </row>
        <row r="5">
          <cell r="A5">
            <v>1307</v>
          </cell>
          <cell r="B5">
            <v>0</v>
          </cell>
          <cell r="C5">
            <v>0</v>
          </cell>
          <cell r="D5">
            <v>0</v>
          </cell>
          <cell r="E5">
            <v>58400</v>
          </cell>
          <cell r="F5">
            <v>239</v>
          </cell>
          <cell r="G5">
            <v>59300</v>
          </cell>
          <cell r="H5">
            <v>238</v>
          </cell>
          <cell r="I5">
            <v>58850</v>
          </cell>
        </row>
        <row r="6">
          <cell r="A6">
            <v>1307.5</v>
          </cell>
          <cell r="B6">
            <v>0</v>
          </cell>
          <cell r="C6">
            <v>0</v>
          </cell>
        </row>
        <row r="7">
          <cell r="A7">
            <v>1308</v>
          </cell>
          <cell r="B7">
            <v>0</v>
          </cell>
          <cell r="C7">
            <v>0</v>
          </cell>
          <cell r="D7">
            <v>0</v>
          </cell>
          <cell r="E7">
            <v>46800</v>
          </cell>
          <cell r="F7">
            <v>240</v>
          </cell>
          <cell r="G7">
            <v>47800</v>
          </cell>
          <cell r="H7">
            <v>238</v>
          </cell>
          <cell r="I7">
            <v>47300</v>
          </cell>
        </row>
        <row r="8">
          <cell r="A8">
            <v>1308.5</v>
          </cell>
          <cell r="B8">
            <v>0</v>
          </cell>
          <cell r="C8">
            <v>0</v>
          </cell>
        </row>
        <row r="9">
          <cell r="A9">
            <v>1309</v>
          </cell>
          <cell r="B9">
            <v>0</v>
          </cell>
          <cell r="C9">
            <v>0</v>
          </cell>
          <cell r="D9">
            <v>0</v>
          </cell>
          <cell r="E9">
            <v>14700</v>
          </cell>
          <cell r="F9">
            <v>240</v>
          </cell>
          <cell r="G9">
            <v>15600</v>
          </cell>
          <cell r="H9">
            <v>238</v>
          </cell>
          <cell r="I9">
            <v>15150</v>
          </cell>
        </row>
        <row r="10">
          <cell r="A10">
            <v>1309.5</v>
          </cell>
          <cell r="B10">
            <v>0</v>
          </cell>
          <cell r="C10">
            <v>0</v>
          </cell>
          <cell r="E10" t="str">
            <v>520×318.0kg</v>
          </cell>
          <cell r="G10" t="str">
            <v>577×318.0kg</v>
          </cell>
        </row>
        <row r="11">
          <cell r="A11">
            <v>1310</v>
          </cell>
          <cell r="B11">
            <v>0</v>
          </cell>
          <cell r="C11">
            <v>0</v>
          </cell>
          <cell r="D11">
            <v>0</v>
          </cell>
          <cell r="E11">
            <v>165360</v>
          </cell>
          <cell r="F11">
            <v>240</v>
          </cell>
          <cell r="G11">
            <v>183486</v>
          </cell>
          <cell r="H11">
            <v>240</v>
          </cell>
          <cell r="I11">
            <v>174423</v>
          </cell>
          <cell r="J11">
            <v>520</v>
          </cell>
          <cell r="K11">
            <v>577</v>
          </cell>
          <cell r="L11">
            <v>318</v>
          </cell>
        </row>
        <row r="12">
          <cell r="A12">
            <v>1311.5</v>
          </cell>
          <cell r="B12">
            <v>0</v>
          </cell>
          <cell r="C12">
            <v>0</v>
          </cell>
          <cell r="E12" t="str">
            <v>470×103.0kg</v>
          </cell>
          <cell r="G12" t="str">
            <v>525×103.0kg</v>
          </cell>
        </row>
        <row r="13">
          <cell r="A13">
            <v>1312</v>
          </cell>
          <cell r="B13">
            <v>0</v>
          </cell>
          <cell r="C13">
            <v>0</v>
          </cell>
          <cell r="D13">
            <v>0</v>
          </cell>
          <cell r="E13">
            <v>48410</v>
          </cell>
          <cell r="F13">
            <v>240</v>
          </cell>
          <cell r="G13">
            <v>54075</v>
          </cell>
          <cell r="H13">
            <v>240</v>
          </cell>
          <cell r="I13">
            <v>51242</v>
          </cell>
          <cell r="J13">
            <v>470</v>
          </cell>
          <cell r="K13">
            <v>525</v>
          </cell>
          <cell r="L13">
            <v>103</v>
          </cell>
        </row>
        <row r="14">
          <cell r="A14">
            <v>1312.5</v>
          </cell>
          <cell r="B14">
            <v>0</v>
          </cell>
          <cell r="C14">
            <v>0</v>
          </cell>
          <cell r="E14" t="str">
            <v>470×75.8kg</v>
          </cell>
          <cell r="G14" t="str">
            <v>525×75.8kg</v>
          </cell>
        </row>
        <row r="15">
          <cell r="A15">
            <v>1313</v>
          </cell>
          <cell r="B15">
            <v>0</v>
          </cell>
          <cell r="C15">
            <v>0</v>
          </cell>
          <cell r="D15">
            <v>0</v>
          </cell>
          <cell r="E15">
            <v>35626</v>
          </cell>
          <cell r="F15">
            <v>240</v>
          </cell>
          <cell r="G15">
            <v>39795</v>
          </cell>
          <cell r="H15">
            <v>240</v>
          </cell>
          <cell r="I15">
            <v>37710</v>
          </cell>
          <cell r="J15">
            <v>470</v>
          </cell>
          <cell r="K15">
            <v>525</v>
          </cell>
          <cell r="L15">
            <v>75.8</v>
          </cell>
        </row>
        <row r="16">
          <cell r="A16">
            <v>1316.5</v>
          </cell>
          <cell r="B16">
            <v>0</v>
          </cell>
          <cell r="C16">
            <v>0</v>
          </cell>
          <cell r="E16" t="str">
            <v>500×146.0kg</v>
          </cell>
          <cell r="G16" t="str">
            <v>547×146.0kg</v>
          </cell>
        </row>
        <row r="17">
          <cell r="A17">
            <v>1317</v>
          </cell>
          <cell r="B17">
            <v>0</v>
          </cell>
          <cell r="C17">
            <v>0</v>
          </cell>
          <cell r="D17">
            <v>0</v>
          </cell>
          <cell r="E17">
            <v>73000</v>
          </cell>
          <cell r="F17">
            <v>240</v>
          </cell>
          <cell r="G17">
            <v>79862</v>
          </cell>
          <cell r="H17">
            <v>240</v>
          </cell>
          <cell r="I17">
            <v>76431</v>
          </cell>
          <cell r="J17">
            <v>500</v>
          </cell>
          <cell r="K17">
            <v>547</v>
          </cell>
          <cell r="L17">
            <v>146</v>
          </cell>
        </row>
        <row r="18">
          <cell r="A18">
            <v>1317.5</v>
          </cell>
          <cell r="B18">
            <v>0</v>
          </cell>
          <cell r="C18">
            <v>0</v>
          </cell>
          <cell r="E18" t="str">
            <v>500×131.0kg</v>
          </cell>
          <cell r="G18" t="str">
            <v>547×131.0kg</v>
          </cell>
        </row>
        <row r="19">
          <cell r="A19">
            <v>1318</v>
          </cell>
          <cell r="B19">
            <v>0</v>
          </cell>
          <cell r="C19">
            <v>0</v>
          </cell>
          <cell r="D19">
            <v>0</v>
          </cell>
          <cell r="E19">
            <v>65500</v>
          </cell>
          <cell r="F19">
            <v>240</v>
          </cell>
          <cell r="G19">
            <v>71657</v>
          </cell>
          <cell r="H19">
            <v>240</v>
          </cell>
          <cell r="I19">
            <v>68578</v>
          </cell>
          <cell r="J19">
            <v>500</v>
          </cell>
          <cell r="K19">
            <v>547</v>
          </cell>
          <cell r="L19">
            <v>131</v>
          </cell>
        </row>
        <row r="20">
          <cell r="A20">
            <v>1320.5</v>
          </cell>
          <cell r="B20">
            <v>0</v>
          </cell>
          <cell r="C20">
            <v>0</v>
          </cell>
          <cell r="E20" t="str">
            <v>520×107.0kg</v>
          </cell>
          <cell r="G20" t="str">
            <v>577×107.0kg</v>
          </cell>
        </row>
        <row r="21">
          <cell r="A21">
            <v>1321</v>
          </cell>
          <cell r="B21">
            <v>0</v>
          </cell>
          <cell r="C21">
            <v>0</v>
          </cell>
          <cell r="D21">
            <v>0</v>
          </cell>
          <cell r="E21">
            <v>55640</v>
          </cell>
          <cell r="F21">
            <v>240</v>
          </cell>
          <cell r="G21">
            <v>61739</v>
          </cell>
          <cell r="H21">
            <v>240</v>
          </cell>
          <cell r="I21">
            <v>58689</v>
          </cell>
          <cell r="J21">
            <v>520</v>
          </cell>
          <cell r="K21">
            <v>577</v>
          </cell>
          <cell r="L21">
            <v>107</v>
          </cell>
        </row>
        <row r="22">
          <cell r="A22">
            <v>1322.5</v>
          </cell>
          <cell r="B22">
            <v>0</v>
          </cell>
          <cell r="C22">
            <v>0</v>
          </cell>
          <cell r="E22" t="str">
            <v>470×14.2kg</v>
          </cell>
          <cell r="G22" t="str">
            <v>525×14.2kg</v>
          </cell>
        </row>
        <row r="23">
          <cell r="A23">
            <v>1323</v>
          </cell>
          <cell r="B23">
            <v>0</v>
          </cell>
          <cell r="C23">
            <v>0</v>
          </cell>
          <cell r="D23">
            <v>0</v>
          </cell>
          <cell r="E23">
            <v>6674</v>
          </cell>
          <cell r="F23">
            <v>240</v>
          </cell>
          <cell r="G23">
            <v>7455</v>
          </cell>
          <cell r="H23">
            <v>240</v>
          </cell>
          <cell r="I23">
            <v>7064</v>
          </cell>
          <cell r="J23">
            <v>470</v>
          </cell>
          <cell r="K23">
            <v>525</v>
          </cell>
          <cell r="L23">
            <v>14.2</v>
          </cell>
        </row>
        <row r="24">
          <cell r="A24">
            <v>1323.5</v>
          </cell>
          <cell r="B24">
            <v>0</v>
          </cell>
          <cell r="C24">
            <v>0</v>
          </cell>
          <cell r="E24" t="str">
            <v>500×81.2kg</v>
          </cell>
          <cell r="G24" t="str">
            <v>547×81.2kg</v>
          </cell>
        </row>
        <row r="25">
          <cell r="A25">
            <v>1324</v>
          </cell>
          <cell r="B25">
            <v>0</v>
          </cell>
          <cell r="C25">
            <v>0</v>
          </cell>
          <cell r="D25">
            <v>0</v>
          </cell>
          <cell r="E25">
            <v>40600</v>
          </cell>
          <cell r="F25">
            <v>240</v>
          </cell>
          <cell r="G25">
            <v>44416</v>
          </cell>
          <cell r="H25">
            <v>240</v>
          </cell>
          <cell r="I25">
            <v>42508</v>
          </cell>
          <cell r="J25">
            <v>500</v>
          </cell>
          <cell r="K25">
            <v>547</v>
          </cell>
          <cell r="L25">
            <v>81.2</v>
          </cell>
        </row>
        <row r="26">
          <cell r="A26">
            <v>1325.5</v>
          </cell>
          <cell r="B26">
            <v>0</v>
          </cell>
          <cell r="C26">
            <v>0</v>
          </cell>
          <cell r="E26" t="str">
            <v>500×32.7kg</v>
          </cell>
          <cell r="G26" t="str">
            <v>547×32.7kg</v>
          </cell>
        </row>
        <row r="27">
          <cell r="A27">
            <v>1326</v>
          </cell>
          <cell r="B27">
            <v>0</v>
          </cell>
          <cell r="C27">
            <v>0</v>
          </cell>
          <cell r="D27">
            <v>0</v>
          </cell>
          <cell r="E27">
            <v>16350</v>
          </cell>
          <cell r="F27">
            <v>240</v>
          </cell>
          <cell r="G27">
            <v>17886</v>
          </cell>
          <cell r="H27">
            <v>240</v>
          </cell>
          <cell r="I27">
            <v>17118</v>
          </cell>
          <cell r="J27">
            <v>500</v>
          </cell>
          <cell r="K27">
            <v>547</v>
          </cell>
          <cell r="L27">
            <v>32.700000000000003</v>
          </cell>
        </row>
        <row r="28">
          <cell r="A28">
            <v>1326.5</v>
          </cell>
          <cell r="B28">
            <v>0</v>
          </cell>
          <cell r="C28">
            <v>0</v>
          </cell>
          <cell r="E28" t="str">
            <v>470×57.5kg</v>
          </cell>
          <cell r="G28" t="str">
            <v>525×57.5kg</v>
          </cell>
        </row>
        <row r="29">
          <cell r="A29">
            <v>1327</v>
          </cell>
          <cell r="B29">
            <v>0</v>
          </cell>
          <cell r="C29">
            <v>0</v>
          </cell>
          <cell r="D29">
            <v>0</v>
          </cell>
          <cell r="E29">
            <v>27025</v>
          </cell>
          <cell r="F29">
            <v>240</v>
          </cell>
          <cell r="G29">
            <v>30187</v>
          </cell>
          <cell r="H29">
            <v>240</v>
          </cell>
          <cell r="I29">
            <v>28606</v>
          </cell>
          <cell r="J29">
            <v>470</v>
          </cell>
          <cell r="K29">
            <v>525</v>
          </cell>
          <cell r="L29">
            <v>57.5</v>
          </cell>
        </row>
        <row r="30">
          <cell r="A30">
            <v>1329.5</v>
          </cell>
          <cell r="B30">
            <v>0</v>
          </cell>
          <cell r="C30">
            <v>0</v>
          </cell>
          <cell r="E30" t="str">
            <v>500×121.0kg</v>
          </cell>
          <cell r="G30" t="str">
            <v>547×121.0kg</v>
          </cell>
        </row>
        <row r="31">
          <cell r="A31">
            <v>1330</v>
          </cell>
          <cell r="B31">
            <v>0</v>
          </cell>
          <cell r="C31">
            <v>0</v>
          </cell>
          <cell r="D31">
            <v>0</v>
          </cell>
          <cell r="E31">
            <v>60500</v>
          </cell>
          <cell r="F31">
            <v>240</v>
          </cell>
          <cell r="G31">
            <v>66187</v>
          </cell>
          <cell r="H31">
            <v>240</v>
          </cell>
          <cell r="I31">
            <v>63343</v>
          </cell>
          <cell r="J31">
            <v>500</v>
          </cell>
          <cell r="K31">
            <v>547</v>
          </cell>
          <cell r="L31">
            <v>121</v>
          </cell>
        </row>
        <row r="32">
          <cell r="A32">
            <v>1330.5</v>
          </cell>
          <cell r="B32">
            <v>0</v>
          </cell>
          <cell r="C32">
            <v>0</v>
          </cell>
          <cell r="E32" t="str">
            <v>500×158.0kg</v>
          </cell>
          <cell r="G32" t="str">
            <v>547×158.0kg</v>
          </cell>
        </row>
        <row r="33">
          <cell r="A33">
            <v>1331</v>
          </cell>
          <cell r="B33">
            <v>0</v>
          </cell>
          <cell r="C33">
            <v>0</v>
          </cell>
          <cell r="D33">
            <v>0</v>
          </cell>
          <cell r="E33">
            <v>79000</v>
          </cell>
          <cell r="F33">
            <v>240</v>
          </cell>
          <cell r="G33">
            <v>86426</v>
          </cell>
          <cell r="H33">
            <v>240</v>
          </cell>
          <cell r="I33">
            <v>82713</v>
          </cell>
          <cell r="J33">
            <v>500</v>
          </cell>
          <cell r="K33">
            <v>547</v>
          </cell>
          <cell r="L33">
            <v>158</v>
          </cell>
        </row>
        <row r="34">
          <cell r="A34">
            <v>1331.5</v>
          </cell>
          <cell r="B34">
            <v>0</v>
          </cell>
          <cell r="C34">
            <v>0</v>
          </cell>
          <cell r="E34" t="str">
            <v>470×65.2kg</v>
          </cell>
          <cell r="G34" t="str">
            <v>525×65.2kg</v>
          </cell>
        </row>
        <row r="35">
          <cell r="A35">
            <v>1332</v>
          </cell>
          <cell r="B35">
            <v>0</v>
          </cell>
          <cell r="C35">
            <v>0</v>
          </cell>
          <cell r="D35">
            <v>0</v>
          </cell>
          <cell r="E35">
            <v>30644</v>
          </cell>
          <cell r="F35">
            <v>240</v>
          </cell>
          <cell r="G35">
            <v>34230</v>
          </cell>
          <cell r="H35">
            <v>240</v>
          </cell>
          <cell r="I35">
            <v>32437</v>
          </cell>
          <cell r="J35">
            <v>470</v>
          </cell>
          <cell r="K35">
            <v>525</v>
          </cell>
          <cell r="L35">
            <v>65.2</v>
          </cell>
        </row>
        <row r="36">
          <cell r="A36">
            <v>1332.5</v>
          </cell>
          <cell r="B36">
            <v>0</v>
          </cell>
          <cell r="C36">
            <v>0</v>
          </cell>
          <cell r="E36" t="str">
            <v>470×49.0kg</v>
          </cell>
          <cell r="G36" t="str">
            <v>525×49.0kg</v>
          </cell>
        </row>
        <row r="37">
          <cell r="A37">
            <v>1333</v>
          </cell>
          <cell r="B37">
            <v>0</v>
          </cell>
          <cell r="C37">
            <v>0</v>
          </cell>
          <cell r="D37">
            <v>0</v>
          </cell>
          <cell r="E37">
            <v>23030</v>
          </cell>
          <cell r="F37">
            <v>240</v>
          </cell>
          <cell r="G37">
            <v>25725</v>
          </cell>
          <cell r="H37">
            <v>240</v>
          </cell>
          <cell r="I37">
            <v>24377</v>
          </cell>
          <cell r="J37">
            <v>470</v>
          </cell>
          <cell r="K37">
            <v>525</v>
          </cell>
          <cell r="L37">
            <v>49</v>
          </cell>
        </row>
        <row r="38">
          <cell r="A38">
            <v>1334.5</v>
          </cell>
          <cell r="B38">
            <v>0</v>
          </cell>
          <cell r="C38">
            <v>0</v>
          </cell>
          <cell r="E38" t="str">
            <v>470×0.0kg</v>
          </cell>
          <cell r="G38" t="str">
            <v>525×0.0kg</v>
          </cell>
        </row>
        <row r="39">
          <cell r="A39">
            <v>1335</v>
          </cell>
          <cell r="B39">
            <v>0</v>
          </cell>
          <cell r="C39">
            <v>0</v>
          </cell>
          <cell r="D39">
            <v>0</v>
          </cell>
          <cell r="E39">
            <v>49300</v>
          </cell>
          <cell r="F39">
            <v>240</v>
          </cell>
          <cell r="G39">
            <v>49900</v>
          </cell>
          <cell r="H39">
            <v>240</v>
          </cell>
          <cell r="I39">
            <v>49600</v>
          </cell>
          <cell r="J39">
            <v>470</v>
          </cell>
          <cell r="K39">
            <v>525</v>
          </cell>
        </row>
        <row r="40">
          <cell r="A40">
            <v>1335.5</v>
          </cell>
          <cell r="B40">
            <v>0</v>
          </cell>
          <cell r="C40">
            <v>0</v>
          </cell>
          <cell r="E40" t="str">
            <v>500×196.0kg</v>
          </cell>
          <cell r="G40" t="str">
            <v>547×196.0kg</v>
          </cell>
        </row>
        <row r="41">
          <cell r="A41">
            <v>1336</v>
          </cell>
          <cell r="B41">
            <v>0</v>
          </cell>
          <cell r="C41">
            <v>0</v>
          </cell>
          <cell r="D41">
            <v>0</v>
          </cell>
          <cell r="E41">
            <v>98000</v>
          </cell>
          <cell r="F41">
            <v>240</v>
          </cell>
          <cell r="G41">
            <v>107212</v>
          </cell>
          <cell r="H41">
            <v>240</v>
          </cell>
          <cell r="I41">
            <v>102606</v>
          </cell>
          <cell r="J41">
            <v>500</v>
          </cell>
          <cell r="K41">
            <v>547</v>
          </cell>
          <cell r="L41">
            <v>196</v>
          </cell>
        </row>
        <row r="42">
          <cell r="A42">
            <v>1336.5</v>
          </cell>
          <cell r="B42">
            <v>0</v>
          </cell>
          <cell r="C42">
            <v>0</v>
          </cell>
          <cell r="E42" t="str">
            <v>470×46.4kg</v>
          </cell>
          <cell r="G42" t="str">
            <v>525×46.4kg</v>
          </cell>
        </row>
        <row r="43">
          <cell r="A43">
            <v>1337</v>
          </cell>
          <cell r="B43">
            <v>0</v>
          </cell>
          <cell r="C43">
            <v>0</v>
          </cell>
          <cell r="D43">
            <v>0</v>
          </cell>
          <cell r="E43">
            <v>21808</v>
          </cell>
          <cell r="F43">
            <v>240</v>
          </cell>
          <cell r="G43">
            <v>24360</v>
          </cell>
          <cell r="H43">
            <v>240</v>
          </cell>
          <cell r="I43">
            <v>23084</v>
          </cell>
          <cell r="J43">
            <v>470</v>
          </cell>
          <cell r="K43">
            <v>525</v>
          </cell>
          <cell r="L43">
            <v>46.4</v>
          </cell>
        </row>
        <row r="44">
          <cell r="A44">
            <v>1338.5</v>
          </cell>
          <cell r="B44">
            <v>0</v>
          </cell>
          <cell r="C44">
            <v>0</v>
          </cell>
          <cell r="E44" t="str">
            <v>500×196.0kg</v>
          </cell>
          <cell r="G44" t="str">
            <v>547×196.0kg</v>
          </cell>
        </row>
        <row r="45">
          <cell r="A45">
            <v>1339</v>
          </cell>
          <cell r="B45">
            <v>0</v>
          </cell>
          <cell r="C45">
            <v>0</v>
          </cell>
          <cell r="D45">
            <v>0</v>
          </cell>
          <cell r="E45">
            <v>98000</v>
          </cell>
          <cell r="F45">
            <v>240</v>
          </cell>
          <cell r="G45">
            <v>107212</v>
          </cell>
          <cell r="H45">
            <v>240</v>
          </cell>
          <cell r="I45">
            <v>102606</v>
          </cell>
          <cell r="J45">
            <v>500</v>
          </cell>
          <cell r="K45">
            <v>547</v>
          </cell>
          <cell r="L45">
            <v>196</v>
          </cell>
        </row>
        <row r="46">
          <cell r="A46">
            <v>1340.5</v>
          </cell>
          <cell r="B46">
            <v>0</v>
          </cell>
          <cell r="C46">
            <v>0</v>
          </cell>
          <cell r="E46" t="str">
            <v>500×226.0kg</v>
          </cell>
          <cell r="G46" t="str">
            <v>547×226.0kg</v>
          </cell>
        </row>
        <row r="47">
          <cell r="A47">
            <v>1341</v>
          </cell>
          <cell r="B47">
            <v>0</v>
          </cell>
          <cell r="C47">
            <v>0</v>
          </cell>
          <cell r="D47">
            <v>0</v>
          </cell>
          <cell r="E47">
            <v>113000</v>
          </cell>
          <cell r="F47">
            <v>240</v>
          </cell>
          <cell r="G47">
            <v>123622</v>
          </cell>
          <cell r="H47">
            <v>240</v>
          </cell>
          <cell r="I47">
            <v>118311</v>
          </cell>
          <cell r="J47">
            <v>500</v>
          </cell>
          <cell r="K47">
            <v>547</v>
          </cell>
          <cell r="L47">
            <v>226</v>
          </cell>
        </row>
        <row r="48">
          <cell r="A48">
            <v>1342.5</v>
          </cell>
          <cell r="B48">
            <v>0</v>
          </cell>
          <cell r="C48">
            <v>0</v>
          </cell>
          <cell r="E48" t="str">
            <v>470×38.5kg</v>
          </cell>
          <cell r="G48" t="str">
            <v>525×38.5kg</v>
          </cell>
        </row>
        <row r="49">
          <cell r="A49">
            <v>1343</v>
          </cell>
          <cell r="B49">
            <v>0</v>
          </cell>
          <cell r="C49">
            <v>0</v>
          </cell>
          <cell r="D49">
            <v>0</v>
          </cell>
          <cell r="E49">
            <v>18095</v>
          </cell>
          <cell r="F49">
            <v>240</v>
          </cell>
          <cell r="G49">
            <v>20212</v>
          </cell>
          <cell r="H49">
            <v>240</v>
          </cell>
          <cell r="I49">
            <v>19153</v>
          </cell>
          <cell r="J49">
            <v>470</v>
          </cell>
          <cell r="K49">
            <v>525</v>
          </cell>
          <cell r="L49">
            <v>38.5</v>
          </cell>
        </row>
        <row r="50">
          <cell r="A50">
            <v>1343.5</v>
          </cell>
          <cell r="B50">
            <v>0</v>
          </cell>
          <cell r="C50">
            <v>0</v>
          </cell>
          <cell r="E50" t="str">
            <v>470×26.4kg</v>
          </cell>
          <cell r="G50" t="str">
            <v>525×26.4kg</v>
          </cell>
        </row>
        <row r="51">
          <cell r="A51">
            <v>1344</v>
          </cell>
          <cell r="B51">
            <v>0</v>
          </cell>
          <cell r="C51">
            <v>0</v>
          </cell>
          <cell r="D51">
            <v>0</v>
          </cell>
          <cell r="E51">
            <v>12408</v>
          </cell>
          <cell r="F51">
            <v>240</v>
          </cell>
          <cell r="G51">
            <v>13860</v>
          </cell>
          <cell r="H51">
            <v>240</v>
          </cell>
          <cell r="I51">
            <v>13134</v>
          </cell>
          <cell r="J51">
            <v>470</v>
          </cell>
          <cell r="K51">
            <v>525</v>
          </cell>
          <cell r="L51">
            <v>26.4</v>
          </cell>
        </row>
        <row r="52">
          <cell r="A52">
            <v>1346.5</v>
          </cell>
          <cell r="B52">
            <v>0</v>
          </cell>
          <cell r="C52">
            <v>0</v>
          </cell>
          <cell r="E52" t="str">
            <v>500×141.0kg</v>
          </cell>
          <cell r="G52" t="str">
            <v>547×141.0kg</v>
          </cell>
        </row>
        <row r="53">
          <cell r="A53">
            <v>1347</v>
          </cell>
          <cell r="B53">
            <v>0</v>
          </cell>
          <cell r="C53">
            <v>0</v>
          </cell>
          <cell r="D53">
            <v>0</v>
          </cell>
          <cell r="E53">
            <v>70500</v>
          </cell>
          <cell r="F53">
            <v>240</v>
          </cell>
          <cell r="G53">
            <v>77127</v>
          </cell>
          <cell r="H53">
            <v>240</v>
          </cell>
          <cell r="I53">
            <v>73813</v>
          </cell>
          <cell r="J53">
            <v>500</v>
          </cell>
          <cell r="K53">
            <v>547</v>
          </cell>
          <cell r="L53">
            <v>141</v>
          </cell>
        </row>
        <row r="54">
          <cell r="A54">
            <v>1347.5</v>
          </cell>
          <cell r="B54">
            <v>0</v>
          </cell>
          <cell r="C54">
            <v>0</v>
          </cell>
          <cell r="E54" t="str">
            <v>550×52.7kg</v>
          </cell>
          <cell r="G54" t="str">
            <v>600×52.7kg</v>
          </cell>
        </row>
        <row r="55">
          <cell r="A55">
            <v>1348</v>
          </cell>
          <cell r="B55">
            <v>0</v>
          </cell>
          <cell r="C55">
            <v>0</v>
          </cell>
          <cell r="D55">
            <v>0</v>
          </cell>
          <cell r="E55">
            <v>28985</v>
          </cell>
          <cell r="F55">
            <v>240</v>
          </cell>
          <cell r="G55">
            <v>31620</v>
          </cell>
          <cell r="H55">
            <v>240</v>
          </cell>
          <cell r="I55">
            <v>30302</v>
          </cell>
          <cell r="J55">
            <v>550</v>
          </cell>
          <cell r="K55">
            <v>600</v>
          </cell>
          <cell r="L55">
            <v>52.7</v>
          </cell>
        </row>
        <row r="56">
          <cell r="A56">
            <v>1349.5</v>
          </cell>
          <cell r="B56">
            <v>0</v>
          </cell>
          <cell r="C56">
            <v>0</v>
          </cell>
          <cell r="E56" t="str">
            <v>590×74.7kg</v>
          </cell>
          <cell r="G56" t="str">
            <v>630×74.7kg</v>
          </cell>
        </row>
        <row r="57">
          <cell r="A57">
            <v>1350</v>
          </cell>
          <cell r="B57">
            <v>0</v>
          </cell>
          <cell r="C57">
            <v>0</v>
          </cell>
          <cell r="D57">
            <v>0</v>
          </cell>
          <cell r="E57">
            <v>44073</v>
          </cell>
          <cell r="F57">
            <v>240</v>
          </cell>
          <cell r="G57">
            <v>47061</v>
          </cell>
          <cell r="H57">
            <v>240</v>
          </cell>
          <cell r="I57">
            <v>45567</v>
          </cell>
          <cell r="J57">
            <v>590</v>
          </cell>
          <cell r="K57">
            <v>630</v>
          </cell>
          <cell r="L57">
            <v>74.7</v>
          </cell>
        </row>
        <row r="58">
          <cell r="A58">
            <v>1361.5</v>
          </cell>
          <cell r="B58">
            <v>0</v>
          </cell>
          <cell r="C58">
            <v>0</v>
          </cell>
        </row>
        <row r="59">
          <cell r="A59">
            <v>1362</v>
          </cell>
          <cell r="B59">
            <v>0</v>
          </cell>
          <cell r="C59">
            <v>0</v>
          </cell>
          <cell r="D59">
            <v>0</v>
          </cell>
          <cell r="E59">
            <v>25500</v>
          </cell>
          <cell r="F59">
            <v>241</v>
          </cell>
          <cell r="G59">
            <v>24800</v>
          </cell>
          <cell r="H59">
            <v>241</v>
          </cell>
          <cell r="I59">
            <v>25150</v>
          </cell>
          <cell r="J59">
            <v>470</v>
          </cell>
          <cell r="K59">
            <v>525</v>
          </cell>
        </row>
        <row r="60">
          <cell r="A60">
            <v>1362.5</v>
          </cell>
          <cell r="B60">
            <v>0</v>
          </cell>
          <cell r="C60">
            <v>0</v>
          </cell>
        </row>
        <row r="61">
          <cell r="A61">
            <v>1363</v>
          </cell>
          <cell r="B61">
            <v>0</v>
          </cell>
          <cell r="C61">
            <v>0</v>
          </cell>
          <cell r="D61">
            <v>0</v>
          </cell>
          <cell r="E61">
            <v>15500</v>
          </cell>
          <cell r="F61">
            <v>241</v>
          </cell>
          <cell r="G61">
            <v>15100</v>
          </cell>
          <cell r="H61">
            <v>241</v>
          </cell>
          <cell r="I61">
            <v>15300</v>
          </cell>
          <cell r="J61">
            <v>470</v>
          </cell>
          <cell r="K61">
            <v>525</v>
          </cell>
        </row>
        <row r="62">
          <cell r="A62">
            <v>1363.5</v>
          </cell>
          <cell r="B62">
            <v>0</v>
          </cell>
          <cell r="C62">
            <v>0</v>
          </cell>
        </row>
        <row r="63">
          <cell r="A63">
            <v>1364</v>
          </cell>
          <cell r="B63">
            <v>0</v>
          </cell>
          <cell r="C63">
            <v>0</v>
          </cell>
          <cell r="D63">
            <v>0</v>
          </cell>
          <cell r="E63">
            <v>3120</v>
          </cell>
          <cell r="F63">
            <v>241</v>
          </cell>
          <cell r="G63">
            <v>3160</v>
          </cell>
          <cell r="H63">
            <v>241</v>
          </cell>
          <cell r="I63">
            <v>3140</v>
          </cell>
          <cell r="J63">
            <v>470</v>
          </cell>
          <cell r="K63">
            <v>525</v>
          </cell>
        </row>
        <row r="64">
          <cell r="A64">
            <v>1364.5</v>
          </cell>
          <cell r="B64">
            <v>0</v>
          </cell>
          <cell r="C64">
            <v>0</v>
          </cell>
        </row>
        <row r="65">
          <cell r="A65">
            <v>1365</v>
          </cell>
          <cell r="B65">
            <v>0</v>
          </cell>
          <cell r="C65">
            <v>0</v>
          </cell>
          <cell r="D65">
            <v>0</v>
          </cell>
          <cell r="E65">
            <v>20200</v>
          </cell>
          <cell r="F65">
            <v>241</v>
          </cell>
          <cell r="G65">
            <v>19600</v>
          </cell>
          <cell r="H65">
            <v>241</v>
          </cell>
          <cell r="I65">
            <v>19900</v>
          </cell>
          <cell r="J65">
            <v>470</v>
          </cell>
          <cell r="K65">
            <v>525</v>
          </cell>
        </row>
        <row r="66">
          <cell r="A66">
            <v>1365.5</v>
          </cell>
          <cell r="B66">
            <v>0</v>
          </cell>
          <cell r="C66">
            <v>0</v>
          </cell>
        </row>
        <row r="67">
          <cell r="A67">
            <v>1366</v>
          </cell>
          <cell r="B67">
            <v>0</v>
          </cell>
          <cell r="C67">
            <v>0</v>
          </cell>
          <cell r="D67">
            <v>0</v>
          </cell>
          <cell r="E67">
            <v>8360</v>
          </cell>
          <cell r="F67">
            <v>241</v>
          </cell>
          <cell r="G67">
            <v>8480</v>
          </cell>
          <cell r="H67">
            <v>241</v>
          </cell>
          <cell r="I67">
            <v>8420</v>
          </cell>
          <cell r="J67">
            <v>470</v>
          </cell>
          <cell r="K67">
            <v>525</v>
          </cell>
        </row>
        <row r="68">
          <cell r="A68">
            <v>1366.5</v>
          </cell>
          <cell r="B68">
            <v>0</v>
          </cell>
          <cell r="C68">
            <v>0</v>
          </cell>
        </row>
        <row r="69">
          <cell r="A69">
            <v>1367</v>
          </cell>
          <cell r="B69">
            <v>0</v>
          </cell>
          <cell r="C69">
            <v>0</v>
          </cell>
          <cell r="D69">
            <v>0</v>
          </cell>
          <cell r="E69">
            <v>6190</v>
          </cell>
          <cell r="F69">
            <v>241</v>
          </cell>
          <cell r="G69">
            <v>6280</v>
          </cell>
          <cell r="H69">
            <v>241</v>
          </cell>
          <cell r="I69">
            <v>6235</v>
          </cell>
          <cell r="J69">
            <v>470</v>
          </cell>
          <cell r="K69">
            <v>525</v>
          </cell>
        </row>
        <row r="70">
          <cell r="A70">
            <v>1367.5</v>
          </cell>
          <cell r="B70">
            <v>0</v>
          </cell>
          <cell r="C70">
            <v>0</v>
          </cell>
        </row>
        <row r="71">
          <cell r="A71">
            <v>1368</v>
          </cell>
          <cell r="B71">
            <v>0</v>
          </cell>
          <cell r="C71">
            <v>0</v>
          </cell>
          <cell r="D71">
            <v>0</v>
          </cell>
          <cell r="E71">
            <v>10400</v>
          </cell>
          <cell r="F71">
            <v>241</v>
          </cell>
          <cell r="G71">
            <v>10100</v>
          </cell>
          <cell r="H71">
            <v>241</v>
          </cell>
          <cell r="I71">
            <v>10250</v>
          </cell>
          <cell r="J71">
            <v>470</v>
          </cell>
          <cell r="K71">
            <v>525</v>
          </cell>
        </row>
        <row r="72">
          <cell r="A72">
            <v>1368.5</v>
          </cell>
          <cell r="B72">
            <v>0</v>
          </cell>
          <cell r="C72">
            <v>0</v>
          </cell>
        </row>
        <row r="73">
          <cell r="A73">
            <v>1369</v>
          </cell>
          <cell r="B73">
            <v>0</v>
          </cell>
          <cell r="C73">
            <v>0</v>
          </cell>
          <cell r="D73">
            <v>0</v>
          </cell>
          <cell r="E73">
            <v>22700</v>
          </cell>
          <cell r="F73">
            <v>241</v>
          </cell>
          <cell r="G73">
            <v>22000</v>
          </cell>
          <cell r="H73">
            <v>241</v>
          </cell>
          <cell r="I73">
            <v>22350</v>
          </cell>
          <cell r="J73">
            <v>470</v>
          </cell>
          <cell r="K73">
            <v>525</v>
          </cell>
        </row>
        <row r="74">
          <cell r="A74">
            <v>1370.5</v>
          </cell>
          <cell r="B74">
            <v>0</v>
          </cell>
          <cell r="C74">
            <v>0</v>
          </cell>
        </row>
        <row r="75">
          <cell r="A75">
            <v>1371</v>
          </cell>
          <cell r="B75">
            <v>0</v>
          </cell>
          <cell r="C75">
            <v>0</v>
          </cell>
          <cell r="D75">
            <v>0</v>
          </cell>
          <cell r="E75">
            <v>8360</v>
          </cell>
          <cell r="F75">
            <v>241</v>
          </cell>
          <cell r="G75">
            <v>8360</v>
          </cell>
          <cell r="H75">
            <v>241</v>
          </cell>
          <cell r="I75">
            <v>8360</v>
          </cell>
          <cell r="J75">
            <v>470</v>
          </cell>
          <cell r="K75">
            <v>525</v>
          </cell>
        </row>
        <row r="76">
          <cell r="A76">
            <v>1371.5</v>
          </cell>
          <cell r="B76">
            <v>0</v>
          </cell>
          <cell r="C76">
            <v>0</v>
          </cell>
        </row>
        <row r="77">
          <cell r="A77">
            <v>1372</v>
          </cell>
          <cell r="B77">
            <v>0</v>
          </cell>
          <cell r="C77">
            <v>0</v>
          </cell>
          <cell r="D77">
            <v>0</v>
          </cell>
          <cell r="E77">
            <v>4760</v>
          </cell>
          <cell r="F77">
            <v>241</v>
          </cell>
          <cell r="G77">
            <v>4760</v>
          </cell>
          <cell r="H77">
            <v>241</v>
          </cell>
          <cell r="I77">
            <v>4760</v>
          </cell>
          <cell r="J77">
            <v>470</v>
          </cell>
          <cell r="K77">
            <v>525</v>
          </cell>
        </row>
        <row r="78">
          <cell r="A78">
            <v>1372.5</v>
          </cell>
          <cell r="B78">
            <v>0</v>
          </cell>
          <cell r="C78">
            <v>0</v>
          </cell>
        </row>
        <row r="79">
          <cell r="A79">
            <v>1373</v>
          </cell>
          <cell r="B79">
            <v>0</v>
          </cell>
          <cell r="C79">
            <v>0</v>
          </cell>
          <cell r="D79">
            <v>0</v>
          </cell>
          <cell r="E79">
            <v>3500</v>
          </cell>
          <cell r="F79">
            <v>241</v>
          </cell>
          <cell r="G79">
            <v>3500</v>
          </cell>
          <cell r="H79">
            <v>241</v>
          </cell>
          <cell r="I79">
            <v>3500</v>
          </cell>
          <cell r="J79">
            <v>470</v>
          </cell>
          <cell r="K79">
            <v>525</v>
          </cell>
        </row>
        <row r="80">
          <cell r="A80">
            <v>1373.5</v>
          </cell>
          <cell r="B80">
            <v>0</v>
          </cell>
          <cell r="C80">
            <v>0</v>
          </cell>
        </row>
        <row r="81">
          <cell r="A81">
            <v>1374</v>
          </cell>
          <cell r="B81">
            <v>0</v>
          </cell>
          <cell r="C81">
            <v>0</v>
          </cell>
          <cell r="D81">
            <v>0</v>
          </cell>
          <cell r="E81">
            <v>6550</v>
          </cell>
          <cell r="F81">
            <v>241</v>
          </cell>
          <cell r="G81">
            <v>6550</v>
          </cell>
          <cell r="H81">
            <v>241</v>
          </cell>
          <cell r="I81">
            <v>6550</v>
          </cell>
          <cell r="J81">
            <v>470</v>
          </cell>
          <cell r="K81">
            <v>525</v>
          </cell>
        </row>
        <row r="82">
          <cell r="A82">
            <v>1374.5</v>
          </cell>
          <cell r="B82">
            <v>0</v>
          </cell>
          <cell r="C82">
            <v>0</v>
          </cell>
        </row>
        <row r="83">
          <cell r="A83">
            <v>1375</v>
          </cell>
          <cell r="B83">
            <v>0</v>
          </cell>
          <cell r="C83">
            <v>0</v>
          </cell>
          <cell r="D83">
            <v>0</v>
          </cell>
          <cell r="E83">
            <v>12700</v>
          </cell>
          <cell r="F83">
            <v>241</v>
          </cell>
          <cell r="G83">
            <v>12700</v>
          </cell>
          <cell r="H83">
            <v>241</v>
          </cell>
          <cell r="I83">
            <v>12700</v>
          </cell>
          <cell r="J83">
            <v>470</v>
          </cell>
          <cell r="K83">
            <v>525</v>
          </cell>
        </row>
        <row r="84">
          <cell r="A84">
            <v>1381.5</v>
          </cell>
          <cell r="B84">
            <v>0</v>
          </cell>
          <cell r="C84">
            <v>0</v>
          </cell>
        </row>
        <row r="85">
          <cell r="A85">
            <v>1382</v>
          </cell>
          <cell r="B85">
            <v>0</v>
          </cell>
          <cell r="C85">
            <v>0</v>
          </cell>
          <cell r="D85">
            <v>0</v>
          </cell>
          <cell r="E85">
            <v>93900</v>
          </cell>
          <cell r="F85">
            <v>250</v>
          </cell>
          <cell r="G85">
            <v>93900</v>
          </cell>
          <cell r="H85">
            <v>250</v>
          </cell>
          <cell r="I85">
            <v>93900</v>
          </cell>
          <cell r="J85">
            <v>470</v>
          </cell>
          <cell r="K85">
            <v>525</v>
          </cell>
        </row>
        <row r="86">
          <cell r="A86">
            <v>1386.5</v>
          </cell>
          <cell r="B86">
            <v>0</v>
          </cell>
          <cell r="C86">
            <v>0</v>
          </cell>
        </row>
        <row r="87">
          <cell r="A87">
            <v>1387</v>
          </cell>
          <cell r="B87">
            <v>0</v>
          </cell>
          <cell r="C87">
            <v>0</v>
          </cell>
          <cell r="D87">
            <v>0</v>
          </cell>
          <cell r="E87">
            <v>6810</v>
          </cell>
          <cell r="F87">
            <v>240</v>
          </cell>
          <cell r="G87">
            <v>6810</v>
          </cell>
          <cell r="H87">
            <v>240</v>
          </cell>
          <cell r="I87">
            <v>6810</v>
          </cell>
        </row>
        <row r="88">
          <cell r="A88">
            <v>1387.5</v>
          </cell>
          <cell r="B88">
            <v>0</v>
          </cell>
          <cell r="C88">
            <v>0</v>
          </cell>
        </row>
        <row r="89">
          <cell r="A89">
            <v>1388</v>
          </cell>
          <cell r="B89">
            <v>0</v>
          </cell>
          <cell r="C89">
            <v>0</v>
          </cell>
          <cell r="D89">
            <v>0</v>
          </cell>
          <cell r="E89">
            <v>5160</v>
          </cell>
          <cell r="F89">
            <v>240</v>
          </cell>
          <cell r="G89">
            <v>5160</v>
          </cell>
          <cell r="H89">
            <v>240</v>
          </cell>
          <cell r="I89">
            <v>5160</v>
          </cell>
        </row>
        <row r="90">
          <cell r="A90">
            <v>1388.5</v>
          </cell>
          <cell r="B90">
            <v>0</v>
          </cell>
          <cell r="C90">
            <v>0</v>
          </cell>
        </row>
        <row r="91">
          <cell r="A91">
            <v>1389</v>
          </cell>
          <cell r="B91">
            <v>0</v>
          </cell>
          <cell r="C91">
            <v>0</v>
          </cell>
          <cell r="D91">
            <v>0</v>
          </cell>
          <cell r="E91">
            <v>4450</v>
          </cell>
          <cell r="F91">
            <v>240</v>
          </cell>
          <cell r="G91">
            <v>4450</v>
          </cell>
          <cell r="H91">
            <v>240</v>
          </cell>
          <cell r="I91">
            <v>4450</v>
          </cell>
        </row>
        <row r="92">
          <cell r="A92">
            <v>1395.5</v>
          </cell>
          <cell r="B92">
            <v>0</v>
          </cell>
          <cell r="C92" t="str">
            <v>折りたたみ式 ﾀﾞﾌﾞﾙ</v>
          </cell>
        </row>
        <row r="93">
          <cell r="A93">
            <v>1396</v>
          </cell>
          <cell r="B93" t="str">
            <v>埋設標識ｼｰﾄ</v>
          </cell>
          <cell r="C93" t="str">
            <v>150mm×50,000Ｌ</v>
          </cell>
          <cell r="D93" t="str">
            <v>ｍ</v>
          </cell>
          <cell r="E93">
            <v>7150</v>
          </cell>
          <cell r="F93">
            <v>554</v>
          </cell>
          <cell r="G93">
            <v>7150</v>
          </cell>
          <cell r="H93">
            <v>597</v>
          </cell>
          <cell r="I93">
            <v>7150</v>
          </cell>
        </row>
        <row r="94">
          <cell r="A94">
            <v>1400.5</v>
          </cell>
          <cell r="B94">
            <v>0</v>
          </cell>
          <cell r="C94">
            <v>0</v>
          </cell>
          <cell r="E94" t="str">
            <v>470×13.2kg</v>
          </cell>
          <cell r="G94" t="str">
            <v>525×13.2kg</v>
          </cell>
        </row>
        <row r="95">
          <cell r="A95">
            <v>1401</v>
          </cell>
          <cell r="B95">
            <v>0</v>
          </cell>
          <cell r="C95">
            <v>0</v>
          </cell>
          <cell r="D95">
            <v>0</v>
          </cell>
          <cell r="E95">
            <v>6204</v>
          </cell>
          <cell r="F95">
            <v>240</v>
          </cell>
          <cell r="G95">
            <v>6930</v>
          </cell>
          <cell r="H95">
            <v>240</v>
          </cell>
          <cell r="I95">
            <v>6567</v>
          </cell>
          <cell r="J95">
            <v>470</v>
          </cell>
          <cell r="K95">
            <v>525</v>
          </cell>
          <cell r="L95">
            <v>13.2</v>
          </cell>
        </row>
        <row r="96">
          <cell r="A96">
            <v>1403.5</v>
          </cell>
          <cell r="B96">
            <v>0</v>
          </cell>
          <cell r="C96">
            <v>0</v>
          </cell>
          <cell r="E96" t="str">
            <v>470×53.8kg</v>
          </cell>
          <cell r="G96" t="str">
            <v>525×53.8kg</v>
          </cell>
        </row>
        <row r="97">
          <cell r="A97">
            <v>1404</v>
          </cell>
          <cell r="B97">
            <v>0</v>
          </cell>
          <cell r="C97">
            <v>0</v>
          </cell>
          <cell r="D97">
            <v>0</v>
          </cell>
          <cell r="E97">
            <v>25286</v>
          </cell>
          <cell r="F97">
            <v>240</v>
          </cell>
          <cell r="G97">
            <v>28245</v>
          </cell>
          <cell r="H97">
            <v>240</v>
          </cell>
          <cell r="I97">
            <v>26765</v>
          </cell>
          <cell r="J97">
            <v>470</v>
          </cell>
          <cell r="K97">
            <v>525</v>
          </cell>
          <cell r="L97">
            <v>53.8</v>
          </cell>
        </row>
        <row r="98">
          <cell r="A98">
            <v>1411.5</v>
          </cell>
          <cell r="B98">
            <v>0</v>
          </cell>
          <cell r="C98">
            <v>0</v>
          </cell>
        </row>
        <row r="99">
          <cell r="A99">
            <v>1412</v>
          </cell>
          <cell r="B99">
            <v>0</v>
          </cell>
          <cell r="C99">
            <v>0</v>
          </cell>
          <cell r="D99">
            <v>0</v>
          </cell>
          <cell r="E99">
            <v>73800</v>
          </cell>
          <cell r="F99">
            <v>240</v>
          </cell>
          <cell r="G99">
            <v>73800</v>
          </cell>
          <cell r="H99">
            <v>240</v>
          </cell>
          <cell r="I99">
            <v>73800</v>
          </cell>
        </row>
        <row r="100">
          <cell r="A100">
            <v>1412.5</v>
          </cell>
          <cell r="B100">
            <v>0</v>
          </cell>
          <cell r="C100">
            <v>0</v>
          </cell>
        </row>
        <row r="101">
          <cell r="A101">
            <v>1413</v>
          </cell>
          <cell r="B101">
            <v>0</v>
          </cell>
          <cell r="C101">
            <v>0</v>
          </cell>
          <cell r="D101">
            <v>0</v>
          </cell>
          <cell r="E101">
            <v>125000</v>
          </cell>
          <cell r="F101">
            <v>240</v>
          </cell>
          <cell r="G101">
            <v>125000</v>
          </cell>
          <cell r="H101">
            <v>240</v>
          </cell>
          <cell r="I101">
            <v>125000</v>
          </cell>
        </row>
        <row r="102">
          <cell r="A102">
            <v>1413.5</v>
          </cell>
          <cell r="B102">
            <v>0</v>
          </cell>
          <cell r="C102">
            <v>0</v>
          </cell>
        </row>
        <row r="103">
          <cell r="A103">
            <v>1414</v>
          </cell>
          <cell r="B103">
            <v>0</v>
          </cell>
          <cell r="C103">
            <v>0</v>
          </cell>
          <cell r="D103">
            <v>0</v>
          </cell>
          <cell r="E103">
            <v>86700</v>
          </cell>
          <cell r="F103">
            <v>240</v>
          </cell>
          <cell r="G103">
            <v>86700</v>
          </cell>
          <cell r="H103">
            <v>240</v>
          </cell>
          <cell r="I103">
            <v>86700</v>
          </cell>
        </row>
        <row r="104">
          <cell r="A104">
            <v>1414.5</v>
          </cell>
          <cell r="B104">
            <v>0</v>
          </cell>
          <cell r="C104">
            <v>0</v>
          </cell>
        </row>
        <row r="105">
          <cell r="A105">
            <v>1415</v>
          </cell>
          <cell r="B105">
            <v>0</v>
          </cell>
          <cell r="C105">
            <v>0</v>
          </cell>
          <cell r="D105">
            <v>0</v>
          </cell>
          <cell r="E105">
            <v>74700</v>
          </cell>
          <cell r="F105">
            <v>240</v>
          </cell>
          <cell r="G105">
            <v>74700</v>
          </cell>
          <cell r="H105">
            <v>240</v>
          </cell>
          <cell r="I105">
            <v>74700</v>
          </cell>
        </row>
        <row r="106">
          <cell r="A106">
            <v>1415.5</v>
          </cell>
          <cell r="B106">
            <v>0</v>
          </cell>
          <cell r="C106">
            <v>0</v>
          </cell>
        </row>
        <row r="107">
          <cell r="A107">
            <v>1416</v>
          </cell>
          <cell r="B107">
            <v>0</v>
          </cell>
          <cell r="C107">
            <v>0</v>
          </cell>
          <cell r="D107">
            <v>0</v>
          </cell>
          <cell r="E107">
            <v>18000</v>
          </cell>
          <cell r="F107">
            <v>240</v>
          </cell>
          <cell r="G107">
            <v>18000</v>
          </cell>
          <cell r="H107">
            <v>240</v>
          </cell>
          <cell r="I107">
            <v>18000</v>
          </cell>
        </row>
        <row r="108">
          <cell r="A108">
            <v>1416.5</v>
          </cell>
          <cell r="B108">
            <v>0</v>
          </cell>
          <cell r="C108">
            <v>0</v>
          </cell>
        </row>
        <row r="109">
          <cell r="A109">
            <v>1417</v>
          </cell>
          <cell r="B109">
            <v>0</v>
          </cell>
          <cell r="C109">
            <v>0</v>
          </cell>
          <cell r="D109">
            <v>0</v>
          </cell>
          <cell r="E109">
            <v>316000</v>
          </cell>
          <cell r="F109">
            <v>250</v>
          </cell>
          <cell r="G109">
            <v>305000</v>
          </cell>
          <cell r="H109">
            <v>250</v>
          </cell>
          <cell r="I109">
            <v>310500</v>
          </cell>
        </row>
        <row r="110">
          <cell r="A110">
            <v>1419.5</v>
          </cell>
          <cell r="B110">
            <v>0</v>
          </cell>
          <cell r="C110">
            <v>0</v>
          </cell>
        </row>
        <row r="111">
          <cell r="A111">
            <v>1420</v>
          </cell>
          <cell r="B111">
            <v>0</v>
          </cell>
          <cell r="C111">
            <v>0</v>
          </cell>
          <cell r="D111">
            <v>0</v>
          </cell>
          <cell r="E111">
            <v>69500</v>
          </cell>
          <cell r="F111">
            <v>240</v>
          </cell>
          <cell r="G111">
            <v>69500</v>
          </cell>
          <cell r="H111">
            <v>240</v>
          </cell>
          <cell r="I111">
            <v>69500</v>
          </cell>
        </row>
        <row r="112">
          <cell r="A112">
            <v>1420.5</v>
          </cell>
          <cell r="B112">
            <v>0</v>
          </cell>
          <cell r="C112">
            <v>0</v>
          </cell>
        </row>
        <row r="113">
          <cell r="A113">
            <v>1421</v>
          </cell>
          <cell r="B113">
            <v>0</v>
          </cell>
          <cell r="C113">
            <v>0</v>
          </cell>
          <cell r="D113">
            <v>0</v>
          </cell>
          <cell r="E113">
            <v>6080</v>
          </cell>
          <cell r="F113">
            <v>240</v>
          </cell>
          <cell r="G113">
            <v>6080</v>
          </cell>
          <cell r="H113">
            <v>240</v>
          </cell>
          <cell r="I113">
            <v>6080</v>
          </cell>
        </row>
        <row r="114">
          <cell r="A114">
            <v>1421.5</v>
          </cell>
          <cell r="B114">
            <v>0</v>
          </cell>
          <cell r="C114">
            <v>0</v>
          </cell>
        </row>
        <row r="115">
          <cell r="A115">
            <v>1422</v>
          </cell>
          <cell r="B115">
            <v>0</v>
          </cell>
          <cell r="C115">
            <v>0</v>
          </cell>
          <cell r="D115">
            <v>0</v>
          </cell>
          <cell r="E115">
            <v>16300</v>
          </cell>
          <cell r="F115">
            <v>240</v>
          </cell>
          <cell r="G115">
            <v>16300</v>
          </cell>
          <cell r="H115">
            <v>240</v>
          </cell>
          <cell r="I115">
            <v>16300</v>
          </cell>
        </row>
        <row r="116">
          <cell r="A116">
            <v>1422.5</v>
          </cell>
          <cell r="B116">
            <v>0</v>
          </cell>
          <cell r="C116">
            <v>0</v>
          </cell>
        </row>
        <row r="117">
          <cell r="A117">
            <v>1423</v>
          </cell>
          <cell r="B117">
            <v>0</v>
          </cell>
          <cell r="C117">
            <v>0</v>
          </cell>
          <cell r="D117">
            <v>0</v>
          </cell>
          <cell r="E117">
            <v>8500</v>
          </cell>
          <cell r="F117">
            <v>240</v>
          </cell>
          <cell r="G117">
            <v>8500</v>
          </cell>
          <cell r="H117">
            <v>240</v>
          </cell>
          <cell r="I117">
            <v>8500</v>
          </cell>
        </row>
        <row r="118">
          <cell r="A118">
            <v>1423.5</v>
          </cell>
          <cell r="B118">
            <v>0</v>
          </cell>
          <cell r="C118">
            <v>0</v>
          </cell>
        </row>
        <row r="119">
          <cell r="A119">
            <v>1424</v>
          </cell>
          <cell r="B119">
            <v>0</v>
          </cell>
          <cell r="C119">
            <v>0</v>
          </cell>
          <cell r="D119">
            <v>0</v>
          </cell>
          <cell r="E119">
            <v>143000</v>
          </cell>
          <cell r="F119">
            <v>250</v>
          </cell>
          <cell r="G119">
            <v>143000</v>
          </cell>
          <cell r="H119">
            <v>250</v>
          </cell>
          <cell r="I119">
            <v>143000</v>
          </cell>
        </row>
        <row r="120">
          <cell r="A120">
            <v>1425.5</v>
          </cell>
          <cell r="B120">
            <v>0</v>
          </cell>
          <cell r="C120">
            <v>0</v>
          </cell>
          <cell r="E120" t="str">
            <v>500×93.0kg</v>
          </cell>
          <cell r="G120" t="str">
            <v>547×93.0kg</v>
          </cell>
        </row>
        <row r="121">
          <cell r="A121">
            <v>1426</v>
          </cell>
          <cell r="B121">
            <v>0</v>
          </cell>
          <cell r="C121">
            <v>0</v>
          </cell>
          <cell r="D121">
            <v>0</v>
          </cell>
          <cell r="E121">
            <v>46500</v>
          </cell>
          <cell r="F121">
            <v>240</v>
          </cell>
          <cell r="G121">
            <v>50871</v>
          </cell>
          <cell r="H121">
            <v>240</v>
          </cell>
          <cell r="I121">
            <v>48685</v>
          </cell>
          <cell r="J121">
            <v>500</v>
          </cell>
          <cell r="K121">
            <v>547</v>
          </cell>
          <cell r="L121">
            <v>93</v>
          </cell>
        </row>
        <row r="122">
          <cell r="A122">
            <v>1427.5</v>
          </cell>
          <cell r="B122">
            <v>0</v>
          </cell>
          <cell r="C122">
            <v>0</v>
          </cell>
          <cell r="E122" t="str">
            <v>500×228.0kg</v>
          </cell>
          <cell r="G122" t="str">
            <v>547×228.0kg</v>
          </cell>
        </row>
        <row r="123">
          <cell r="A123">
            <v>1428</v>
          </cell>
          <cell r="B123">
            <v>0</v>
          </cell>
          <cell r="C123">
            <v>0</v>
          </cell>
          <cell r="D123">
            <v>0</v>
          </cell>
          <cell r="E123">
            <v>114000</v>
          </cell>
          <cell r="F123">
            <v>240</v>
          </cell>
          <cell r="G123">
            <v>124716</v>
          </cell>
          <cell r="H123">
            <v>240</v>
          </cell>
          <cell r="I123">
            <v>119358</v>
          </cell>
          <cell r="J123">
            <v>500</v>
          </cell>
          <cell r="K123">
            <v>547</v>
          </cell>
          <cell r="L123">
            <v>228</v>
          </cell>
        </row>
        <row r="124">
          <cell r="A124">
            <v>1428.5</v>
          </cell>
          <cell r="B124">
            <v>0</v>
          </cell>
          <cell r="C124">
            <v>0</v>
          </cell>
          <cell r="E124" t="str">
            <v>500×94.1kg</v>
          </cell>
          <cell r="G124" t="str">
            <v>547×94.1kg</v>
          </cell>
        </row>
        <row r="125">
          <cell r="A125">
            <v>1429</v>
          </cell>
          <cell r="B125">
            <v>0</v>
          </cell>
          <cell r="C125">
            <v>0</v>
          </cell>
          <cell r="D125">
            <v>0</v>
          </cell>
          <cell r="E125">
            <v>47050</v>
          </cell>
          <cell r="F125">
            <v>240</v>
          </cell>
          <cell r="G125">
            <v>51472</v>
          </cell>
          <cell r="H125">
            <v>240</v>
          </cell>
          <cell r="I125">
            <v>49261</v>
          </cell>
          <cell r="J125">
            <v>500</v>
          </cell>
          <cell r="K125">
            <v>547</v>
          </cell>
          <cell r="L125">
            <v>94.1</v>
          </cell>
        </row>
        <row r="126">
          <cell r="A126">
            <v>1429.5</v>
          </cell>
          <cell r="B126">
            <v>0</v>
          </cell>
          <cell r="C126">
            <v>0</v>
          </cell>
        </row>
        <row r="127">
          <cell r="A127">
            <v>1430</v>
          </cell>
          <cell r="B127">
            <v>0</v>
          </cell>
          <cell r="C127">
            <v>0</v>
          </cell>
          <cell r="D127">
            <v>0</v>
          </cell>
          <cell r="E127">
            <v>592000</v>
          </cell>
          <cell r="F127">
            <v>250</v>
          </cell>
          <cell r="G127">
            <v>571000</v>
          </cell>
          <cell r="H127">
            <v>250</v>
          </cell>
          <cell r="I127">
            <v>581500</v>
          </cell>
        </row>
        <row r="128">
          <cell r="A128">
            <v>1431.5</v>
          </cell>
          <cell r="B128">
            <v>0</v>
          </cell>
          <cell r="C128">
            <v>0</v>
          </cell>
          <cell r="E128" t="str">
            <v>470×43.9kg</v>
          </cell>
          <cell r="G128" t="str">
            <v>525×43.9kg</v>
          </cell>
        </row>
        <row r="129">
          <cell r="A129">
            <v>1432</v>
          </cell>
          <cell r="B129">
            <v>0</v>
          </cell>
          <cell r="C129">
            <v>0</v>
          </cell>
          <cell r="D129">
            <v>0</v>
          </cell>
          <cell r="E129">
            <v>20633</v>
          </cell>
          <cell r="F129">
            <v>240</v>
          </cell>
          <cell r="G129">
            <v>23047</v>
          </cell>
          <cell r="H129">
            <v>240</v>
          </cell>
          <cell r="I129">
            <v>21840</v>
          </cell>
          <cell r="J129">
            <v>470</v>
          </cell>
          <cell r="K129">
            <v>525</v>
          </cell>
          <cell r="L129">
            <v>43.9</v>
          </cell>
        </row>
        <row r="130">
          <cell r="A130">
            <v>-0.5</v>
          </cell>
        </row>
        <row r="131">
          <cell r="B131" t="str">
            <v>粘着テープ</v>
          </cell>
          <cell r="C131" t="str">
            <v>厚0.2mm×幅19mm×20ｍ</v>
          </cell>
          <cell r="D131" t="str">
            <v>ｍ</v>
          </cell>
          <cell r="E131">
            <v>9</v>
          </cell>
          <cell r="F131">
            <v>630</v>
          </cell>
          <cell r="G131" t="str">
            <v>-</v>
          </cell>
          <cell r="I131">
            <v>9</v>
          </cell>
        </row>
        <row r="132">
          <cell r="A132">
            <v>-0.5</v>
          </cell>
          <cell r="B132">
            <v>0</v>
          </cell>
          <cell r="C132">
            <v>0</v>
          </cell>
        </row>
        <row r="133">
          <cell r="B133">
            <v>0</v>
          </cell>
          <cell r="C133">
            <v>0</v>
          </cell>
          <cell r="D133">
            <v>0</v>
          </cell>
        </row>
        <row r="134">
          <cell r="A134">
            <v>-0.5</v>
          </cell>
          <cell r="B134">
            <v>0</v>
          </cell>
          <cell r="C134">
            <v>0</v>
          </cell>
        </row>
        <row r="135">
          <cell r="B135">
            <v>0</v>
          </cell>
          <cell r="C135">
            <v>0</v>
          </cell>
          <cell r="D135">
            <v>0</v>
          </cell>
        </row>
        <row r="136">
          <cell r="A136">
            <v>-0.5</v>
          </cell>
          <cell r="B136">
            <v>0</v>
          </cell>
          <cell r="C136">
            <v>0</v>
          </cell>
        </row>
        <row r="137">
          <cell r="B137">
            <v>0</v>
          </cell>
          <cell r="C137">
            <v>0</v>
          </cell>
          <cell r="D137">
            <v>0</v>
          </cell>
        </row>
        <row r="138">
          <cell r="A138">
            <v>-0.5</v>
          </cell>
          <cell r="B138">
            <v>0</v>
          </cell>
          <cell r="C138">
            <v>0</v>
          </cell>
        </row>
        <row r="139">
          <cell r="B139">
            <v>0</v>
          </cell>
          <cell r="C139">
            <v>0</v>
          </cell>
          <cell r="D139">
            <v>0</v>
          </cell>
        </row>
        <row r="140">
          <cell r="A140">
            <v>-0.5</v>
          </cell>
          <cell r="B140">
            <v>0</v>
          </cell>
          <cell r="C140">
            <v>0</v>
          </cell>
        </row>
        <row r="141">
          <cell r="B141">
            <v>0</v>
          </cell>
          <cell r="C141">
            <v>0</v>
          </cell>
          <cell r="D141">
            <v>0</v>
          </cell>
        </row>
        <row r="142">
          <cell r="A142">
            <v>-0.5</v>
          </cell>
          <cell r="B142">
            <v>0</v>
          </cell>
          <cell r="C142">
            <v>0</v>
          </cell>
        </row>
        <row r="143">
          <cell r="B143">
            <v>0</v>
          </cell>
          <cell r="C143">
            <v>0</v>
          </cell>
          <cell r="D143">
            <v>0</v>
          </cell>
        </row>
        <row r="144">
          <cell r="A144">
            <v>-0.5</v>
          </cell>
          <cell r="B144">
            <v>0</v>
          </cell>
          <cell r="C144">
            <v>0</v>
          </cell>
        </row>
        <row r="145">
          <cell r="B145">
            <v>0</v>
          </cell>
          <cell r="C145">
            <v>0</v>
          </cell>
          <cell r="D145">
            <v>0</v>
          </cell>
        </row>
        <row r="146">
          <cell r="A146">
            <v>-0.5</v>
          </cell>
          <cell r="B146">
            <v>0</v>
          </cell>
          <cell r="C146">
            <v>0</v>
          </cell>
        </row>
        <row r="147">
          <cell r="B147">
            <v>0</v>
          </cell>
          <cell r="C147">
            <v>0</v>
          </cell>
          <cell r="D147">
            <v>0</v>
          </cell>
        </row>
        <row r="148">
          <cell r="A148">
            <v>-0.5</v>
          </cell>
          <cell r="B148">
            <v>0</v>
          </cell>
          <cell r="C148">
            <v>0</v>
          </cell>
        </row>
        <row r="149">
          <cell r="B149">
            <v>0</v>
          </cell>
          <cell r="C149">
            <v>0</v>
          </cell>
          <cell r="D149">
            <v>0</v>
          </cell>
        </row>
        <row r="150">
          <cell r="A150">
            <v>-0.5</v>
          </cell>
          <cell r="B150">
            <v>0</v>
          </cell>
          <cell r="C150">
            <v>0</v>
          </cell>
        </row>
        <row r="151">
          <cell r="B151">
            <v>0</v>
          </cell>
          <cell r="C151">
            <v>0</v>
          </cell>
          <cell r="D151">
            <v>0</v>
          </cell>
        </row>
      </sheetData>
      <sheetData sheetId="10" refreshError="1"/>
      <sheetData sheetId="11" refreshError="1"/>
      <sheetData sheetId="12" refreshError="1"/>
      <sheetData sheetId="13" refreshError="1"/>
      <sheetData sheetId="14" refreshError="1"/>
    </sheetDataSet>
  </externalBook>
</externalLink>
</file>

<file path=xl/externalLinks/externalLink9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
      <sheetName val="明細書1"/>
      <sheetName val="明細書2"/>
      <sheetName val="明細書3"/>
      <sheetName val="明細書4"/>
      <sheetName val="明細書5"/>
      <sheetName val="明細書6"/>
      <sheetName val="代価表(1)"/>
      <sheetName val="代価表(2)"/>
      <sheetName val="代価表(3)"/>
      <sheetName val="代価表(4)"/>
      <sheetName val="代価表(5)"/>
      <sheetName val="代価表(6)"/>
      <sheetName val="代価表(7)"/>
      <sheetName val="代価表(8)"/>
      <sheetName val="代価表(9)"/>
      <sheetName val="代価表(10)"/>
      <sheetName val="代価表(11)"/>
      <sheetName val="代価表(12)"/>
      <sheetName val="代価表(13)"/>
      <sheetName val="代価表(14)"/>
      <sheetName val="代価表(15)"/>
      <sheetName val="代価表(16)"/>
      <sheetName val="代価表(17)"/>
      <sheetName val="代価表(18)"/>
      <sheetName val="見積比較表（機器）"/>
      <sheetName val="見積比較表 (材料)"/>
      <sheetName val="諸経費計算"/>
      <sheetName val="輸送費，役務費"/>
      <sheetName val="鋳鉄管"/>
      <sheetName val="人工集計表"/>
      <sheetName val="機器等据付工"/>
      <sheetName val="機器等据付工（撤去）"/>
      <sheetName val="機器等据付重量表"/>
      <sheetName val="機器等据付重量表（撤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row r="7">
          <cell r="C7">
            <v>6</v>
          </cell>
        </row>
        <row r="17">
          <cell r="C17">
            <v>6</v>
          </cell>
        </row>
        <row r="27">
          <cell r="C27">
            <v>6</v>
          </cell>
        </row>
        <row r="37">
          <cell r="C37">
            <v>6</v>
          </cell>
        </row>
        <row r="47">
          <cell r="C47">
            <v>6</v>
          </cell>
        </row>
        <row r="63">
          <cell r="C63">
            <v>6</v>
          </cell>
        </row>
        <row r="73">
          <cell r="C73">
            <v>6</v>
          </cell>
        </row>
        <row r="83">
          <cell r="C83">
            <v>6</v>
          </cell>
        </row>
        <row r="93">
          <cell r="C93">
            <v>4</v>
          </cell>
        </row>
        <row r="103">
          <cell r="C103">
            <v>1</v>
          </cell>
        </row>
        <row r="119">
          <cell r="C119">
            <v>6</v>
          </cell>
        </row>
        <row r="139">
          <cell r="C139">
            <v>2</v>
          </cell>
        </row>
        <row r="149">
          <cell r="C149">
            <v>1</v>
          </cell>
        </row>
      </sheetData>
      <sheetData sheetId="34"/>
    </sheetDataSet>
  </externalBook>
</externalLink>
</file>

<file path=xl/externalLinks/externalLink9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入力"/>
      <sheetName val="小項目"/>
      <sheetName val="拾出・集計表"/>
    </sheetNames>
    <sheetDataSet>
      <sheetData sheetId="0"/>
      <sheetData sheetId="1"/>
      <sheetData sheetId="2" refreshError="1"/>
    </sheetDataSet>
  </externalBook>
</externalLink>
</file>

<file path=xl/externalLinks/externalLink9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ヘッダ"/>
      <sheetName val="工事概要"/>
      <sheetName val="件名データ"/>
      <sheetName val="要求調書"/>
      <sheetName val="工事概要書"/>
      <sheetName val="予算内訳書"/>
      <sheetName val="施工図"/>
      <sheetName val="その他全体計画等"/>
      <sheetName val="資金計画"/>
      <sheetName val="予算支出区分"/>
      <sheetName val="Code"/>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9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コード"/>
      <sheetName val="代価総括表"/>
      <sheetName val="52"/>
      <sheetName val="53"/>
      <sheetName val="53.5"/>
      <sheetName val="54"/>
      <sheetName val="55"/>
      <sheetName val="56"/>
      <sheetName val="57"/>
      <sheetName val="58"/>
      <sheetName val="58.1"/>
      <sheetName val="58.2"/>
      <sheetName val="59"/>
      <sheetName val="61"/>
      <sheetName val="62"/>
      <sheetName val="63"/>
      <sheetName val="65"/>
      <sheetName val="66"/>
      <sheetName val="67"/>
      <sheetName val="68"/>
      <sheetName val="69"/>
      <sheetName val="71"/>
      <sheetName val="72"/>
      <sheetName val="81"/>
      <sheetName val="82"/>
      <sheetName val="83"/>
      <sheetName val="84"/>
      <sheetName val="85"/>
      <sheetName val="86"/>
      <sheetName val="87"/>
      <sheetName val="88"/>
      <sheetName val="89"/>
      <sheetName val="90"/>
      <sheetName val="91"/>
      <sheetName val="92"/>
      <sheetName val="93"/>
      <sheetName val="94"/>
      <sheetName val="95"/>
      <sheetName val="96"/>
      <sheetName val="102"/>
      <sheetName val="111"/>
      <sheetName val="112"/>
      <sheetName val="112.1"/>
      <sheetName val="112.2"/>
      <sheetName val="113"/>
      <sheetName val="121"/>
      <sheetName val="122"/>
      <sheetName val="123"/>
      <sheetName val="124"/>
      <sheetName val="136"/>
      <sheetName val="137"/>
      <sheetName val="151"/>
      <sheetName val="152"/>
      <sheetName val="160"/>
      <sheetName val="161"/>
      <sheetName val="162"/>
      <sheetName val="163"/>
      <sheetName val="164"/>
      <sheetName val="165"/>
      <sheetName val="171"/>
      <sheetName val="172"/>
      <sheetName val="176"/>
      <sheetName val="177"/>
      <sheetName val="178"/>
      <sheetName val="179"/>
      <sheetName val="180"/>
      <sheetName val="181"/>
      <sheetName val="182"/>
      <sheetName val="単価コード表"/>
      <sheetName val="←ここまで"/>
      <sheetName val="-64"/>
      <sheetName val="-70"/>
      <sheetName val="-125"/>
      <sheetName val="-131"/>
      <sheetName val="-132"/>
      <sheetName val="-133"/>
      <sheetName val="-134"/>
      <sheetName val="-135"/>
      <sheetName val="-138"/>
      <sheetName val="-139"/>
      <sheetName val="-155"/>
      <sheetName val="-156"/>
      <sheetName val="-157"/>
      <sheetName val="-158"/>
      <sheetName val="-159"/>
      <sheetName val="-176.5"/>
    </sheetNames>
    <sheetDataSet>
      <sheetData sheetId="0">
        <row r="2">
          <cell r="C2" t="str">
            <v>単価ｺｰﾄﾞ</v>
          </cell>
          <cell r="D2" t="str">
            <v>名称・規格</v>
          </cell>
          <cell r="E2" t="str">
            <v>単　価</v>
          </cell>
        </row>
        <row r="3">
          <cell r="B3">
            <v>1</v>
          </cell>
          <cell r="C3" t="str">
            <v>RR0101</v>
          </cell>
          <cell r="D3" t="str">
            <v>特殊作業員</v>
          </cell>
          <cell r="E3">
            <v>16500</v>
          </cell>
        </row>
        <row r="4">
          <cell r="B4">
            <v>2</v>
          </cell>
          <cell r="C4" t="str">
            <v>RR0102</v>
          </cell>
          <cell r="D4" t="str">
            <v>普通作業員</v>
          </cell>
          <cell r="E4">
            <v>13600</v>
          </cell>
        </row>
        <row r="5">
          <cell r="B5">
            <v>3</v>
          </cell>
          <cell r="C5" t="str">
            <v>RR0103</v>
          </cell>
          <cell r="D5" t="str">
            <v>軽作業員</v>
          </cell>
          <cell r="E5">
            <v>12100</v>
          </cell>
        </row>
        <row r="6">
          <cell r="B6">
            <v>4</v>
          </cell>
          <cell r="C6" t="str">
            <v>RR0104</v>
          </cell>
          <cell r="D6" t="str">
            <v>造園工</v>
          </cell>
          <cell r="E6">
            <v>16100</v>
          </cell>
        </row>
        <row r="7">
          <cell r="B7">
            <v>5</v>
          </cell>
          <cell r="C7" t="str">
            <v>RR0106</v>
          </cell>
          <cell r="D7" t="str">
            <v>とび工</v>
          </cell>
          <cell r="E7">
            <v>16300</v>
          </cell>
        </row>
        <row r="8">
          <cell r="B8">
            <v>6</v>
          </cell>
          <cell r="C8" t="str">
            <v>RR0110</v>
          </cell>
          <cell r="D8" t="str">
            <v>鉄筋工</v>
          </cell>
          <cell r="E8">
            <v>17100</v>
          </cell>
        </row>
        <row r="9">
          <cell r="B9">
            <v>7</v>
          </cell>
          <cell r="C9" t="str">
            <v>RR0113</v>
          </cell>
          <cell r="D9" t="str">
            <v>溶接工</v>
          </cell>
          <cell r="E9">
            <v>15300</v>
          </cell>
        </row>
        <row r="10">
          <cell r="B10">
            <v>8</v>
          </cell>
          <cell r="C10" t="str">
            <v>RR0114</v>
          </cell>
          <cell r="D10" t="str">
            <v>運転手（特殊）</v>
          </cell>
          <cell r="E10">
            <v>16400</v>
          </cell>
        </row>
        <row r="11">
          <cell r="B11">
            <v>9</v>
          </cell>
          <cell r="C11" t="str">
            <v>RR0115</v>
          </cell>
          <cell r="D11" t="str">
            <v>運転手（一般）</v>
          </cell>
          <cell r="E11">
            <v>14400</v>
          </cell>
        </row>
        <row r="12">
          <cell r="B12">
            <v>10</v>
          </cell>
          <cell r="C12" t="str">
            <v>RR0119</v>
          </cell>
          <cell r="D12" t="str">
            <v>トンネル特殊工</v>
          </cell>
          <cell r="E12">
            <v>0</v>
          </cell>
        </row>
        <row r="13">
          <cell r="B13">
            <v>11</v>
          </cell>
          <cell r="C13" t="str">
            <v>RR0120</v>
          </cell>
          <cell r="D13" t="str">
            <v>トンネル作業員</v>
          </cell>
          <cell r="E13">
            <v>0</v>
          </cell>
        </row>
        <row r="14">
          <cell r="B14">
            <v>12</v>
          </cell>
          <cell r="C14" t="str">
            <v>RR0121</v>
          </cell>
          <cell r="D14" t="str">
            <v>トンネル世話役</v>
          </cell>
          <cell r="E14">
            <v>0</v>
          </cell>
        </row>
        <row r="15">
          <cell r="B15">
            <v>13</v>
          </cell>
          <cell r="C15" t="str">
            <v>RR0125</v>
          </cell>
          <cell r="D15" t="str">
            <v>土木一般世話役</v>
          </cell>
          <cell r="E15">
            <v>18000</v>
          </cell>
        </row>
        <row r="16">
          <cell r="B16">
            <v>14</v>
          </cell>
          <cell r="C16" t="str">
            <v>RR0133</v>
          </cell>
          <cell r="D16" t="str">
            <v>型枠工</v>
          </cell>
          <cell r="E16">
            <v>16200</v>
          </cell>
        </row>
        <row r="17">
          <cell r="B17">
            <v>15</v>
          </cell>
          <cell r="C17" t="str">
            <v>RR0134</v>
          </cell>
          <cell r="D17" t="str">
            <v>大　工</v>
          </cell>
          <cell r="E17">
            <v>16500</v>
          </cell>
        </row>
        <row r="18">
          <cell r="B18">
            <v>16</v>
          </cell>
          <cell r="C18" t="str">
            <v>RR0135</v>
          </cell>
          <cell r="D18" t="str">
            <v>左　官</v>
          </cell>
          <cell r="E18">
            <v>16200</v>
          </cell>
        </row>
        <row r="19">
          <cell r="B19">
            <v>17</v>
          </cell>
          <cell r="C19" t="str">
            <v>RR0136</v>
          </cell>
          <cell r="D19" t="str">
            <v>配管工</v>
          </cell>
          <cell r="E19">
            <v>16200</v>
          </cell>
        </row>
        <row r="20">
          <cell r="B20">
            <v>18</v>
          </cell>
          <cell r="C20" t="str">
            <v>RR0137</v>
          </cell>
          <cell r="D20" t="str">
            <v>はつり工</v>
          </cell>
          <cell r="E20">
            <v>15200</v>
          </cell>
        </row>
        <row r="21">
          <cell r="B21">
            <v>19</v>
          </cell>
          <cell r="C21" t="str">
            <v>RR0138</v>
          </cell>
          <cell r="D21" t="str">
            <v>防水工</v>
          </cell>
          <cell r="E21">
            <v>16500</v>
          </cell>
        </row>
        <row r="22">
          <cell r="B22">
            <v>20</v>
          </cell>
          <cell r="C22" t="str">
            <v>RR0201</v>
          </cell>
          <cell r="D22" t="str">
            <v>電　工</v>
          </cell>
          <cell r="E22">
            <v>16400</v>
          </cell>
        </row>
        <row r="23">
          <cell r="B23">
            <v>21</v>
          </cell>
          <cell r="C23" t="str">
            <v>RR0164</v>
          </cell>
          <cell r="D23" t="str">
            <v>機械工</v>
          </cell>
          <cell r="E23">
            <v>17400</v>
          </cell>
        </row>
        <row r="24">
          <cell r="B24">
            <v>22</v>
          </cell>
          <cell r="C24" t="str">
            <v>RR0108</v>
          </cell>
          <cell r="D24" t="str">
            <v>ブロック工</v>
          </cell>
          <cell r="E24">
            <v>19800</v>
          </cell>
        </row>
        <row r="25">
          <cell r="B25">
            <v>23</v>
          </cell>
          <cell r="C25" t="str">
            <v>RR0112</v>
          </cell>
          <cell r="D25" t="str">
            <v>塗装工</v>
          </cell>
          <cell r="E25">
            <v>16500</v>
          </cell>
        </row>
        <row r="26">
          <cell r="B26">
            <v>24</v>
          </cell>
          <cell r="C26" t="str">
            <v>RR0107</v>
          </cell>
          <cell r="D26" t="str">
            <v>石　工</v>
          </cell>
          <cell r="E26">
            <v>19000</v>
          </cell>
        </row>
        <row r="27">
          <cell r="B27">
            <v>25</v>
          </cell>
        </row>
        <row r="28">
          <cell r="B28">
            <v>26</v>
          </cell>
        </row>
        <row r="29">
          <cell r="B29">
            <v>27</v>
          </cell>
        </row>
        <row r="30">
          <cell r="B30">
            <v>28</v>
          </cell>
        </row>
        <row r="31">
          <cell r="B31">
            <v>29</v>
          </cell>
        </row>
        <row r="32">
          <cell r="B32">
            <v>30</v>
          </cell>
        </row>
        <row r="33">
          <cell r="B33">
            <v>31</v>
          </cell>
        </row>
        <row r="34">
          <cell r="B34">
            <v>32</v>
          </cell>
        </row>
        <row r="35">
          <cell r="B35">
            <v>33</v>
          </cell>
        </row>
        <row r="36">
          <cell r="B36">
            <v>34</v>
          </cell>
        </row>
        <row r="37">
          <cell r="B37">
            <v>35</v>
          </cell>
        </row>
        <row r="38">
          <cell r="B38">
            <v>36</v>
          </cell>
        </row>
        <row r="39">
          <cell r="B39">
            <v>37</v>
          </cell>
        </row>
        <row r="40">
          <cell r="B40">
            <v>38</v>
          </cell>
        </row>
        <row r="41">
          <cell r="B41">
            <v>39</v>
          </cell>
        </row>
        <row r="42">
          <cell r="B42">
            <v>40</v>
          </cell>
        </row>
        <row r="43">
          <cell r="B43">
            <v>41</v>
          </cell>
        </row>
        <row r="44">
          <cell r="B44">
            <v>42</v>
          </cell>
        </row>
        <row r="45">
          <cell r="B45">
            <v>43</v>
          </cell>
        </row>
        <row r="46">
          <cell r="B46">
            <v>44</v>
          </cell>
        </row>
        <row r="47">
          <cell r="B47">
            <v>45</v>
          </cell>
        </row>
        <row r="48">
          <cell r="B48">
            <v>46</v>
          </cell>
        </row>
        <row r="49">
          <cell r="B49">
            <v>47</v>
          </cell>
        </row>
        <row r="50">
          <cell r="B50">
            <v>48</v>
          </cell>
        </row>
        <row r="51">
          <cell r="B51">
            <v>49</v>
          </cell>
        </row>
        <row r="52">
          <cell r="B52">
            <v>50</v>
          </cell>
        </row>
        <row r="53">
          <cell r="B53">
            <v>51</v>
          </cell>
        </row>
        <row r="54">
          <cell r="B54">
            <v>52</v>
          </cell>
        </row>
        <row r="55">
          <cell r="B55">
            <v>53</v>
          </cell>
        </row>
        <row r="56">
          <cell r="B56">
            <v>54</v>
          </cell>
        </row>
        <row r="57">
          <cell r="B57">
            <v>55</v>
          </cell>
        </row>
        <row r="58">
          <cell r="B58">
            <v>56</v>
          </cell>
        </row>
        <row r="59">
          <cell r="B59">
            <v>57</v>
          </cell>
        </row>
        <row r="60">
          <cell r="B60">
            <v>58</v>
          </cell>
        </row>
        <row r="61">
          <cell r="B61">
            <v>59</v>
          </cell>
        </row>
        <row r="62">
          <cell r="B62">
            <v>60</v>
          </cell>
        </row>
      </sheetData>
      <sheetData sheetId="1" refreshError="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refreshError="1"/>
      <sheetData sheetId="69" refreshError="1"/>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17" Type="http://schemas.openxmlformats.org/officeDocument/2006/relationships/ctrlProp" Target="../ctrlProps/ctrlProp114.xml"/><Relationship Id="rId21" Type="http://schemas.openxmlformats.org/officeDocument/2006/relationships/ctrlProp" Target="../ctrlProps/ctrlProp18.xml"/><Relationship Id="rId42" Type="http://schemas.openxmlformats.org/officeDocument/2006/relationships/ctrlProp" Target="../ctrlProps/ctrlProp39.xml"/><Relationship Id="rId63" Type="http://schemas.openxmlformats.org/officeDocument/2006/relationships/ctrlProp" Target="../ctrlProps/ctrlProp60.xml"/><Relationship Id="rId84" Type="http://schemas.openxmlformats.org/officeDocument/2006/relationships/ctrlProp" Target="../ctrlProps/ctrlProp81.xml"/><Relationship Id="rId138" Type="http://schemas.openxmlformats.org/officeDocument/2006/relationships/ctrlProp" Target="../ctrlProps/ctrlProp135.xml"/><Relationship Id="rId159" Type="http://schemas.openxmlformats.org/officeDocument/2006/relationships/ctrlProp" Target="../ctrlProps/ctrlProp156.xml"/><Relationship Id="rId170" Type="http://schemas.openxmlformats.org/officeDocument/2006/relationships/ctrlProp" Target="../ctrlProps/ctrlProp167.xml"/><Relationship Id="rId191" Type="http://schemas.openxmlformats.org/officeDocument/2006/relationships/ctrlProp" Target="../ctrlProps/ctrlProp188.xml"/><Relationship Id="rId205" Type="http://schemas.openxmlformats.org/officeDocument/2006/relationships/ctrlProp" Target="../ctrlProps/ctrlProp202.xml"/><Relationship Id="rId226" Type="http://schemas.openxmlformats.org/officeDocument/2006/relationships/ctrlProp" Target="../ctrlProps/ctrlProp223.xml"/><Relationship Id="rId247" Type="http://schemas.openxmlformats.org/officeDocument/2006/relationships/ctrlProp" Target="../ctrlProps/ctrlProp244.xml"/><Relationship Id="rId107" Type="http://schemas.openxmlformats.org/officeDocument/2006/relationships/ctrlProp" Target="../ctrlProps/ctrlProp104.xml"/><Relationship Id="rId11" Type="http://schemas.openxmlformats.org/officeDocument/2006/relationships/ctrlProp" Target="../ctrlProps/ctrlProp8.xml"/><Relationship Id="rId32" Type="http://schemas.openxmlformats.org/officeDocument/2006/relationships/ctrlProp" Target="../ctrlProps/ctrlProp29.xml"/><Relationship Id="rId53" Type="http://schemas.openxmlformats.org/officeDocument/2006/relationships/ctrlProp" Target="../ctrlProps/ctrlProp50.xml"/><Relationship Id="rId74" Type="http://schemas.openxmlformats.org/officeDocument/2006/relationships/ctrlProp" Target="../ctrlProps/ctrlProp71.xml"/><Relationship Id="rId128" Type="http://schemas.openxmlformats.org/officeDocument/2006/relationships/ctrlProp" Target="../ctrlProps/ctrlProp125.xml"/><Relationship Id="rId149" Type="http://schemas.openxmlformats.org/officeDocument/2006/relationships/ctrlProp" Target="../ctrlProps/ctrlProp146.xml"/><Relationship Id="rId5" Type="http://schemas.openxmlformats.org/officeDocument/2006/relationships/ctrlProp" Target="../ctrlProps/ctrlProp2.xml"/><Relationship Id="rId95" Type="http://schemas.openxmlformats.org/officeDocument/2006/relationships/ctrlProp" Target="../ctrlProps/ctrlProp92.xml"/><Relationship Id="rId160" Type="http://schemas.openxmlformats.org/officeDocument/2006/relationships/ctrlProp" Target="../ctrlProps/ctrlProp157.xml"/><Relationship Id="rId181" Type="http://schemas.openxmlformats.org/officeDocument/2006/relationships/ctrlProp" Target="../ctrlProps/ctrlProp178.xml"/><Relationship Id="rId216" Type="http://schemas.openxmlformats.org/officeDocument/2006/relationships/ctrlProp" Target="../ctrlProps/ctrlProp213.xml"/><Relationship Id="rId237" Type="http://schemas.openxmlformats.org/officeDocument/2006/relationships/ctrlProp" Target="../ctrlProps/ctrlProp234.xml"/><Relationship Id="rId22" Type="http://schemas.openxmlformats.org/officeDocument/2006/relationships/ctrlProp" Target="../ctrlProps/ctrlProp19.xml"/><Relationship Id="rId43" Type="http://schemas.openxmlformats.org/officeDocument/2006/relationships/ctrlProp" Target="../ctrlProps/ctrlProp40.xml"/><Relationship Id="rId64" Type="http://schemas.openxmlformats.org/officeDocument/2006/relationships/ctrlProp" Target="../ctrlProps/ctrlProp61.xml"/><Relationship Id="rId118" Type="http://schemas.openxmlformats.org/officeDocument/2006/relationships/ctrlProp" Target="../ctrlProps/ctrlProp115.xml"/><Relationship Id="rId139" Type="http://schemas.openxmlformats.org/officeDocument/2006/relationships/ctrlProp" Target="../ctrlProps/ctrlProp136.xml"/><Relationship Id="rId85" Type="http://schemas.openxmlformats.org/officeDocument/2006/relationships/ctrlProp" Target="../ctrlProps/ctrlProp82.xml"/><Relationship Id="rId150" Type="http://schemas.openxmlformats.org/officeDocument/2006/relationships/ctrlProp" Target="../ctrlProps/ctrlProp147.xml"/><Relationship Id="rId171" Type="http://schemas.openxmlformats.org/officeDocument/2006/relationships/ctrlProp" Target="../ctrlProps/ctrlProp168.xml"/><Relationship Id="rId192" Type="http://schemas.openxmlformats.org/officeDocument/2006/relationships/ctrlProp" Target="../ctrlProps/ctrlProp189.xml"/><Relationship Id="rId206" Type="http://schemas.openxmlformats.org/officeDocument/2006/relationships/ctrlProp" Target="../ctrlProps/ctrlProp203.xml"/><Relationship Id="rId227" Type="http://schemas.openxmlformats.org/officeDocument/2006/relationships/ctrlProp" Target="../ctrlProps/ctrlProp224.xml"/><Relationship Id="rId248" Type="http://schemas.openxmlformats.org/officeDocument/2006/relationships/ctrlProp" Target="../ctrlProps/ctrlProp245.xml"/><Relationship Id="rId12" Type="http://schemas.openxmlformats.org/officeDocument/2006/relationships/ctrlProp" Target="../ctrlProps/ctrlProp9.xml"/><Relationship Id="rId17" Type="http://schemas.openxmlformats.org/officeDocument/2006/relationships/ctrlProp" Target="../ctrlProps/ctrlProp14.xml"/><Relationship Id="rId33" Type="http://schemas.openxmlformats.org/officeDocument/2006/relationships/ctrlProp" Target="../ctrlProps/ctrlProp30.xml"/><Relationship Id="rId38" Type="http://schemas.openxmlformats.org/officeDocument/2006/relationships/ctrlProp" Target="../ctrlProps/ctrlProp35.xml"/><Relationship Id="rId59" Type="http://schemas.openxmlformats.org/officeDocument/2006/relationships/ctrlProp" Target="../ctrlProps/ctrlProp56.xml"/><Relationship Id="rId103" Type="http://schemas.openxmlformats.org/officeDocument/2006/relationships/ctrlProp" Target="../ctrlProps/ctrlProp100.xml"/><Relationship Id="rId108" Type="http://schemas.openxmlformats.org/officeDocument/2006/relationships/ctrlProp" Target="../ctrlProps/ctrlProp105.xml"/><Relationship Id="rId124" Type="http://schemas.openxmlformats.org/officeDocument/2006/relationships/ctrlProp" Target="../ctrlProps/ctrlProp121.xml"/><Relationship Id="rId129" Type="http://schemas.openxmlformats.org/officeDocument/2006/relationships/ctrlProp" Target="../ctrlProps/ctrlProp126.xml"/><Relationship Id="rId54" Type="http://schemas.openxmlformats.org/officeDocument/2006/relationships/ctrlProp" Target="../ctrlProps/ctrlProp51.xml"/><Relationship Id="rId70" Type="http://schemas.openxmlformats.org/officeDocument/2006/relationships/ctrlProp" Target="../ctrlProps/ctrlProp67.xml"/><Relationship Id="rId75" Type="http://schemas.openxmlformats.org/officeDocument/2006/relationships/ctrlProp" Target="../ctrlProps/ctrlProp72.xml"/><Relationship Id="rId91" Type="http://schemas.openxmlformats.org/officeDocument/2006/relationships/ctrlProp" Target="../ctrlProps/ctrlProp88.xml"/><Relationship Id="rId96" Type="http://schemas.openxmlformats.org/officeDocument/2006/relationships/ctrlProp" Target="../ctrlProps/ctrlProp93.xml"/><Relationship Id="rId140" Type="http://schemas.openxmlformats.org/officeDocument/2006/relationships/ctrlProp" Target="../ctrlProps/ctrlProp137.xml"/><Relationship Id="rId145" Type="http://schemas.openxmlformats.org/officeDocument/2006/relationships/ctrlProp" Target="../ctrlProps/ctrlProp142.xml"/><Relationship Id="rId161" Type="http://schemas.openxmlformats.org/officeDocument/2006/relationships/ctrlProp" Target="../ctrlProps/ctrlProp158.xml"/><Relationship Id="rId166" Type="http://schemas.openxmlformats.org/officeDocument/2006/relationships/ctrlProp" Target="../ctrlProps/ctrlProp163.xml"/><Relationship Id="rId182" Type="http://schemas.openxmlformats.org/officeDocument/2006/relationships/ctrlProp" Target="../ctrlProps/ctrlProp179.xml"/><Relationship Id="rId187" Type="http://schemas.openxmlformats.org/officeDocument/2006/relationships/ctrlProp" Target="../ctrlProps/ctrlProp184.xml"/><Relationship Id="rId217" Type="http://schemas.openxmlformats.org/officeDocument/2006/relationships/ctrlProp" Target="../ctrlProps/ctrlProp214.xml"/><Relationship Id="rId1" Type="http://schemas.openxmlformats.org/officeDocument/2006/relationships/printerSettings" Target="../printerSettings/printerSettings13.bin"/><Relationship Id="rId6" Type="http://schemas.openxmlformats.org/officeDocument/2006/relationships/ctrlProp" Target="../ctrlProps/ctrlProp3.xml"/><Relationship Id="rId212" Type="http://schemas.openxmlformats.org/officeDocument/2006/relationships/ctrlProp" Target="../ctrlProps/ctrlProp209.xml"/><Relationship Id="rId233" Type="http://schemas.openxmlformats.org/officeDocument/2006/relationships/ctrlProp" Target="../ctrlProps/ctrlProp230.xml"/><Relationship Id="rId238" Type="http://schemas.openxmlformats.org/officeDocument/2006/relationships/ctrlProp" Target="../ctrlProps/ctrlProp235.xml"/><Relationship Id="rId23" Type="http://schemas.openxmlformats.org/officeDocument/2006/relationships/ctrlProp" Target="../ctrlProps/ctrlProp20.xml"/><Relationship Id="rId28" Type="http://schemas.openxmlformats.org/officeDocument/2006/relationships/ctrlProp" Target="../ctrlProps/ctrlProp25.xml"/><Relationship Id="rId49" Type="http://schemas.openxmlformats.org/officeDocument/2006/relationships/ctrlProp" Target="../ctrlProps/ctrlProp46.xml"/><Relationship Id="rId114" Type="http://schemas.openxmlformats.org/officeDocument/2006/relationships/ctrlProp" Target="../ctrlProps/ctrlProp111.xml"/><Relationship Id="rId119" Type="http://schemas.openxmlformats.org/officeDocument/2006/relationships/ctrlProp" Target="../ctrlProps/ctrlProp116.xml"/><Relationship Id="rId44" Type="http://schemas.openxmlformats.org/officeDocument/2006/relationships/ctrlProp" Target="../ctrlProps/ctrlProp41.xml"/><Relationship Id="rId60" Type="http://schemas.openxmlformats.org/officeDocument/2006/relationships/ctrlProp" Target="../ctrlProps/ctrlProp57.xml"/><Relationship Id="rId65" Type="http://schemas.openxmlformats.org/officeDocument/2006/relationships/ctrlProp" Target="../ctrlProps/ctrlProp62.xml"/><Relationship Id="rId81" Type="http://schemas.openxmlformats.org/officeDocument/2006/relationships/ctrlProp" Target="../ctrlProps/ctrlProp78.xml"/><Relationship Id="rId86" Type="http://schemas.openxmlformats.org/officeDocument/2006/relationships/ctrlProp" Target="../ctrlProps/ctrlProp83.xml"/><Relationship Id="rId130" Type="http://schemas.openxmlformats.org/officeDocument/2006/relationships/ctrlProp" Target="../ctrlProps/ctrlProp127.xml"/><Relationship Id="rId135" Type="http://schemas.openxmlformats.org/officeDocument/2006/relationships/ctrlProp" Target="../ctrlProps/ctrlProp132.xml"/><Relationship Id="rId151" Type="http://schemas.openxmlformats.org/officeDocument/2006/relationships/ctrlProp" Target="../ctrlProps/ctrlProp148.xml"/><Relationship Id="rId156" Type="http://schemas.openxmlformats.org/officeDocument/2006/relationships/ctrlProp" Target="../ctrlProps/ctrlProp153.xml"/><Relationship Id="rId177" Type="http://schemas.openxmlformats.org/officeDocument/2006/relationships/ctrlProp" Target="../ctrlProps/ctrlProp174.xml"/><Relationship Id="rId198" Type="http://schemas.openxmlformats.org/officeDocument/2006/relationships/ctrlProp" Target="../ctrlProps/ctrlProp195.xml"/><Relationship Id="rId172" Type="http://schemas.openxmlformats.org/officeDocument/2006/relationships/ctrlProp" Target="../ctrlProps/ctrlProp169.xml"/><Relationship Id="rId193" Type="http://schemas.openxmlformats.org/officeDocument/2006/relationships/ctrlProp" Target="../ctrlProps/ctrlProp190.xml"/><Relationship Id="rId202" Type="http://schemas.openxmlformats.org/officeDocument/2006/relationships/ctrlProp" Target="../ctrlProps/ctrlProp199.xml"/><Relationship Id="rId207" Type="http://schemas.openxmlformats.org/officeDocument/2006/relationships/ctrlProp" Target="../ctrlProps/ctrlProp204.xml"/><Relationship Id="rId223" Type="http://schemas.openxmlformats.org/officeDocument/2006/relationships/ctrlProp" Target="../ctrlProps/ctrlProp220.xml"/><Relationship Id="rId228" Type="http://schemas.openxmlformats.org/officeDocument/2006/relationships/ctrlProp" Target="../ctrlProps/ctrlProp225.xml"/><Relationship Id="rId244" Type="http://schemas.openxmlformats.org/officeDocument/2006/relationships/ctrlProp" Target="../ctrlProps/ctrlProp241.xml"/><Relationship Id="rId13" Type="http://schemas.openxmlformats.org/officeDocument/2006/relationships/ctrlProp" Target="../ctrlProps/ctrlProp10.xml"/><Relationship Id="rId18" Type="http://schemas.openxmlformats.org/officeDocument/2006/relationships/ctrlProp" Target="../ctrlProps/ctrlProp15.xml"/><Relationship Id="rId39" Type="http://schemas.openxmlformats.org/officeDocument/2006/relationships/ctrlProp" Target="../ctrlProps/ctrlProp36.xml"/><Relationship Id="rId109" Type="http://schemas.openxmlformats.org/officeDocument/2006/relationships/ctrlProp" Target="../ctrlProps/ctrlProp106.xml"/><Relationship Id="rId34" Type="http://schemas.openxmlformats.org/officeDocument/2006/relationships/ctrlProp" Target="../ctrlProps/ctrlProp31.xml"/><Relationship Id="rId50" Type="http://schemas.openxmlformats.org/officeDocument/2006/relationships/ctrlProp" Target="../ctrlProps/ctrlProp47.xml"/><Relationship Id="rId55" Type="http://schemas.openxmlformats.org/officeDocument/2006/relationships/ctrlProp" Target="../ctrlProps/ctrlProp52.xml"/><Relationship Id="rId76" Type="http://schemas.openxmlformats.org/officeDocument/2006/relationships/ctrlProp" Target="../ctrlProps/ctrlProp73.xml"/><Relationship Id="rId97" Type="http://schemas.openxmlformats.org/officeDocument/2006/relationships/ctrlProp" Target="../ctrlProps/ctrlProp94.xml"/><Relationship Id="rId104" Type="http://schemas.openxmlformats.org/officeDocument/2006/relationships/ctrlProp" Target="../ctrlProps/ctrlProp101.xml"/><Relationship Id="rId120" Type="http://schemas.openxmlformats.org/officeDocument/2006/relationships/ctrlProp" Target="../ctrlProps/ctrlProp117.xml"/><Relationship Id="rId125" Type="http://schemas.openxmlformats.org/officeDocument/2006/relationships/ctrlProp" Target="../ctrlProps/ctrlProp122.xml"/><Relationship Id="rId141" Type="http://schemas.openxmlformats.org/officeDocument/2006/relationships/ctrlProp" Target="../ctrlProps/ctrlProp138.xml"/><Relationship Id="rId146" Type="http://schemas.openxmlformats.org/officeDocument/2006/relationships/ctrlProp" Target="../ctrlProps/ctrlProp143.xml"/><Relationship Id="rId167" Type="http://schemas.openxmlformats.org/officeDocument/2006/relationships/ctrlProp" Target="../ctrlProps/ctrlProp164.xml"/><Relationship Id="rId188" Type="http://schemas.openxmlformats.org/officeDocument/2006/relationships/ctrlProp" Target="../ctrlProps/ctrlProp185.xml"/><Relationship Id="rId7" Type="http://schemas.openxmlformats.org/officeDocument/2006/relationships/ctrlProp" Target="../ctrlProps/ctrlProp4.xml"/><Relationship Id="rId71" Type="http://schemas.openxmlformats.org/officeDocument/2006/relationships/ctrlProp" Target="../ctrlProps/ctrlProp68.xml"/><Relationship Id="rId92" Type="http://schemas.openxmlformats.org/officeDocument/2006/relationships/ctrlProp" Target="../ctrlProps/ctrlProp89.xml"/><Relationship Id="rId162" Type="http://schemas.openxmlformats.org/officeDocument/2006/relationships/ctrlProp" Target="../ctrlProps/ctrlProp159.xml"/><Relationship Id="rId183" Type="http://schemas.openxmlformats.org/officeDocument/2006/relationships/ctrlProp" Target="../ctrlProps/ctrlProp180.xml"/><Relationship Id="rId213" Type="http://schemas.openxmlformats.org/officeDocument/2006/relationships/ctrlProp" Target="../ctrlProps/ctrlProp210.xml"/><Relationship Id="rId218" Type="http://schemas.openxmlformats.org/officeDocument/2006/relationships/ctrlProp" Target="../ctrlProps/ctrlProp215.xml"/><Relationship Id="rId234" Type="http://schemas.openxmlformats.org/officeDocument/2006/relationships/ctrlProp" Target="../ctrlProps/ctrlProp231.xml"/><Relationship Id="rId239" Type="http://schemas.openxmlformats.org/officeDocument/2006/relationships/ctrlProp" Target="../ctrlProps/ctrlProp236.xml"/><Relationship Id="rId2" Type="http://schemas.openxmlformats.org/officeDocument/2006/relationships/drawing" Target="../drawings/drawing1.xml"/><Relationship Id="rId29" Type="http://schemas.openxmlformats.org/officeDocument/2006/relationships/ctrlProp" Target="../ctrlProps/ctrlProp26.xml"/><Relationship Id="rId24" Type="http://schemas.openxmlformats.org/officeDocument/2006/relationships/ctrlProp" Target="../ctrlProps/ctrlProp21.xml"/><Relationship Id="rId40" Type="http://schemas.openxmlformats.org/officeDocument/2006/relationships/ctrlProp" Target="../ctrlProps/ctrlProp37.xml"/><Relationship Id="rId45" Type="http://schemas.openxmlformats.org/officeDocument/2006/relationships/ctrlProp" Target="../ctrlProps/ctrlProp42.xml"/><Relationship Id="rId66" Type="http://schemas.openxmlformats.org/officeDocument/2006/relationships/ctrlProp" Target="../ctrlProps/ctrlProp63.xml"/><Relationship Id="rId87" Type="http://schemas.openxmlformats.org/officeDocument/2006/relationships/ctrlProp" Target="../ctrlProps/ctrlProp84.xml"/><Relationship Id="rId110" Type="http://schemas.openxmlformats.org/officeDocument/2006/relationships/ctrlProp" Target="../ctrlProps/ctrlProp107.xml"/><Relationship Id="rId115" Type="http://schemas.openxmlformats.org/officeDocument/2006/relationships/ctrlProp" Target="../ctrlProps/ctrlProp112.xml"/><Relationship Id="rId131" Type="http://schemas.openxmlformats.org/officeDocument/2006/relationships/ctrlProp" Target="../ctrlProps/ctrlProp128.xml"/><Relationship Id="rId136" Type="http://schemas.openxmlformats.org/officeDocument/2006/relationships/ctrlProp" Target="../ctrlProps/ctrlProp133.xml"/><Relationship Id="rId157" Type="http://schemas.openxmlformats.org/officeDocument/2006/relationships/ctrlProp" Target="../ctrlProps/ctrlProp154.xml"/><Relationship Id="rId178" Type="http://schemas.openxmlformats.org/officeDocument/2006/relationships/ctrlProp" Target="../ctrlProps/ctrlProp175.xml"/><Relationship Id="rId61" Type="http://schemas.openxmlformats.org/officeDocument/2006/relationships/ctrlProp" Target="../ctrlProps/ctrlProp58.xml"/><Relationship Id="rId82" Type="http://schemas.openxmlformats.org/officeDocument/2006/relationships/ctrlProp" Target="../ctrlProps/ctrlProp79.xml"/><Relationship Id="rId152" Type="http://schemas.openxmlformats.org/officeDocument/2006/relationships/ctrlProp" Target="../ctrlProps/ctrlProp149.xml"/><Relationship Id="rId173" Type="http://schemas.openxmlformats.org/officeDocument/2006/relationships/ctrlProp" Target="../ctrlProps/ctrlProp170.xml"/><Relationship Id="rId194" Type="http://schemas.openxmlformats.org/officeDocument/2006/relationships/ctrlProp" Target="../ctrlProps/ctrlProp191.xml"/><Relationship Id="rId199" Type="http://schemas.openxmlformats.org/officeDocument/2006/relationships/ctrlProp" Target="../ctrlProps/ctrlProp196.xml"/><Relationship Id="rId203" Type="http://schemas.openxmlformats.org/officeDocument/2006/relationships/ctrlProp" Target="../ctrlProps/ctrlProp200.xml"/><Relationship Id="rId208" Type="http://schemas.openxmlformats.org/officeDocument/2006/relationships/ctrlProp" Target="../ctrlProps/ctrlProp205.xml"/><Relationship Id="rId229" Type="http://schemas.openxmlformats.org/officeDocument/2006/relationships/ctrlProp" Target="../ctrlProps/ctrlProp226.xml"/><Relationship Id="rId19" Type="http://schemas.openxmlformats.org/officeDocument/2006/relationships/ctrlProp" Target="../ctrlProps/ctrlProp16.xml"/><Relationship Id="rId224" Type="http://schemas.openxmlformats.org/officeDocument/2006/relationships/ctrlProp" Target="../ctrlProps/ctrlProp221.xml"/><Relationship Id="rId240" Type="http://schemas.openxmlformats.org/officeDocument/2006/relationships/ctrlProp" Target="../ctrlProps/ctrlProp237.xml"/><Relationship Id="rId245" Type="http://schemas.openxmlformats.org/officeDocument/2006/relationships/ctrlProp" Target="../ctrlProps/ctrlProp242.xml"/><Relationship Id="rId14" Type="http://schemas.openxmlformats.org/officeDocument/2006/relationships/ctrlProp" Target="../ctrlProps/ctrlProp11.xml"/><Relationship Id="rId30" Type="http://schemas.openxmlformats.org/officeDocument/2006/relationships/ctrlProp" Target="../ctrlProps/ctrlProp27.xml"/><Relationship Id="rId35" Type="http://schemas.openxmlformats.org/officeDocument/2006/relationships/ctrlProp" Target="../ctrlProps/ctrlProp32.xml"/><Relationship Id="rId56" Type="http://schemas.openxmlformats.org/officeDocument/2006/relationships/ctrlProp" Target="../ctrlProps/ctrlProp53.xml"/><Relationship Id="rId77" Type="http://schemas.openxmlformats.org/officeDocument/2006/relationships/ctrlProp" Target="../ctrlProps/ctrlProp74.xml"/><Relationship Id="rId100" Type="http://schemas.openxmlformats.org/officeDocument/2006/relationships/ctrlProp" Target="../ctrlProps/ctrlProp97.xml"/><Relationship Id="rId105" Type="http://schemas.openxmlformats.org/officeDocument/2006/relationships/ctrlProp" Target="../ctrlProps/ctrlProp102.xml"/><Relationship Id="rId126" Type="http://schemas.openxmlformats.org/officeDocument/2006/relationships/ctrlProp" Target="../ctrlProps/ctrlProp123.xml"/><Relationship Id="rId147" Type="http://schemas.openxmlformats.org/officeDocument/2006/relationships/ctrlProp" Target="../ctrlProps/ctrlProp144.xml"/><Relationship Id="rId168" Type="http://schemas.openxmlformats.org/officeDocument/2006/relationships/ctrlProp" Target="../ctrlProps/ctrlProp165.xml"/><Relationship Id="rId8" Type="http://schemas.openxmlformats.org/officeDocument/2006/relationships/ctrlProp" Target="../ctrlProps/ctrlProp5.xml"/><Relationship Id="rId51" Type="http://schemas.openxmlformats.org/officeDocument/2006/relationships/ctrlProp" Target="../ctrlProps/ctrlProp48.xml"/><Relationship Id="rId72" Type="http://schemas.openxmlformats.org/officeDocument/2006/relationships/ctrlProp" Target="../ctrlProps/ctrlProp69.xml"/><Relationship Id="rId93" Type="http://schemas.openxmlformats.org/officeDocument/2006/relationships/ctrlProp" Target="../ctrlProps/ctrlProp90.xml"/><Relationship Id="rId98" Type="http://schemas.openxmlformats.org/officeDocument/2006/relationships/ctrlProp" Target="../ctrlProps/ctrlProp95.xml"/><Relationship Id="rId121" Type="http://schemas.openxmlformats.org/officeDocument/2006/relationships/ctrlProp" Target="../ctrlProps/ctrlProp118.xml"/><Relationship Id="rId142" Type="http://schemas.openxmlformats.org/officeDocument/2006/relationships/ctrlProp" Target="../ctrlProps/ctrlProp139.xml"/><Relationship Id="rId163" Type="http://schemas.openxmlformats.org/officeDocument/2006/relationships/ctrlProp" Target="../ctrlProps/ctrlProp160.xml"/><Relationship Id="rId184" Type="http://schemas.openxmlformats.org/officeDocument/2006/relationships/ctrlProp" Target="../ctrlProps/ctrlProp181.xml"/><Relationship Id="rId189" Type="http://schemas.openxmlformats.org/officeDocument/2006/relationships/ctrlProp" Target="../ctrlProps/ctrlProp186.xml"/><Relationship Id="rId219" Type="http://schemas.openxmlformats.org/officeDocument/2006/relationships/ctrlProp" Target="../ctrlProps/ctrlProp216.xml"/><Relationship Id="rId3" Type="http://schemas.openxmlformats.org/officeDocument/2006/relationships/vmlDrawing" Target="../drawings/vmlDrawing1.vml"/><Relationship Id="rId214" Type="http://schemas.openxmlformats.org/officeDocument/2006/relationships/ctrlProp" Target="../ctrlProps/ctrlProp211.xml"/><Relationship Id="rId230" Type="http://schemas.openxmlformats.org/officeDocument/2006/relationships/ctrlProp" Target="../ctrlProps/ctrlProp227.xml"/><Relationship Id="rId235" Type="http://schemas.openxmlformats.org/officeDocument/2006/relationships/ctrlProp" Target="../ctrlProps/ctrlProp232.xml"/><Relationship Id="rId25" Type="http://schemas.openxmlformats.org/officeDocument/2006/relationships/ctrlProp" Target="../ctrlProps/ctrlProp22.xml"/><Relationship Id="rId46" Type="http://schemas.openxmlformats.org/officeDocument/2006/relationships/ctrlProp" Target="../ctrlProps/ctrlProp43.xml"/><Relationship Id="rId67" Type="http://schemas.openxmlformats.org/officeDocument/2006/relationships/ctrlProp" Target="../ctrlProps/ctrlProp64.xml"/><Relationship Id="rId116" Type="http://schemas.openxmlformats.org/officeDocument/2006/relationships/ctrlProp" Target="../ctrlProps/ctrlProp113.xml"/><Relationship Id="rId137" Type="http://schemas.openxmlformats.org/officeDocument/2006/relationships/ctrlProp" Target="../ctrlProps/ctrlProp134.xml"/><Relationship Id="rId158" Type="http://schemas.openxmlformats.org/officeDocument/2006/relationships/ctrlProp" Target="../ctrlProps/ctrlProp155.xml"/><Relationship Id="rId20" Type="http://schemas.openxmlformats.org/officeDocument/2006/relationships/ctrlProp" Target="../ctrlProps/ctrlProp17.xml"/><Relationship Id="rId41" Type="http://schemas.openxmlformats.org/officeDocument/2006/relationships/ctrlProp" Target="../ctrlProps/ctrlProp38.xml"/><Relationship Id="rId62" Type="http://schemas.openxmlformats.org/officeDocument/2006/relationships/ctrlProp" Target="../ctrlProps/ctrlProp59.xml"/><Relationship Id="rId83" Type="http://schemas.openxmlformats.org/officeDocument/2006/relationships/ctrlProp" Target="../ctrlProps/ctrlProp80.xml"/><Relationship Id="rId88" Type="http://schemas.openxmlformats.org/officeDocument/2006/relationships/ctrlProp" Target="../ctrlProps/ctrlProp85.xml"/><Relationship Id="rId111" Type="http://schemas.openxmlformats.org/officeDocument/2006/relationships/ctrlProp" Target="../ctrlProps/ctrlProp108.xml"/><Relationship Id="rId132" Type="http://schemas.openxmlformats.org/officeDocument/2006/relationships/ctrlProp" Target="../ctrlProps/ctrlProp129.xml"/><Relationship Id="rId153" Type="http://schemas.openxmlformats.org/officeDocument/2006/relationships/ctrlProp" Target="../ctrlProps/ctrlProp150.xml"/><Relationship Id="rId174" Type="http://schemas.openxmlformats.org/officeDocument/2006/relationships/ctrlProp" Target="../ctrlProps/ctrlProp171.xml"/><Relationship Id="rId179" Type="http://schemas.openxmlformats.org/officeDocument/2006/relationships/ctrlProp" Target="../ctrlProps/ctrlProp176.xml"/><Relationship Id="rId195" Type="http://schemas.openxmlformats.org/officeDocument/2006/relationships/ctrlProp" Target="../ctrlProps/ctrlProp192.xml"/><Relationship Id="rId209" Type="http://schemas.openxmlformats.org/officeDocument/2006/relationships/ctrlProp" Target="../ctrlProps/ctrlProp206.xml"/><Relationship Id="rId190" Type="http://schemas.openxmlformats.org/officeDocument/2006/relationships/ctrlProp" Target="../ctrlProps/ctrlProp187.xml"/><Relationship Id="rId204" Type="http://schemas.openxmlformats.org/officeDocument/2006/relationships/ctrlProp" Target="../ctrlProps/ctrlProp201.xml"/><Relationship Id="rId220" Type="http://schemas.openxmlformats.org/officeDocument/2006/relationships/ctrlProp" Target="../ctrlProps/ctrlProp217.xml"/><Relationship Id="rId225" Type="http://schemas.openxmlformats.org/officeDocument/2006/relationships/ctrlProp" Target="../ctrlProps/ctrlProp222.xml"/><Relationship Id="rId241" Type="http://schemas.openxmlformats.org/officeDocument/2006/relationships/ctrlProp" Target="../ctrlProps/ctrlProp238.xml"/><Relationship Id="rId246" Type="http://schemas.openxmlformats.org/officeDocument/2006/relationships/ctrlProp" Target="../ctrlProps/ctrlProp243.xml"/><Relationship Id="rId15" Type="http://schemas.openxmlformats.org/officeDocument/2006/relationships/ctrlProp" Target="../ctrlProps/ctrlProp12.xml"/><Relationship Id="rId36" Type="http://schemas.openxmlformats.org/officeDocument/2006/relationships/ctrlProp" Target="../ctrlProps/ctrlProp33.xml"/><Relationship Id="rId57" Type="http://schemas.openxmlformats.org/officeDocument/2006/relationships/ctrlProp" Target="../ctrlProps/ctrlProp54.xml"/><Relationship Id="rId106" Type="http://schemas.openxmlformats.org/officeDocument/2006/relationships/ctrlProp" Target="../ctrlProps/ctrlProp103.xml"/><Relationship Id="rId127" Type="http://schemas.openxmlformats.org/officeDocument/2006/relationships/ctrlProp" Target="../ctrlProps/ctrlProp124.xml"/><Relationship Id="rId10" Type="http://schemas.openxmlformats.org/officeDocument/2006/relationships/ctrlProp" Target="../ctrlProps/ctrlProp7.xml"/><Relationship Id="rId31" Type="http://schemas.openxmlformats.org/officeDocument/2006/relationships/ctrlProp" Target="../ctrlProps/ctrlProp28.xml"/><Relationship Id="rId52" Type="http://schemas.openxmlformats.org/officeDocument/2006/relationships/ctrlProp" Target="../ctrlProps/ctrlProp49.xml"/><Relationship Id="rId73" Type="http://schemas.openxmlformats.org/officeDocument/2006/relationships/ctrlProp" Target="../ctrlProps/ctrlProp70.xml"/><Relationship Id="rId78" Type="http://schemas.openxmlformats.org/officeDocument/2006/relationships/ctrlProp" Target="../ctrlProps/ctrlProp75.xml"/><Relationship Id="rId94" Type="http://schemas.openxmlformats.org/officeDocument/2006/relationships/ctrlProp" Target="../ctrlProps/ctrlProp91.xml"/><Relationship Id="rId99" Type="http://schemas.openxmlformats.org/officeDocument/2006/relationships/ctrlProp" Target="../ctrlProps/ctrlProp96.xml"/><Relationship Id="rId101" Type="http://schemas.openxmlformats.org/officeDocument/2006/relationships/ctrlProp" Target="../ctrlProps/ctrlProp98.xml"/><Relationship Id="rId122" Type="http://schemas.openxmlformats.org/officeDocument/2006/relationships/ctrlProp" Target="../ctrlProps/ctrlProp119.xml"/><Relationship Id="rId143" Type="http://schemas.openxmlformats.org/officeDocument/2006/relationships/ctrlProp" Target="../ctrlProps/ctrlProp140.xml"/><Relationship Id="rId148" Type="http://schemas.openxmlformats.org/officeDocument/2006/relationships/ctrlProp" Target="../ctrlProps/ctrlProp145.xml"/><Relationship Id="rId164" Type="http://schemas.openxmlformats.org/officeDocument/2006/relationships/ctrlProp" Target="../ctrlProps/ctrlProp161.xml"/><Relationship Id="rId169" Type="http://schemas.openxmlformats.org/officeDocument/2006/relationships/ctrlProp" Target="../ctrlProps/ctrlProp166.xml"/><Relationship Id="rId185" Type="http://schemas.openxmlformats.org/officeDocument/2006/relationships/ctrlProp" Target="../ctrlProps/ctrlProp182.xml"/><Relationship Id="rId4" Type="http://schemas.openxmlformats.org/officeDocument/2006/relationships/ctrlProp" Target="../ctrlProps/ctrlProp1.xml"/><Relationship Id="rId9" Type="http://schemas.openxmlformats.org/officeDocument/2006/relationships/ctrlProp" Target="../ctrlProps/ctrlProp6.xml"/><Relationship Id="rId180" Type="http://schemas.openxmlformats.org/officeDocument/2006/relationships/ctrlProp" Target="../ctrlProps/ctrlProp177.xml"/><Relationship Id="rId210" Type="http://schemas.openxmlformats.org/officeDocument/2006/relationships/ctrlProp" Target="../ctrlProps/ctrlProp207.xml"/><Relationship Id="rId215" Type="http://schemas.openxmlformats.org/officeDocument/2006/relationships/ctrlProp" Target="../ctrlProps/ctrlProp212.xml"/><Relationship Id="rId236" Type="http://schemas.openxmlformats.org/officeDocument/2006/relationships/ctrlProp" Target="../ctrlProps/ctrlProp233.xml"/><Relationship Id="rId26" Type="http://schemas.openxmlformats.org/officeDocument/2006/relationships/ctrlProp" Target="../ctrlProps/ctrlProp23.xml"/><Relationship Id="rId231" Type="http://schemas.openxmlformats.org/officeDocument/2006/relationships/ctrlProp" Target="../ctrlProps/ctrlProp228.xml"/><Relationship Id="rId47" Type="http://schemas.openxmlformats.org/officeDocument/2006/relationships/ctrlProp" Target="../ctrlProps/ctrlProp44.xml"/><Relationship Id="rId68" Type="http://schemas.openxmlformats.org/officeDocument/2006/relationships/ctrlProp" Target="../ctrlProps/ctrlProp65.xml"/><Relationship Id="rId89" Type="http://schemas.openxmlformats.org/officeDocument/2006/relationships/ctrlProp" Target="../ctrlProps/ctrlProp86.xml"/><Relationship Id="rId112" Type="http://schemas.openxmlformats.org/officeDocument/2006/relationships/ctrlProp" Target="../ctrlProps/ctrlProp109.xml"/><Relationship Id="rId133" Type="http://schemas.openxmlformats.org/officeDocument/2006/relationships/ctrlProp" Target="../ctrlProps/ctrlProp130.xml"/><Relationship Id="rId154" Type="http://schemas.openxmlformats.org/officeDocument/2006/relationships/ctrlProp" Target="../ctrlProps/ctrlProp151.xml"/><Relationship Id="rId175" Type="http://schemas.openxmlformats.org/officeDocument/2006/relationships/ctrlProp" Target="../ctrlProps/ctrlProp172.xml"/><Relationship Id="rId196" Type="http://schemas.openxmlformats.org/officeDocument/2006/relationships/ctrlProp" Target="../ctrlProps/ctrlProp193.xml"/><Relationship Id="rId200" Type="http://schemas.openxmlformats.org/officeDocument/2006/relationships/ctrlProp" Target="../ctrlProps/ctrlProp197.xml"/><Relationship Id="rId16" Type="http://schemas.openxmlformats.org/officeDocument/2006/relationships/ctrlProp" Target="../ctrlProps/ctrlProp13.xml"/><Relationship Id="rId221" Type="http://schemas.openxmlformats.org/officeDocument/2006/relationships/ctrlProp" Target="../ctrlProps/ctrlProp218.xml"/><Relationship Id="rId242" Type="http://schemas.openxmlformats.org/officeDocument/2006/relationships/ctrlProp" Target="../ctrlProps/ctrlProp239.xml"/><Relationship Id="rId37" Type="http://schemas.openxmlformats.org/officeDocument/2006/relationships/ctrlProp" Target="../ctrlProps/ctrlProp34.xml"/><Relationship Id="rId58" Type="http://schemas.openxmlformats.org/officeDocument/2006/relationships/ctrlProp" Target="../ctrlProps/ctrlProp55.xml"/><Relationship Id="rId79" Type="http://schemas.openxmlformats.org/officeDocument/2006/relationships/ctrlProp" Target="../ctrlProps/ctrlProp76.xml"/><Relationship Id="rId102" Type="http://schemas.openxmlformats.org/officeDocument/2006/relationships/ctrlProp" Target="../ctrlProps/ctrlProp99.xml"/><Relationship Id="rId123" Type="http://schemas.openxmlformats.org/officeDocument/2006/relationships/ctrlProp" Target="../ctrlProps/ctrlProp120.xml"/><Relationship Id="rId144" Type="http://schemas.openxmlformats.org/officeDocument/2006/relationships/ctrlProp" Target="../ctrlProps/ctrlProp141.xml"/><Relationship Id="rId90" Type="http://schemas.openxmlformats.org/officeDocument/2006/relationships/ctrlProp" Target="../ctrlProps/ctrlProp87.xml"/><Relationship Id="rId165" Type="http://schemas.openxmlformats.org/officeDocument/2006/relationships/ctrlProp" Target="../ctrlProps/ctrlProp162.xml"/><Relationship Id="rId186" Type="http://schemas.openxmlformats.org/officeDocument/2006/relationships/ctrlProp" Target="../ctrlProps/ctrlProp183.xml"/><Relationship Id="rId211" Type="http://schemas.openxmlformats.org/officeDocument/2006/relationships/ctrlProp" Target="../ctrlProps/ctrlProp208.xml"/><Relationship Id="rId232" Type="http://schemas.openxmlformats.org/officeDocument/2006/relationships/ctrlProp" Target="../ctrlProps/ctrlProp229.xml"/><Relationship Id="rId27" Type="http://schemas.openxmlformats.org/officeDocument/2006/relationships/ctrlProp" Target="../ctrlProps/ctrlProp24.xml"/><Relationship Id="rId48" Type="http://schemas.openxmlformats.org/officeDocument/2006/relationships/ctrlProp" Target="../ctrlProps/ctrlProp45.xml"/><Relationship Id="rId69" Type="http://schemas.openxmlformats.org/officeDocument/2006/relationships/ctrlProp" Target="../ctrlProps/ctrlProp66.xml"/><Relationship Id="rId113" Type="http://schemas.openxmlformats.org/officeDocument/2006/relationships/ctrlProp" Target="../ctrlProps/ctrlProp110.xml"/><Relationship Id="rId134" Type="http://schemas.openxmlformats.org/officeDocument/2006/relationships/ctrlProp" Target="../ctrlProps/ctrlProp131.xml"/><Relationship Id="rId80" Type="http://schemas.openxmlformats.org/officeDocument/2006/relationships/ctrlProp" Target="../ctrlProps/ctrlProp77.xml"/><Relationship Id="rId155" Type="http://schemas.openxmlformats.org/officeDocument/2006/relationships/ctrlProp" Target="../ctrlProps/ctrlProp152.xml"/><Relationship Id="rId176" Type="http://schemas.openxmlformats.org/officeDocument/2006/relationships/ctrlProp" Target="../ctrlProps/ctrlProp173.xml"/><Relationship Id="rId197" Type="http://schemas.openxmlformats.org/officeDocument/2006/relationships/ctrlProp" Target="../ctrlProps/ctrlProp194.xml"/><Relationship Id="rId201" Type="http://schemas.openxmlformats.org/officeDocument/2006/relationships/ctrlProp" Target="../ctrlProps/ctrlProp198.xml"/><Relationship Id="rId222" Type="http://schemas.openxmlformats.org/officeDocument/2006/relationships/ctrlProp" Target="../ctrlProps/ctrlProp219.xml"/><Relationship Id="rId243" Type="http://schemas.openxmlformats.org/officeDocument/2006/relationships/ctrlProp" Target="../ctrlProps/ctrlProp240.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R33"/>
  <sheetViews>
    <sheetView showGridLines="0" tabSelected="1" zoomScale="85" zoomScaleNormal="85" zoomScaleSheetLayoutView="70" workbookViewId="0">
      <selection activeCell="A17" sqref="A17:V32"/>
    </sheetView>
  </sheetViews>
  <sheetFormatPr defaultRowHeight="13.5"/>
  <cols>
    <col min="1" max="7" width="3" style="399" customWidth="1"/>
    <col min="8" max="8" width="3" style="400" customWidth="1"/>
    <col min="9" max="15" width="3.125" style="400" customWidth="1"/>
    <col min="16" max="27" width="3.125" style="399" customWidth="1"/>
    <col min="28" max="28" width="3" style="399" customWidth="1"/>
    <col min="29" max="30" width="2.875" style="399" customWidth="1"/>
    <col min="31" max="32" width="2.75" style="399" customWidth="1"/>
    <col min="33" max="44" width="3.25" style="399" customWidth="1"/>
    <col min="45" max="16384" width="9" style="399"/>
  </cols>
  <sheetData>
    <row r="1" spans="1:44" s="386" customFormat="1" ht="20.25" customHeight="1">
      <c r="A1" s="649" t="s">
        <v>491</v>
      </c>
      <c r="B1" s="650"/>
      <c r="C1" s="650"/>
      <c r="D1" s="650"/>
      <c r="E1" s="650"/>
      <c r="F1" s="650"/>
      <c r="G1" s="650"/>
      <c r="H1" s="651"/>
      <c r="I1" s="686" t="s">
        <v>470</v>
      </c>
      <c r="J1" s="686"/>
      <c r="K1" s="686"/>
      <c r="L1" s="686"/>
      <c r="M1" s="686"/>
      <c r="N1" s="687" t="s">
        <v>471</v>
      </c>
      <c r="O1" s="687"/>
      <c r="P1" s="687"/>
      <c r="Q1" s="687"/>
      <c r="R1" s="687"/>
      <c r="S1" s="687"/>
      <c r="T1" s="687"/>
      <c r="U1" s="687"/>
      <c r="V1" s="687"/>
      <c r="W1" s="687"/>
      <c r="X1" s="687"/>
      <c r="Y1" s="687"/>
      <c r="Z1" s="687"/>
      <c r="AA1" s="687"/>
      <c r="AB1" s="687"/>
      <c r="AC1" s="687"/>
      <c r="AD1" s="687"/>
      <c r="AE1" s="687"/>
      <c r="AF1" s="687"/>
      <c r="AG1" s="689" t="s">
        <v>195</v>
      </c>
      <c r="AH1" s="689"/>
      <c r="AI1" s="689"/>
      <c r="AJ1" s="689"/>
      <c r="AK1" s="689"/>
      <c r="AL1" s="689"/>
      <c r="AM1" s="689"/>
      <c r="AN1" s="689"/>
      <c r="AO1" s="689"/>
      <c r="AP1" s="689"/>
      <c r="AQ1" s="689"/>
      <c r="AR1" s="690"/>
    </row>
    <row r="2" spans="1:44" s="386" customFormat="1" ht="20.25" customHeight="1">
      <c r="A2" s="652"/>
      <c r="B2" s="653"/>
      <c r="C2" s="653"/>
      <c r="D2" s="653"/>
      <c r="E2" s="653"/>
      <c r="F2" s="653"/>
      <c r="G2" s="653"/>
      <c r="H2" s="654"/>
      <c r="I2" s="628" t="s">
        <v>472</v>
      </c>
      <c r="J2" s="693"/>
      <c r="K2" s="693"/>
      <c r="L2" s="693"/>
      <c r="M2" s="693"/>
      <c r="N2" s="688"/>
      <c r="O2" s="688"/>
      <c r="P2" s="688"/>
      <c r="Q2" s="688"/>
      <c r="R2" s="688"/>
      <c r="S2" s="688"/>
      <c r="T2" s="688"/>
      <c r="U2" s="688"/>
      <c r="V2" s="688"/>
      <c r="W2" s="688"/>
      <c r="X2" s="688"/>
      <c r="Y2" s="688"/>
      <c r="Z2" s="688"/>
      <c r="AA2" s="688"/>
      <c r="AB2" s="688"/>
      <c r="AC2" s="688"/>
      <c r="AD2" s="688"/>
      <c r="AE2" s="688"/>
      <c r="AF2" s="688"/>
      <c r="AG2" s="691"/>
      <c r="AH2" s="691"/>
      <c r="AI2" s="691"/>
      <c r="AJ2" s="691"/>
      <c r="AK2" s="691"/>
      <c r="AL2" s="691"/>
      <c r="AM2" s="691"/>
      <c r="AN2" s="691"/>
      <c r="AO2" s="691"/>
      <c r="AP2" s="691"/>
      <c r="AQ2" s="691"/>
      <c r="AR2" s="692"/>
    </row>
    <row r="3" spans="1:44" s="386" customFormat="1" ht="21" customHeight="1">
      <c r="A3" s="655" t="s">
        <v>473</v>
      </c>
      <c r="B3" s="655"/>
      <c r="C3" s="655"/>
      <c r="D3" s="655"/>
      <c r="E3" s="655"/>
      <c r="F3" s="655"/>
      <c r="G3" s="655"/>
      <c r="H3" s="656"/>
      <c r="I3" s="675" t="s">
        <v>492</v>
      </c>
      <c r="J3" s="676"/>
      <c r="K3" s="676"/>
      <c r="L3" s="676"/>
      <c r="M3" s="676"/>
      <c r="N3" s="676"/>
      <c r="O3" s="676"/>
      <c r="P3" s="676"/>
      <c r="Q3" s="676"/>
      <c r="R3" s="676"/>
      <c r="S3" s="676"/>
      <c r="T3" s="676"/>
      <c r="U3" s="676"/>
      <c r="V3" s="676"/>
      <c r="W3" s="676"/>
      <c r="X3" s="676"/>
      <c r="Y3" s="676"/>
      <c r="Z3" s="676"/>
      <c r="AA3" s="676"/>
      <c r="AB3" s="676"/>
      <c r="AC3" s="676"/>
      <c r="AD3" s="676"/>
      <c r="AE3" s="676"/>
      <c r="AF3" s="677"/>
      <c r="AG3" s="657" t="s">
        <v>474</v>
      </c>
      <c r="AH3" s="682"/>
      <c r="AI3" s="683" t="s">
        <v>475</v>
      </c>
      <c r="AJ3" s="657"/>
      <c r="AK3" s="657"/>
      <c r="AL3" s="657"/>
      <c r="AM3" s="657"/>
      <c r="AN3" s="657"/>
      <c r="AO3" s="657"/>
      <c r="AP3" s="657"/>
      <c r="AQ3" s="657"/>
      <c r="AR3" s="684"/>
    </row>
    <row r="4" spans="1:44" s="386" customFormat="1" ht="21" customHeight="1">
      <c r="A4" s="655"/>
      <c r="B4" s="655"/>
      <c r="C4" s="655"/>
      <c r="D4" s="655"/>
      <c r="E4" s="655"/>
      <c r="F4" s="655"/>
      <c r="G4" s="655"/>
      <c r="H4" s="656"/>
      <c r="I4" s="678"/>
      <c r="J4" s="679"/>
      <c r="K4" s="679"/>
      <c r="L4" s="679"/>
      <c r="M4" s="679"/>
      <c r="N4" s="679"/>
      <c r="O4" s="679"/>
      <c r="P4" s="679"/>
      <c r="Q4" s="679"/>
      <c r="R4" s="679"/>
      <c r="S4" s="679"/>
      <c r="T4" s="679"/>
      <c r="U4" s="679"/>
      <c r="V4" s="679"/>
      <c r="W4" s="679"/>
      <c r="X4" s="679"/>
      <c r="Y4" s="679"/>
      <c r="Z4" s="679"/>
      <c r="AA4" s="679"/>
      <c r="AB4" s="679"/>
      <c r="AC4" s="679"/>
      <c r="AD4" s="679"/>
      <c r="AE4" s="679"/>
      <c r="AF4" s="680"/>
      <c r="AG4" s="657"/>
      <c r="AH4" s="682"/>
      <c r="AI4" s="683"/>
      <c r="AJ4" s="657"/>
      <c r="AK4" s="657"/>
      <c r="AL4" s="657"/>
      <c r="AM4" s="657"/>
      <c r="AN4" s="657"/>
      <c r="AO4" s="657"/>
      <c r="AP4" s="657"/>
      <c r="AQ4" s="657"/>
      <c r="AR4" s="684"/>
    </row>
    <row r="5" spans="1:44" s="386" customFormat="1" ht="21" customHeight="1">
      <c r="A5" s="655"/>
      <c r="B5" s="655"/>
      <c r="C5" s="655"/>
      <c r="D5" s="655"/>
      <c r="E5" s="655"/>
      <c r="F5" s="655"/>
      <c r="G5" s="655"/>
      <c r="H5" s="656"/>
      <c r="I5" s="681"/>
      <c r="J5" s="653"/>
      <c r="K5" s="653"/>
      <c r="L5" s="653"/>
      <c r="M5" s="653"/>
      <c r="N5" s="653"/>
      <c r="O5" s="653"/>
      <c r="P5" s="653"/>
      <c r="Q5" s="653"/>
      <c r="R5" s="653"/>
      <c r="S5" s="653"/>
      <c r="T5" s="653"/>
      <c r="U5" s="653"/>
      <c r="V5" s="653"/>
      <c r="W5" s="653"/>
      <c r="X5" s="653"/>
      <c r="Y5" s="653"/>
      <c r="Z5" s="653"/>
      <c r="AA5" s="653"/>
      <c r="AB5" s="653"/>
      <c r="AC5" s="653"/>
      <c r="AD5" s="653"/>
      <c r="AE5" s="653"/>
      <c r="AF5" s="654"/>
      <c r="AG5" s="657" t="s">
        <v>476</v>
      </c>
      <c r="AH5" s="657"/>
      <c r="AI5" s="657"/>
      <c r="AJ5" s="657"/>
      <c r="AK5" s="685" t="s">
        <v>477</v>
      </c>
      <c r="AL5" s="685"/>
      <c r="AM5" s="657"/>
      <c r="AN5" s="657"/>
      <c r="AO5" s="657" t="s">
        <v>478</v>
      </c>
      <c r="AP5" s="657"/>
      <c r="AQ5" s="658"/>
      <c r="AR5" s="629"/>
    </row>
    <row r="6" spans="1:44" s="386" customFormat="1" ht="21" customHeight="1">
      <c r="A6" s="655" t="s">
        <v>479</v>
      </c>
      <c r="B6" s="655"/>
      <c r="C6" s="655"/>
      <c r="D6" s="655"/>
      <c r="E6" s="655"/>
      <c r="F6" s="655"/>
      <c r="G6" s="655"/>
      <c r="H6" s="656"/>
      <c r="I6" s="664" t="s">
        <v>493</v>
      </c>
      <c r="J6" s="665"/>
      <c r="K6" s="665"/>
      <c r="L6" s="665"/>
      <c r="M6" s="665"/>
      <c r="N6" s="665"/>
      <c r="O6" s="665"/>
      <c r="P6" s="665"/>
      <c r="Q6" s="665"/>
      <c r="R6" s="665"/>
      <c r="S6" s="665"/>
      <c r="T6" s="665"/>
      <c r="U6" s="665"/>
      <c r="V6" s="665"/>
      <c r="W6" s="665"/>
      <c r="X6" s="665"/>
      <c r="Y6" s="665"/>
      <c r="Z6" s="665"/>
      <c r="AA6" s="665"/>
      <c r="AB6" s="665"/>
      <c r="AC6" s="665"/>
      <c r="AD6" s="665"/>
      <c r="AE6" s="665"/>
      <c r="AF6" s="666"/>
      <c r="AG6" s="657"/>
      <c r="AH6" s="657"/>
      <c r="AI6" s="657"/>
      <c r="AJ6" s="657"/>
      <c r="AK6" s="685"/>
      <c r="AL6" s="685"/>
      <c r="AM6" s="657"/>
      <c r="AN6" s="657"/>
      <c r="AO6" s="657"/>
      <c r="AP6" s="657"/>
      <c r="AQ6" s="659"/>
      <c r="AR6" s="661"/>
    </row>
    <row r="7" spans="1:44" s="386" customFormat="1" ht="21" customHeight="1">
      <c r="A7" s="655"/>
      <c r="B7" s="655"/>
      <c r="C7" s="655"/>
      <c r="D7" s="655"/>
      <c r="E7" s="655"/>
      <c r="F7" s="655"/>
      <c r="G7" s="655"/>
      <c r="H7" s="656"/>
      <c r="I7" s="667"/>
      <c r="J7" s="668"/>
      <c r="K7" s="668"/>
      <c r="L7" s="668"/>
      <c r="M7" s="668"/>
      <c r="N7" s="668"/>
      <c r="O7" s="668"/>
      <c r="P7" s="668"/>
      <c r="Q7" s="668"/>
      <c r="R7" s="668"/>
      <c r="S7" s="668"/>
      <c r="T7" s="668"/>
      <c r="U7" s="668"/>
      <c r="V7" s="668"/>
      <c r="W7" s="668"/>
      <c r="X7" s="668"/>
      <c r="Y7" s="668"/>
      <c r="Z7" s="668"/>
      <c r="AA7" s="668"/>
      <c r="AB7" s="668"/>
      <c r="AC7" s="668"/>
      <c r="AD7" s="668"/>
      <c r="AE7" s="668"/>
      <c r="AF7" s="669"/>
      <c r="AG7" s="657"/>
      <c r="AH7" s="657"/>
      <c r="AI7" s="657"/>
      <c r="AJ7" s="657"/>
      <c r="AK7" s="685"/>
      <c r="AL7" s="685"/>
      <c r="AM7" s="657"/>
      <c r="AN7" s="657"/>
      <c r="AO7" s="657"/>
      <c r="AP7" s="657"/>
      <c r="AQ7" s="662"/>
      <c r="AR7" s="630"/>
    </row>
    <row r="8" spans="1:44" s="386" customFormat="1" ht="21" customHeight="1">
      <c r="A8" s="655"/>
      <c r="B8" s="655"/>
      <c r="C8" s="655"/>
      <c r="D8" s="655"/>
      <c r="E8" s="655"/>
      <c r="F8" s="655"/>
      <c r="G8" s="655"/>
      <c r="H8" s="656"/>
      <c r="I8" s="670"/>
      <c r="J8" s="671"/>
      <c r="K8" s="671"/>
      <c r="L8" s="671"/>
      <c r="M8" s="671"/>
      <c r="N8" s="671"/>
      <c r="O8" s="671"/>
      <c r="P8" s="671"/>
      <c r="Q8" s="671"/>
      <c r="R8" s="671"/>
      <c r="S8" s="671"/>
      <c r="T8" s="671"/>
      <c r="U8" s="671"/>
      <c r="V8" s="671"/>
      <c r="W8" s="671"/>
      <c r="X8" s="671"/>
      <c r="Y8" s="671"/>
      <c r="Z8" s="671"/>
      <c r="AA8" s="671"/>
      <c r="AB8" s="671"/>
      <c r="AC8" s="671"/>
      <c r="AD8" s="671"/>
      <c r="AE8" s="671"/>
      <c r="AF8" s="672"/>
      <c r="AG8" s="673" t="s">
        <v>505</v>
      </c>
      <c r="AH8" s="674"/>
      <c r="AI8" s="658"/>
      <c r="AJ8" s="624"/>
      <c r="AK8" s="624"/>
      <c r="AL8" s="624"/>
      <c r="AM8" s="624"/>
      <c r="AN8" s="624"/>
      <c r="AO8" s="624"/>
      <c r="AP8" s="624"/>
      <c r="AQ8" s="624"/>
      <c r="AR8" s="629"/>
    </row>
    <row r="9" spans="1:44" s="386" customFormat="1" ht="21" customHeight="1">
      <c r="A9" s="655" t="s">
        <v>480</v>
      </c>
      <c r="B9" s="655"/>
      <c r="C9" s="655"/>
      <c r="D9" s="655"/>
      <c r="E9" s="655"/>
      <c r="F9" s="655"/>
      <c r="G9" s="655"/>
      <c r="H9" s="656"/>
      <c r="I9" s="389"/>
      <c r="J9" s="389"/>
      <c r="K9" s="389"/>
      <c r="L9" s="389"/>
      <c r="M9" s="389"/>
      <c r="N9" s="389"/>
      <c r="O9" s="389"/>
      <c r="P9" s="390"/>
      <c r="Q9" s="390"/>
      <c r="R9" s="390"/>
      <c r="S9" s="390"/>
      <c r="T9" s="390"/>
      <c r="U9" s="390"/>
      <c r="V9" s="390"/>
      <c r="W9" s="390"/>
      <c r="X9" s="391"/>
      <c r="Y9" s="391"/>
      <c r="Z9" s="391"/>
      <c r="AA9" s="391"/>
      <c r="AB9" s="391"/>
      <c r="AC9" s="391"/>
      <c r="AD9" s="391"/>
      <c r="AE9" s="391"/>
      <c r="AF9" s="391"/>
      <c r="AG9" s="674"/>
      <c r="AH9" s="674"/>
      <c r="AI9" s="662"/>
      <c r="AJ9" s="627"/>
      <c r="AK9" s="627"/>
      <c r="AL9" s="627"/>
      <c r="AM9" s="627"/>
      <c r="AN9" s="627"/>
      <c r="AO9" s="627"/>
      <c r="AP9" s="627"/>
      <c r="AQ9" s="627"/>
      <c r="AR9" s="630"/>
    </row>
    <row r="10" spans="1:44" s="386" customFormat="1" ht="21" customHeight="1">
      <c r="A10" s="655"/>
      <c r="B10" s="655"/>
      <c r="C10" s="655"/>
      <c r="D10" s="655"/>
      <c r="E10" s="655"/>
      <c r="F10" s="655"/>
      <c r="G10" s="655"/>
      <c r="H10" s="656"/>
      <c r="I10" s="392"/>
      <c r="J10" s="392"/>
      <c r="K10" s="392"/>
      <c r="L10" s="393"/>
      <c r="N10" s="394" t="s">
        <v>481</v>
      </c>
      <c r="O10" s="694"/>
      <c r="P10" s="694"/>
      <c r="Q10" s="694"/>
      <c r="R10" s="694"/>
      <c r="S10" s="694"/>
      <c r="T10" s="694"/>
      <c r="U10" s="694"/>
      <c r="V10" s="694"/>
      <c r="W10" s="694"/>
      <c r="X10" s="694"/>
      <c r="Y10" s="393" t="s">
        <v>482</v>
      </c>
      <c r="Z10" s="388"/>
      <c r="AA10" s="388"/>
      <c r="AB10" s="388"/>
      <c r="AC10" s="388"/>
      <c r="AD10" s="388"/>
      <c r="AE10" s="388"/>
      <c r="AF10" s="388"/>
      <c r="AG10" s="657" t="s">
        <v>483</v>
      </c>
      <c r="AH10" s="682"/>
      <c r="AI10" s="683" t="s">
        <v>475</v>
      </c>
      <c r="AJ10" s="657"/>
      <c r="AK10" s="657"/>
      <c r="AL10" s="657"/>
      <c r="AM10" s="657"/>
      <c r="AN10" s="657"/>
      <c r="AO10" s="657"/>
      <c r="AP10" s="657"/>
      <c r="AQ10" s="657"/>
      <c r="AR10" s="684"/>
    </row>
    <row r="11" spans="1:44" s="386" customFormat="1" ht="21" customHeight="1">
      <c r="A11" s="655"/>
      <c r="B11" s="655"/>
      <c r="C11" s="655"/>
      <c r="D11" s="655"/>
      <c r="E11" s="655"/>
      <c r="F11" s="655"/>
      <c r="G11" s="655"/>
      <c r="H11" s="656"/>
      <c r="I11" s="395"/>
      <c r="J11" s="395"/>
      <c r="K11" s="395"/>
      <c r="L11" s="395"/>
      <c r="M11" s="395"/>
      <c r="N11" s="395"/>
      <c r="O11" s="395"/>
      <c r="P11" s="396"/>
      <c r="Q11" s="396"/>
      <c r="R11" s="396"/>
      <c r="S11" s="396"/>
      <c r="T11" s="396"/>
      <c r="U11" s="396"/>
      <c r="V11" s="396"/>
      <c r="W11" s="396"/>
      <c r="X11" s="396"/>
      <c r="Y11" s="396"/>
      <c r="Z11" s="396"/>
      <c r="AA11" s="396"/>
      <c r="AB11" s="396"/>
      <c r="AC11" s="396"/>
      <c r="AD11" s="396"/>
      <c r="AE11" s="396"/>
      <c r="AF11" s="396"/>
      <c r="AG11" s="657"/>
      <c r="AH11" s="682"/>
      <c r="AI11" s="683"/>
      <c r="AJ11" s="657"/>
      <c r="AK11" s="657"/>
      <c r="AL11" s="657"/>
      <c r="AM11" s="657"/>
      <c r="AN11" s="657"/>
      <c r="AO11" s="657"/>
      <c r="AP11" s="657"/>
      <c r="AQ11" s="657"/>
      <c r="AR11" s="684"/>
    </row>
    <row r="12" spans="1:44" s="386" customFormat="1" ht="21" customHeight="1">
      <c r="A12" s="655" t="s">
        <v>484</v>
      </c>
      <c r="B12" s="655"/>
      <c r="C12" s="655"/>
      <c r="D12" s="655"/>
      <c r="E12" s="655"/>
      <c r="F12" s="655"/>
      <c r="G12" s="655"/>
      <c r="H12" s="656"/>
      <c r="I12" s="387"/>
      <c r="J12" s="387"/>
      <c r="K12" s="387"/>
      <c r="L12" s="387"/>
      <c r="M12" s="387"/>
      <c r="N12" s="387"/>
      <c r="O12" s="387"/>
      <c r="P12" s="388"/>
      <c r="Q12" s="388"/>
      <c r="R12" s="388"/>
      <c r="S12" s="388"/>
      <c r="T12" s="388"/>
      <c r="U12" s="388"/>
      <c r="V12" s="388"/>
      <c r="W12" s="388"/>
      <c r="X12" s="388"/>
      <c r="Y12" s="388"/>
      <c r="Z12" s="388"/>
      <c r="AA12" s="388"/>
      <c r="AB12" s="388"/>
      <c r="AC12" s="388"/>
      <c r="AD12" s="388"/>
      <c r="AE12" s="388"/>
      <c r="AF12" s="388"/>
      <c r="AG12" s="657" t="s">
        <v>483</v>
      </c>
      <c r="AH12" s="657"/>
      <c r="AI12" s="657"/>
      <c r="AJ12" s="657"/>
      <c r="AK12" s="657"/>
      <c r="AL12" s="657"/>
      <c r="AM12" s="657" t="s">
        <v>485</v>
      </c>
      <c r="AN12" s="657"/>
      <c r="AO12" s="658"/>
      <c r="AP12" s="624"/>
      <c r="AQ12" s="624"/>
      <c r="AR12" s="629"/>
    </row>
    <row r="13" spans="1:44" s="386" customFormat="1" ht="21" customHeight="1">
      <c r="A13" s="655"/>
      <c r="B13" s="655"/>
      <c r="C13" s="655"/>
      <c r="D13" s="655"/>
      <c r="E13" s="655"/>
      <c r="F13" s="655"/>
      <c r="G13" s="655"/>
      <c r="H13" s="656"/>
      <c r="I13" s="387"/>
      <c r="L13" s="387"/>
      <c r="N13" s="397" t="s">
        <v>486</v>
      </c>
      <c r="O13" s="663">
        <v>43889</v>
      </c>
      <c r="P13" s="663"/>
      <c r="Q13" s="663"/>
      <c r="R13" s="663"/>
      <c r="S13" s="663"/>
      <c r="T13" s="663"/>
      <c r="U13" s="663"/>
      <c r="V13" s="663"/>
      <c r="W13" s="663"/>
      <c r="X13" s="663"/>
      <c r="Y13" s="392" t="s">
        <v>487</v>
      </c>
      <c r="Z13" s="392"/>
      <c r="AA13" s="392"/>
      <c r="AB13" s="392"/>
      <c r="AC13" s="392"/>
      <c r="AD13" s="392"/>
      <c r="AE13" s="392"/>
      <c r="AF13" s="392"/>
      <c r="AG13" s="657"/>
      <c r="AH13" s="657"/>
      <c r="AI13" s="657"/>
      <c r="AJ13" s="657"/>
      <c r="AK13" s="657"/>
      <c r="AL13" s="657"/>
      <c r="AM13" s="657"/>
      <c r="AN13" s="657"/>
      <c r="AO13" s="659"/>
      <c r="AP13" s="660"/>
      <c r="AQ13" s="660"/>
      <c r="AR13" s="661"/>
    </row>
    <row r="14" spans="1:44" s="386" customFormat="1" ht="21" customHeight="1">
      <c r="A14" s="655"/>
      <c r="B14" s="655"/>
      <c r="C14" s="655"/>
      <c r="D14" s="655"/>
      <c r="E14" s="655"/>
      <c r="F14" s="655"/>
      <c r="G14" s="655"/>
      <c r="H14" s="656"/>
      <c r="I14" s="387"/>
      <c r="J14" s="387"/>
      <c r="K14" s="387"/>
      <c r="L14" s="387"/>
      <c r="M14" s="387"/>
      <c r="N14" s="387"/>
      <c r="O14" s="387"/>
      <c r="P14" s="388"/>
      <c r="Q14" s="388"/>
      <c r="R14" s="388"/>
      <c r="S14" s="388"/>
      <c r="T14" s="388"/>
      <c r="U14" s="388"/>
      <c r="V14" s="388"/>
      <c r="W14" s="388"/>
      <c r="X14" s="388"/>
      <c r="Y14" s="388"/>
      <c r="Z14" s="388"/>
      <c r="AA14" s="388"/>
      <c r="AB14" s="388"/>
      <c r="AC14" s="388"/>
      <c r="AD14" s="388"/>
      <c r="AE14" s="388"/>
      <c r="AF14" s="388"/>
      <c r="AG14" s="657"/>
      <c r="AH14" s="657"/>
      <c r="AI14" s="657"/>
      <c r="AJ14" s="657"/>
      <c r="AK14" s="657"/>
      <c r="AL14" s="657"/>
      <c r="AM14" s="657"/>
      <c r="AN14" s="657"/>
      <c r="AO14" s="662"/>
      <c r="AP14" s="627"/>
      <c r="AQ14" s="627"/>
      <c r="AR14" s="630"/>
    </row>
    <row r="15" spans="1:44" s="386" customFormat="1" ht="13.5" customHeight="1">
      <c r="A15" s="623" t="s">
        <v>488</v>
      </c>
      <c r="B15" s="624"/>
      <c r="C15" s="624"/>
      <c r="D15" s="624"/>
      <c r="E15" s="624"/>
      <c r="F15" s="624"/>
      <c r="G15" s="624"/>
      <c r="H15" s="624"/>
      <c r="I15" s="624"/>
      <c r="J15" s="624"/>
      <c r="K15" s="624"/>
      <c r="L15" s="624"/>
      <c r="M15" s="624"/>
      <c r="N15" s="624"/>
      <c r="O15" s="624"/>
      <c r="P15" s="624"/>
      <c r="Q15" s="624"/>
      <c r="R15" s="624"/>
      <c r="S15" s="624"/>
      <c r="T15" s="624"/>
      <c r="U15" s="624"/>
      <c r="V15" s="625"/>
      <c r="W15" s="624" t="s">
        <v>489</v>
      </c>
      <c r="X15" s="624"/>
      <c r="Y15" s="624"/>
      <c r="Z15" s="624"/>
      <c r="AA15" s="624"/>
      <c r="AB15" s="624"/>
      <c r="AC15" s="624"/>
      <c r="AD15" s="624"/>
      <c r="AE15" s="624"/>
      <c r="AF15" s="624"/>
      <c r="AG15" s="624"/>
      <c r="AH15" s="624"/>
      <c r="AI15" s="624"/>
      <c r="AJ15" s="624"/>
      <c r="AK15" s="624"/>
      <c r="AL15" s="624"/>
      <c r="AM15" s="624"/>
      <c r="AN15" s="624"/>
      <c r="AO15" s="624"/>
      <c r="AP15" s="624"/>
      <c r="AQ15" s="624"/>
      <c r="AR15" s="629"/>
    </row>
    <row r="16" spans="1:44" s="386" customFormat="1" ht="13.5" customHeight="1">
      <c r="A16" s="626"/>
      <c r="B16" s="627"/>
      <c r="C16" s="627"/>
      <c r="D16" s="627"/>
      <c r="E16" s="627"/>
      <c r="F16" s="627"/>
      <c r="G16" s="627"/>
      <c r="H16" s="627"/>
      <c r="I16" s="627"/>
      <c r="J16" s="627"/>
      <c r="K16" s="627"/>
      <c r="L16" s="627"/>
      <c r="M16" s="627"/>
      <c r="N16" s="627"/>
      <c r="O16" s="627"/>
      <c r="P16" s="627"/>
      <c r="Q16" s="627"/>
      <c r="R16" s="627"/>
      <c r="S16" s="627"/>
      <c r="T16" s="627"/>
      <c r="U16" s="627"/>
      <c r="V16" s="628"/>
      <c r="W16" s="627"/>
      <c r="X16" s="627"/>
      <c r="Y16" s="627"/>
      <c r="Z16" s="627"/>
      <c r="AA16" s="627"/>
      <c r="AB16" s="627"/>
      <c r="AC16" s="627"/>
      <c r="AD16" s="627"/>
      <c r="AE16" s="627"/>
      <c r="AF16" s="627"/>
      <c r="AG16" s="627"/>
      <c r="AH16" s="627"/>
      <c r="AI16" s="627"/>
      <c r="AJ16" s="627"/>
      <c r="AK16" s="627"/>
      <c r="AL16" s="627"/>
      <c r="AM16" s="627"/>
      <c r="AN16" s="627"/>
      <c r="AO16" s="627"/>
      <c r="AP16" s="627"/>
      <c r="AQ16" s="627"/>
      <c r="AR16" s="630"/>
    </row>
    <row r="17" spans="1:44" s="386" customFormat="1" ht="13.5" customHeight="1">
      <c r="A17" s="631" t="s">
        <v>1711</v>
      </c>
      <c r="B17" s="632"/>
      <c r="C17" s="632"/>
      <c r="D17" s="632"/>
      <c r="E17" s="632"/>
      <c r="F17" s="632"/>
      <c r="G17" s="632"/>
      <c r="H17" s="632"/>
      <c r="I17" s="632"/>
      <c r="J17" s="632"/>
      <c r="K17" s="632"/>
      <c r="L17" s="632"/>
      <c r="M17" s="632"/>
      <c r="N17" s="632"/>
      <c r="O17" s="632"/>
      <c r="P17" s="632"/>
      <c r="Q17" s="632"/>
      <c r="R17" s="632"/>
      <c r="S17" s="632"/>
      <c r="T17" s="632"/>
      <c r="U17" s="632"/>
      <c r="V17" s="633"/>
      <c r="W17" s="640" t="s">
        <v>494</v>
      </c>
      <c r="X17" s="641"/>
      <c r="Y17" s="641"/>
      <c r="Z17" s="641"/>
      <c r="AA17" s="641"/>
      <c r="AB17" s="641"/>
      <c r="AC17" s="641"/>
      <c r="AD17" s="641"/>
      <c r="AE17" s="641"/>
      <c r="AF17" s="641"/>
      <c r="AG17" s="641"/>
      <c r="AH17" s="641"/>
      <c r="AI17" s="641"/>
      <c r="AJ17" s="641"/>
      <c r="AK17" s="641"/>
      <c r="AL17" s="641"/>
      <c r="AM17" s="641"/>
      <c r="AN17" s="641"/>
      <c r="AO17" s="641"/>
      <c r="AP17" s="641"/>
      <c r="AQ17" s="641"/>
      <c r="AR17" s="642"/>
    </row>
    <row r="18" spans="1:44" s="386" customFormat="1" ht="13.5" customHeight="1">
      <c r="A18" s="634"/>
      <c r="B18" s="635"/>
      <c r="C18" s="635"/>
      <c r="D18" s="635"/>
      <c r="E18" s="635"/>
      <c r="F18" s="635"/>
      <c r="G18" s="635"/>
      <c r="H18" s="635"/>
      <c r="I18" s="635"/>
      <c r="J18" s="635"/>
      <c r="K18" s="635"/>
      <c r="L18" s="635"/>
      <c r="M18" s="635"/>
      <c r="N18" s="635"/>
      <c r="O18" s="635"/>
      <c r="P18" s="635"/>
      <c r="Q18" s="635"/>
      <c r="R18" s="635"/>
      <c r="S18" s="635"/>
      <c r="T18" s="635"/>
      <c r="U18" s="635"/>
      <c r="V18" s="636"/>
      <c r="W18" s="643"/>
      <c r="X18" s="644"/>
      <c r="Y18" s="644"/>
      <c r="Z18" s="644"/>
      <c r="AA18" s="644"/>
      <c r="AB18" s="644"/>
      <c r="AC18" s="644"/>
      <c r="AD18" s="644"/>
      <c r="AE18" s="644"/>
      <c r="AF18" s="644"/>
      <c r="AG18" s="644"/>
      <c r="AH18" s="644"/>
      <c r="AI18" s="644"/>
      <c r="AJ18" s="644"/>
      <c r="AK18" s="644"/>
      <c r="AL18" s="644"/>
      <c r="AM18" s="644"/>
      <c r="AN18" s="644"/>
      <c r="AO18" s="644"/>
      <c r="AP18" s="644"/>
      <c r="AQ18" s="644"/>
      <c r="AR18" s="645"/>
    </row>
    <row r="19" spans="1:44" s="386" customFormat="1" ht="13.5" customHeight="1">
      <c r="A19" s="634"/>
      <c r="B19" s="635"/>
      <c r="C19" s="635"/>
      <c r="D19" s="635"/>
      <c r="E19" s="635"/>
      <c r="F19" s="635"/>
      <c r="G19" s="635"/>
      <c r="H19" s="635"/>
      <c r="I19" s="635"/>
      <c r="J19" s="635"/>
      <c r="K19" s="635"/>
      <c r="L19" s="635"/>
      <c r="M19" s="635"/>
      <c r="N19" s="635"/>
      <c r="O19" s="635"/>
      <c r="P19" s="635"/>
      <c r="Q19" s="635"/>
      <c r="R19" s="635"/>
      <c r="S19" s="635"/>
      <c r="T19" s="635"/>
      <c r="U19" s="635"/>
      <c r="V19" s="636"/>
      <c r="W19" s="643"/>
      <c r="X19" s="644"/>
      <c r="Y19" s="644"/>
      <c r="Z19" s="644"/>
      <c r="AA19" s="644"/>
      <c r="AB19" s="644"/>
      <c r="AC19" s="644"/>
      <c r="AD19" s="644"/>
      <c r="AE19" s="644"/>
      <c r="AF19" s="644"/>
      <c r="AG19" s="644"/>
      <c r="AH19" s="644"/>
      <c r="AI19" s="644"/>
      <c r="AJ19" s="644"/>
      <c r="AK19" s="644"/>
      <c r="AL19" s="644"/>
      <c r="AM19" s="644"/>
      <c r="AN19" s="644"/>
      <c r="AO19" s="644"/>
      <c r="AP19" s="644"/>
      <c r="AQ19" s="644"/>
      <c r="AR19" s="645"/>
    </row>
    <row r="20" spans="1:44" s="386" customFormat="1" ht="13.5" customHeight="1">
      <c r="A20" s="634"/>
      <c r="B20" s="635"/>
      <c r="C20" s="635"/>
      <c r="D20" s="635"/>
      <c r="E20" s="635"/>
      <c r="F20" s="635"/>
      <c r="G20" s="635"/>
      <c r="H20" s="635"/>
      <c r="I20" s="635"/>
      <c r="J20" s="635"/>
      <c r="K20" s="635"/>
      <c r="L20" s="635"/>
      <c r="M20" s="635"/>
      <c r="N20" s="635"/>
      <c r="O20" s="635"/>
      <c r="P20" s="635"/>
      <c r="Q20" s="635"/>
      <c r="R20" s="635"/>
      <c r="S20" s="635"/>
      <c r="T20" s="635"/>
      <c r="U20" s="635"/>
      <c r="V20" s="636"/>
      <c r="W20" s="643"/>
      <c r="X20" s="644"/>
      <c r="Y20" s="644"/>
      <c r="Z20" s="644"/>
      <c r="AA20" s="644"/>
      <c r="AB20" s="644"/>
      <c r="AC20" s="644"/>
      <c r="AD20" s="644"/>
      <c r="AE20" s="644"/>
      <c r="AF20" s="644"/>
      <c r="AG20" s="644"/>
      <c r="AH20" s="644"/>
      <c r="AI20" s="644"/>
      <c r="AJ20" s="644"/>
      <c r="AK20" s="644"/>
      <c r="AL20" s="644"/>
      <c r="AM20" s="644"/>
      <c r="AN20" s="644"/>
      <c r="AO20" s="644"/>
      <c r="AP20" s="644"/>
      <c r="AQ20" s="644"/>
      <c r="AR20" s="645"/>
    </row>
    <row r="21" spans="1:44" s="386" customFormat="1" ht="13.5" customHeight="1">
      <c r="A21" s="634"/>
      <c r="B21" s="635"/>
      <c r="C21" s="635"/>
      <c r="D21" s="635"/>
      <c r="E21" s="635"/>
      <c r="F21" s="635"/>
      <c r="G21" s="635"/>
      <c r="H21" s="635"/>
      <c r="I21" s="635"/>
      <c r="J21" s="635"/>
      <c r="K21" s="635"/>
      <c r="L21" s="635"/>
      <c r="M21" s="635"/>
      <c r="N21" s="635"/>
      <c r="O21" s="635"/>
      <c r="P21" s="635"/>
      <c r="Q21" s="635"/>
      <c r="R21" s="635"/>
      <c r="S21" s="635"/>
      <c r="T21" s="635"/>
      <c r="U21" s="635"/>
      <c r="V21" s="636"/>
      <c r="W21" s="643"/>
      <c r="X21" s="644"/>
      <c r="Y21" s="644"/>
      <c r="Z21" s="644"/>
      <c r="AA21" s="644"/>
      <c r="AB21" s="644"/>
      <c r="AC21" s="644"/>
      <c r="AD21" s="644"/>
      <c r="AE21" s="644"/>
      <c r="AF21" s="644"/>
      <c r="AG21" s="644"/>
      <c r="AH21" s="644"/>
      <c r="AI21" s="644"/>
      <c r="AJ21" s="644"/>
      <c r="AK21" s="644"/>
      <c r="AL21" s="644"/>
      <c r="AM21" s="644"/>
      <c r="AN21" s="644"/>
      <c r="AO21" s="644"/>
      <c r="AP21" s="644"/>
      <c r="AQ21" s="644"/>
      <c r="AR21" s="645"/>
    </row>
    <row r="22" spans="1:44" s="386" customFormat="1" ht="13.5" customHeight="1">
      <c r="A22" s="634"/>
      <c r="B22" s="635"/>
      <c r="C22" s="635"/>
      <c r="D22" s="635"/>
      <c r="E22" s="635"/>
      <c r="F22" s="635"/>
      <c r="G22" s="635"/>
      <c r="H22" s="635"/>
      <c r="I22" s="635"/>
      <c r="J22" s="635"/>
      <c r="K22" s="635"/>
      <c r="L22" s="635"/>
      <c r="M22" s="635"/>
      <c r="N22" s="635"/>
      <c r="O22" s="635"/>
      <c r="P22" s="635"/>
      <c r="Q22" s="635"/>
      <c r="R22" s="635"/>
      <c r="S22" s="635"/>
      <c r="T22" s="635"/>
      <c r="U22" s="635"/>
      <c r="V22" s="636"/>
      <c r="W22" s="643"/>
      <c r="X22" s="644"/>
      <c r="Y22" s="644"/>
      <c r="Z22" s="644"/>
      <c r="AA22" s="644"/>
      <c r="AB22" s="644"/>
      <c r="AC22" s="644"/>
      <c r="AD22" s="644"/>
      <c r="AE22" s="644"/>
      <c r="AF22" s="644"/>
      <c r="AG22" s="644"/>
      <c r="AH22" s="644"/>
      <c r="AI22" s="644"/>
      <c r="AJ22" s="644"/>
      <c r="AK22" s="644"/>
      <c r="AL22" s="644"/>
      <c r="AM22" s="644"/>
      <c r="AN22" s="644"/>
      <c r="AO22" s="644"/>
      <c r="AP22" s="644"/>
      <c r="AQ22" s="644"/>
      <c r="AR22" s="645"/>
    </row>
    <row r="23" spans="1:44" s="386" customFormat="1">
      <c r="A23" s="634"/>
      <c r="B23" s="635"/>
      <c r="C23" s="635"/>
      <c r="D23" s="635"/>
      <c r="E23" s="635"/>
      <c r="F23" s="635"/>
      <c r="G23" s="635"/>
      <c r="H23" s="635"/>
      <c r="I23" s="635"/>
      <c r="J23" s="635"/>
      <c r="K23" s="635"/>
      <c r="L23" s="635"/>
      <c r="M23" s="635"/>
      <c r="N23" s="635"/>
      <c r="O23" s="635"/>
      <c r="P23" s="635"/>
      <c r="Q23" s="635"/>
      <c r="R23" s="635"/>
      <c r="S23" s="635"/>
      <c r="T23" s="635"/>
      <c r="U23" s="635"/>
      <c r="V23" s="636"/>
      <c r="W23" s="643"/>
      <c r="X23" s="644"/>
      <c r="Y23" s="644"/>
      <c r="Z23" s="644"/>
      <c r="AA23" s="644"/>
      <c r="AB23" s="644"/>
      <c r="AC23" s="644"/>
      <c r="AD23" s="644"/>
      <c r="AE23" s="644"/>
      <c r="AF23" s="644"/>
      <c r="AG23" s="644"/>
      <c r="AH23" s="644"/>
      <c r="AI23" s="644"/>
      <c r="AJ23" s="644"/>
      <c r="AK23" s="644"/>
      <c r="AL23" s="644"/>
      <c r="AM23" s="644"/>
      <c r="AN23" s="644"/>
      <c r="AO23" s="644"/>
      <c r="AP23" s="644"/>
      <c r="AQ23" s="644"/>
      <c r="AR23" s="645"/>
    </row>
    <row r="24" spans="1:44" s="386" customFormat="1" ht="13.5" customHeight="1">
      <c r="A24" s="634"/>
      <c r="B24" s="635"/>
      <c r="C24" s="635"/>
      <c r="D24" s="635"/>
      <c r="E24" s="635"/>
      <c r="F24" s="635"/>
      <c r="G24" s="635"/>
      <c r="H24" s="635"/>
      <c r="I24" s="635"/>
      <c r="J24" s="635"/>
      <c r="K24" s="635"/>
      <c r="L24" s="635"/>
      <c r="M24" s="635"/>
      <c r="N24" s="635"/>
      <c r="O24" s="635"/>
      <c r="P24" s="635"/>
      <c r="Q24" s="635"/>
      <c r="R24" s="635"/>
      <c r="S24" s="635"/>
      <c r="T24" s="635"/>
      <c r="U24" s="635"/>
      <c r="V24" s="636"/>
      <c r="W24" s="643"/>
      <c r="X24" s="644"/>
      <c r="Y24" s="644"/>
      <c r="Z24" s="644"/>
      <c r="AA24" s="644"/>
      <c r="AB24" s="644"/>
      <c r="AC24" s="644"/>
      <c r="AD24" s="644"/>
      <c r="AE24" s="644"/>
      <c r="AF24" s="644"/>
      <c r="AG24" s="644"/>
      <c r="AH24" s="644"/>
      <c r="AI24" s="644"/>
      <c r="AJ24" s="644"/>
      <c r="AK24" s="644"/>
      <c r="AL24" s="644"/>
      <c r="AM24" s="644"/>
      <c r="AN24" s="644"/>
      <c r="AO24" s="644"/>
      <c r="AP24" s="644"/>
      <c r="AQ24" s="644"/>
      <c r="AR24" s="645"/>
    </row>
    <row r="25" spans="1:44" s="386" customFormat="1" ht="13.5" customHeight="1">
      <c r="A25" s="634"/>
      <c r="B25" s="635"/>
      <c r="C25" s="635"/>
      <c r="D25" s="635"/>
      <c r="E25" s="635"/>
      <c r="F25" s="635"/>
      <c r="G25" s="635"/>
      <c r="H25" s="635"/>
      <c r="I25" s="635"/>
      <c r="J25" s="635"/>
      <c r="K25" s="635"/>
      <c r="L25" s="635"/>
      <c r="M25" s="635"/>
      <c r="N25" s="635"/>
      <c r="O25" s="635"/>
      <c r="P25" s="635"/>
      <c r="Q25" s="635"/>
      <c r="R25" s="635"/>
      <c r="S25" s="635"/>
      <c r="T25" s="635"/>
      <c r="U25" s="635"/>
      <c r="V25" s="636"/>
      <c r="W25" s="643"/>
      <c r="X25" s="644"/>
      <c r="Y25" s="644"/>
      <c r="Z25" s="644"/>
      <c r="AA25" s="644"/>
      <c r="AB25" s="644"/>
      <c r="AC25" s="644"/>
      <c r="AD25" s="644"/>
      <c r="AE25" s="644"/>
      <c r="AF25" s="644"/>
      <c r="AG25" s="644"/>
      <c r="AH25" s="644"/>
      <c r="AI25" s="644"/>
      <c r="AJ25" s="644"/>
      <c r="AK25" s="644"/>
      <c r="AL25" s="644"/>
      <c r="AM25" s="644"/>
      <c r="AN25" s="644"/>
      <c r="AO25" s="644"/>
      <c r="AP25" s="644"/>
      <c r="AQ25" s="644"/>
      <c r="AR25" s="645"/>
    </row>
    <row r="26" spans="1:44" s="386" customFormat="1" ht="13.5" customHeight="1">
      <c r="A26" s="634"/>
      <c r="B26" s="635"/>
      <c r="C26" s="635"/>
      <c r="D26" s="635"/>
      <c r="E26" s="635"/>
      <c r="F26" s="635"/>
      <c r="G26" s="635"/>
      <c r="H26" s="635"/>
      <c r="I26" s="635"/>
      <c r="J26" s="635"/>
      <c r="K26" s="635"/>
      <c r="L26" s="635"/>
      <c r="M26" s="635"/>
      <c r="N26" s="635"/>
      <c r="O26" s="635"/>
      <c r="P26" s="635"/>
      <c r="Q26" s="635"/>
      <c r="R26" s="635"/>
      <c r="S26" s="635"/>
      <c r="T26" s="635"/>
      <c r="U26" s="635"/>
      <c r="V26" s="636"/>
      <c r="W26" s="643"/>
      <c r="X26" s="644"/>
      <c r="Y26" s="644"/>
      <c r="Z26" s="644"/>
      <c r="AA26" s="644"/>
      <c r="AB26" s="644"/>
      <c r="AC26" s="644"/>
      <c r="AD26" s="644"/>
      <c r="AE26" s="644"/>
      <c r="AF26" s="644"/>
      <c r="AG26" s="644"/>
      <c r="AH26" s="644"/>
      <c r="AI26" s="644"/>
      <c r="AJ26" s="644"/>
      <c r="AK26" s="644"/>
      <c r="AL26" s="644"/>
      <c r="AM26" s="644"/>
      <c r="AN26" s="644"/>
      <c r="AO26" s="644"/>
      <c r="AP26" s="644"/>
      <c r="AQ26" s="644"/>
      <c r="AR26" s="645"/>
    </row>
    <row r="27" spans="1:44" s="386" customFormat="1" ht="13.5" customHeight="1">
      <c r="A27" s="634"/>
      <c r="B27" s="635"/>
      <c r="C27" s="635"/>
      <c r="D27" s="635"/>
      <c r="E27" s="635"/>
      <c r="F27" s="635"/>
      <c r="G27" s="635"/>
      <c r="H27" s="635"/>
      <c r="I27" s="635"/>
      <c r="J27" s="635"/>
      <c r="K27" s="635"/>
      <c r="L27" s="635"/>
      <c r="M27" s="635"/>
      <c r="N27" s="635"/>
      <c r="O27" s="635"/>
      <c r="P27" s="635"/>
      <c r="Q27" s="635"/>
      <c r="R27" s="635"/>
      <c r="S27" s="635"/>
      <c r="T27" s="635"/>
      <c r="U27" s="635"/>
      <c r="V27" s="636"/>
      <c r="W27" s="643"/>
      <c r="X27" s="644"/>
      <c r="Y27" s="644"/>
      <c r="Z27" s="644"/>
      <c r="AA27" s="644"/>
      <c r="AB27" s="644"/>
      <c r="AC27" s="644"/>
      <c r="AD27" s="644"/>
      <c r="AE27" s="644"/>
      <c r="AF27" s="644"/>
      <c r="AG27" s="644"/>
      <c r="AH27" s="644"/>
      <c r="AI27" s="644"/>
      <c r="AJ27" s="644"/>
      <c r="AK27" s="644"/>
      <c r="AL27" s="644"/>
      <c r="AM27" s="644"/>
      <c r="AN27" s="644"/>
      <c r="AO27" s="644"/>
      <c r="AP27" s="644"/>
      <c r="AQ27" s="644"/>
      <c r="AR27" s="645"/>
    </row>
    <row r="28" spans="1:44" s="386" customFormat="1" ht="13.5" customHeight="1">
      <c r="A28" s="634"/>
      <c r="B28" s="635"/>
      <c r="C28" s="635"/>
      <c r="D28" s="635"/>
      <c r="E28" s="635"/>
      <c r="F28" s="635"/>
      <c r="G28" s="635"/>
      <c r="H28" s="635"/>
      <c r="I28" s="635"/>
      <c r="J28" s="635"/>
      <c r="K28" s="635"/>
      <c r="L28" s="635"/>
      <c r="M28" s="635"/>
      <c r="N28" s="635"/>
      <c r="O28" s="635"/>
      <c r="P28" s="635"/>
      <c r="Q28" s="635"/>
      <c r="R28" s="635"/>
      <c r="S28" s="635"/>
      <c r="T28" s="635"/>
      <c r="U28" s="635"/>
      <c r="V28" s="636"/>
      <c r="W28" s="643"/>
      <c r="X28" s="644"/>
      <c r="Y28" s="644"/>
      <c r="Z28" s="644"/>
      <c r="AA28" s="644"/>
      <c r="AB28" s="644"/>
      <c r="AC28" s="644"/>
      <c r="AD28" s="644"/>
      <c r="AE28" s="644"/>
      <c r="AF28" s="644"/>
      <c r="AG28" s="644"/>
      <c r="AH28" s="644"/>
      <c r="AI28" s="644"/>
      <c r="AJ28" s="644"/>
      <c r="AK28" s="644"/>
      <c r="AL28" s="644"/>
      <c r="AM28" s="644"/>
      <c r="AN28" s="644"/>
      <c r="AO28" s="644"/>
      <c r="AP28" s="644"/>
      <c r="AQ28" s="644"/>
      <c r="AR28" s="645"/>
    </row>
    <row r="29" spans="1:44" s="386" customFormat="1" ht="13.5" customHeight="1">
      <c r="A29" s="634"/>
      <c r="B29" s="635"/>
      <c r="C29" s="635"/>
      <c r="D29" s="635"/>
      <c r="E29" s="635"/>
      <c r="F29" s="635"/>
      <c r="G29" s="635"/>
      <c r="H29" s="635"/>
      <c r="I29" s="635"/>
      <c r="J29" s="635"/>
      <c r="K29" s="635"/>
      <c r="L29" s="635"/>
      <c r="M29" s="635"/>
      <c r="N29" s="635"/>
      <c r="O29" s="635"/>
      <c r="P29" s="635"/>
      <c r="Q29" s="635"/>
      <c r="R29" s="635"/>
      <c r="S29" s="635"/>
      <c r="T29" s="635"/>
      <c r="U29" s="635"/>
      <c r="V29" s="636"/>
      <c r="W29" s="643"/>
      <c r="X29" s="644"/>
      <c r="Y29" s="644"/>
      <c r="Z29" s="644"/>
      <c r="AA29" s="644"/>
      <c r="AB29" s="644"/>
      <c r="AC29" s="644"/>
      <c r="AD29" s="644"/>
      <c r="AE29" s="644"/>
      <c r="AF29" s="644"/>
      <c r="AG29" s="644"/>
      <c r="AH29" s="644"/>
      <c r="AI29" s="644"/>
      <c r="AJ29" s="644"/>
      <c r="AK29" s="644"/>
      <c r="AL29" s="644"/>
      <c r="AM29" s="644"/>
      <c r="AN29" s="644"/>
      <c r="AO29" s="644"/>
      <c r="AP29" s="644"/>
      <c r="AQ29" s="644"/>
      <c r="AR29" s="645"/>
    </row>
    <row r="30" spans="1:44" s="386" customFormat="1">
      <c r="A30" s="634"/>
      <c r="B30" s="635"/>
      <c r="C30" s="635"/>
      <c r="D30" s="635"/>
      <c r="E30" s="635"/>
      <c r="F30" s="635"/>
      <c r="G30" s="635"/>
      <c r="H30" s="635"/>
      <c r="I30" s="635"/>
      <c r="J30" s="635"/>
      <c r="K30" s="635"/>
      <c r="L30" s="635"/>
      <c r="M30" s="635"/>
      <c r="N30" s="635"/>
      <c r="O30" s="635"/>
      <c r="P30" s="635"/>
      <c r="Q30" s="635"/>
      <c r="R30" s="635"/>
      <c r="S30" s="635"/>
      <c r="T30" s="635"/>
      <c r="U30" s="635"/>
      <c r="V30" s="636"/>
      <c r="W30" s="643"/>
      <c r="X30" s="644"/>
      <c r="Y30" s="644"/>
      <c r="Z30" s="644"/>
      <c r="AA30" s="644"/>
      <c r="AB30" s="644"/>
      <c r="AC30" s="644"/>
      <c r="AD30" s="644"/>
      <c r="AE30" s="644"/>
      <c r="AF30" s="644"/>
      <c r="AG30" s="644"/>
      <c r="AH30" s="644"/>
      <c r="AI30" s="644"/>
      <c r="AJ30" s="644"/>
      <c r="AK30" s="644"/>
      <c r="AL30" s="644"/>
      <c r="AM30" s="644"/>
      <c r="AN30" s="644"/>
      <c r="AO30" s="644"/>
      <c r="AP30" s="644"/>
      <c r="AQ30" s="644"/>
      <c r="AR30" s="645"/>
    </row>
    <row r="31" spans="1:44" s="386" customFormat="1">
      <c r="A31" s="634"/>
      <c r="B31" s="635"/>
      <c r="C31" s="635"/>
      <c r="D31" s="635"/>
      <c r="E31" s="635"/>
      <c r="F31" s="635"/>
      <c r="G31" s="635"/>
      <c r="H31" s="635"/>
      <c r="I31" s="635"/>
      <c r="J31" s="635"/>
      <c r="K31" s="635"/>
      <c r="L31" s="635"/>
      <c r="M31" s="635"/>
      <c r="N31" s="635"/>
      <c r="O31" s="635"/>
      <c r="P31" s="635"/>
      <c r="Q31" s="635"/>
      <c r="R31" s="635"/>
      <c r="S31" s="635"/>
      <c r="T31" s="635"/>
      <c r="U31" s="635"/>
      <c r="V31" s="636"/>
      <c r="W31" s="643"/>
      <c r="X31" s="644"/>
      <c r="Y31" s="644"/>
      <c r="Z31" s="644"/>
      <c r="AA31" s="644"/>
      <c r="AB31" s="644"/>
      <c r="AC31" s="644"/>
      <c r="AD31" s="644"/>
      <c r="AE31" s="644"/>
      <c r="AF31" s="644"/>
      <c r="AG31" s="644"/>
      <c r="AH31" s="644"/>
      <c r="AI31" s="644"/>
      <c r="AJ31" s="644"/>
      <c r="AK31" s="644"/>
      <c r="AL31" s="644"/>
      <c r="AM31" s="644"/>
      <c r="AN31" s="644"/>
      <c r="AO31" s="644"/>
      <c r="AP31" s="644"/>
      <c r="AQ31" s="644"/>
      <c r="AR31" s="645"/>
    </row>
    <row r="32" spans="1:44" s="386" customFormat="1">
      <c r="A32" s="637"/>
      <c r="B32" s="638"/>
      <c r="C32" s="638"/>
      <c r="D32" s="638"/>
      <c r="E32" s="638"/>
      <c r="F32" s="638"/>
      <c r="G32" s="638"/>
      <c r="H32" s="638"/>
      <c r="I32" s="638"/>
      <c r="J32" s="638"/>
      <c r="K32" s="638"/>
      <c r="L32" s="638"/>
      <c r="M32" s="638"/>
      <c r="N32" s="638"/>
      <c r="O32" s="638"/>
      <c r="P32" s="638"/>
      <c r="Q32" s="638"/>
      <c r="R32" s="638"/>
      <c r="S32" s="638"/>
      <c r="T32" s="638"/>
      <c r="U32" s="638"/>
      <c r="V32" s="639"/>
      <c r="W32" s="646"/>
      <c r="X32" s="647"/>
      <c r="Y32" s="647"/>
      <c r="Z32" s="647"/>
      <c r="AA32" s="647"/>
      <c r="AB32" s="647"/>
      <c r="AC32" s="647"/>
      <c r="AD32" s="647"/>
      <c r="AE32" s="647"/>
      <c r="AF32" s="647"/>
      <c r="AG32" s="647"/>
      <c r="AH32" s="647"/>
      <c r="AI32" s="647"/>
      <c r="AJ32" s="647"/>
      <c r="AK32" s="647"/>
      <c r="AL32" s="647"/>
      <c r="AM32" s="647"/>
      <c r="AN32" s="647"/>
      <c r="AO32" s="647"/>
      <c r="AP32" s="647"/>
      <c r="AQ32" s="647"/>
      <c r="AR32" s="648"/>
    </row>
    <row r="33" spans="1:44" s="386" customFormat="1" ht="23.25" customHeight="1">
      <c r="A33" s="386" t="s">
        <v>490</v>
      </c>
      <c r="G33" s="388"/>
      <c r="H33" s="398"/>
      <c r="I33" s="398"/>
      <c r="J33" s="398"/>
      <c r="K33" s="398"/>
      <c r="L33" s="398"/>
      <c r="M33" s="398"/>
      <c r="N33" s="398"/>
      <c r="O33" s="398"/>
      <c r="P33" s="388"/>
      <c r="Q33" s="388"/>
      <c r="R33" s="388"/>
      <c r="S33" s="388"/>
      <c r="T33" s="388"/>
      <c r="U33" s="388"/>
      <c r="V33" s="388"/>
      <c r="W33" s="388"/>
      <c r="AF33" s="388"/>
      <c r="AG33" s="388"/>
      <c r="AH33" s="388"/>
      <c r="AJ33" s="388"/>
      <c r="AK33" s="388"/>
      <c r="AL33" s="388"/>
      <c r="AM33" s="388"/>
      <c r="AN33" s="388"/>
      <c r="AO33" s="388"/>
      <c r="AP33" s="388"/>
      <c r="AQ33" s="388"/>
      <c r="AR33" s="397" t="s">
        <v>196</v>
      </c>
    </row>
  </sheetData>
  <mergeCells count="33">
    <mergeCell ref="I1:M1"/>
    <mergeCell ref="N1:AF2"/>
    <mergeCell ref="AG1:AR2"/>
    <mergeCell ref="I2:M2"/>
    <mergeCell ref="O10:X10"/>
    <mergeCell ref="AG10:AH11"/>
    <mergeCell ref="AI10:AR11"/>
    <mergeCell ref="A3:H5"/>
    <mergeCell ref="I3:AF5"/>
    <mergeCell ref="AG3:AH4"/>
    <mergeCell ref="AI3:AR4"/>
    <mergeCell ref="AG5:AH7"/>
    <mergeCell ref="AI5:AJ7"/>
    <mergeCell ref="AK5:AL7"/>
    <mergeCell ref="AM5:AN7"/>
    <mergeCell ref="AO5:AP7"/>
    <mergeCell ref="AQ5:AR7"/>
    <mergeCell ref="A15:V16"/>
    <mergeCell ref="W15:AR16"/>
    <mergeCell ref="A17:V32"/>
    <mergeCell ref="W17:AR32"/>
    <mergeCell ref="A1:H2"/>
    <mergeCell ref="A12:H14"/>
    <mergeCell ref="AG12:AH14"/>
    <mergeCell ref="AI12:AL14"/>
    <mergeCell ref="AM12:AN14"/>
    <mergeCell ref="AO12:AR14"/>
    <mergeCell ref="O13:X13"/>
    <mergeCell ref="A6:H8"/>
    <mergeCell ref="I6:AF8"/>
    <mergeCell ref="AG8:AH9"/>
    <mergeCell ref="AI8:AR9"/>
    <mergeCell ref="A9:H11"/>
  </mergeCells>
  <phoneticPr fontId="68"/>
  <pageMargins left="0.59055118110236227" right="0.59055118110236227" top="0.78740157480314965" bottom="0.39370078740157483" header="0.31496062992125984" footer="0.31496062992125984"/>
  <pageSetup paperSize="9" scale="99" orientation="landscape" horizontalDpi="4294967294" verticalDpi="1200"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83"/>
  <sheetViews>
    <sheetView showGridLines="0" topLeftCell="A49" zoomScale="130" zoomScaleNormal="130" zoomScaleSheetLayoutView="115" workbookViewId="0">
      <selection activeCell="E81" sqref="E80:E81"/>
    </sheetView>
  </sheetViews>
  <sheetFormatPr defaultRowHeight="13.5"/>
  <cols>
    <col min="1" max="1" width="7.125" style="370" bestFit="1" customWidth="1"/>
    <col min="2" max="2" width="9.25" style="370" customWidth="1"/>
    <col min="3" max="3" width="11.25" style="370" customWidth="1"/>
    <col min="4" max="4" width="13.5" style="31" customWidth="1"/>
    <col min="5" max="5" width="5.125" style="31" customWidth="1"/>
    <col min="6" max="6" width="6.75" style="91" bestFit="1" customWidth="1"/>
    <col min="7" max="7" width="8" style="86" customWidth="1"/>
    <col min="8" max="8" width="9.375" style="184" customWidth="1"/>
    <col min="9" max="9" width="8.75" style="32" bestFit="1" customWidth="1"/>
    <col min="10" max="16384" width="9" style="370"/>
  </cols>
  <sheetData>
    <row r="1" spans="1:11" s="30" customFormat="1">
      <c r="A1" s="702" t="s">
        <v>1</v>
      </c>
      <c r="B1" s="704" t="s">
        <v>2</v>
      </c>
      <c r="C1" s="704" t="s">
        <v>3</v>
      </c>
      <c r="D1" s="704" t="s">
        <v>4</v>
      </c>
      <c r="E1" s="704" t="s">
        <v>224</v>
      </c>
      <c r="F1" s="706" t="s">
        <v>225</v>
      </c>
      <c r="G1" s="707"/>
      <c r="H1" s="708"/>
      <c r="I1" s="700" t="s">
        <v>7</v>
      </c>
    </row>
    <row r="2" spans="1:11" s="30" customFormat="1">
      <c r="A2" s="703"/>
      <c r="B2" s="705"/>
      <c r="C2" s="705"/>
      <c r="D2" s="705"/>
      <c r="E2" s="705"/>
      <c r="F2" s="417" t="s">
        <v>223</v>
      </c>
      <c r="G2" s="417" t="s">
        <v>5</v>
      </c>
      <c r="H2" s="292" t="s">
        <v>6</v>
      </c>
      <c r="I2" s="701"/>
    </row>
    <row r="3" spans="1:11" s="29" customFormat="1" ht="9.4" customHeight="1">
      <c r="A3" s="378"/>
      <c r="B3" s="371"/>
      <c r="C3" s="371"/>
      <c r="D3" s="371"/>
      <c r="E3" s="379"/>
      <c r="F3" s="81"/>
      <c r="G3" s="135"/>
      <c r="H3" s="135"/>
      <c r="I3" s="156"/>
    </row>
    <row r="4" spans="1:11" s="29" customFormat="1" ht="9.4" customHeight="1">
      <c r="A4" s="97" t="s">
        <v>536</v>
      </c>
      <c r="B4" s="372"/>
      <c r="C4" s="372"/>
      <c r="D4" s="372"/>
      <c r="E4" s="374"/>
      <c r="F4" s="82"/>
      <c r="G4" s="136"/>
      <c r="H4" s="136"/>
      <c r="I4" s="157"/>
    </row>
    <row r="5" spans="1:11" s="28" customFormat="1" ht="9.4" customHeight="1">
      <c r="A5" s="299" t="s">
        <v>537</v>
      </c>
      <c r="B5" s="373"/>
      <c r="C5" s="373"/>
      <c r="D5" s="373"/>
      <c r="E5" s="377"/>
      <c r="F5" s="83"/>
      <c r="G5" s="134"/>
      <c r="H5" s="149"/>
      <c r="I5" s="105"/>
    </row>
    <row r="6" spans="1:11" s="29" customFormat="1" ht="9.4" customHeight="1">
      <c r="A6" s="378"/>
      <c r="B6" s="371"/>
      <c r="C6" s="371"/>
      <c r="D6" s="371"/>
      <c r="E6" s="379"/>
      <c r="F6" s="301"/>
      <c r="G6" s="135"/>
      <c r="H6" s="135"/>
      <c r="I6" s="156"/>
    </row>
    <row r="7" spans="1:11" s="29" customFormat="1" ht="9.4" customHeight="1">
      <c r="A7" s="168"/>
      <c r="B7" s="372"/>
      <c r="C7" s="139"/>
      <c r="D7" s="372"/>
      <c r="E7" s="374"/>
      <c r="F7" s="302"/>
      <c r="G7" s="136"/>
      <c r="H7" s="136"/>
      <c r="I7" s="157"/>
    </row>
    <row r="8" spans="1:11" s="28" customFormat="1" ht="9.4" customHeight="1">
      <c r="A8" s="169"/>
      <c r="B8" s="373" t="s">
        <v>501</v>
      </c>
      <c r="C8" s="380" t="s">
        <v>537</v>
      </c>
      <c r="D8" s="373"/>
      <c r="E8" s="377" t="s">
        <v>398</v>
      </c>
      <c r="F8" s="83">
        <v>1</v>
      </c>
      <c r="G8" s="303"/>
      <c r="H8" s="304"/>
      <c r="I8" s="158"/>
    </row>
    <row r="9" spans="1:11" s="29" customFormat="1" ht="9.4" customHeight="1">
      <c r="A9" s="378"/>
      <c r="B9" s="371"/>
      <c r="C9" s="104"/>
      <c r="D9" s="371"/>
      <c r="E9" s="379"/>
      <c r="F9" s="81"/>
      <c r="G9" s="135"/>
      <c r="H9" s="135"/>
      <c r="I9" s="156"/>
    </row>
    <row r="10" spans="1:11" s="29" customFormat="1" ht="9.4" customHeight="1">
      <c r="A10" s="168"/>
      <c r="B10" s="372"/>
      <c r="C10" s="327"/>
      <c r="D10" s="372"/>
      <c r="E10" s="374"/>
      <c r="F10" s="82"/>
      <c r="G10" s="136"/>
      <c r="H10" s="136"/>
      <c r="I10" s="157"/>
    </row>
    <row r="11" spans="1:11" s="28" customFormat="1" ht="9" customHeight="1">
      <c r="A11" s="169"/>
      <c r="B11" s="373" t="s">
        <v>538</v>
      </c>
      <c r="C11" s="141" t="s">
        <v>258</v>
      </c>
      <c r="D11" s="117" t="s">
        <v>315</v>
      </c>
      <c r="E11" s="180" t="s">
        <v>259</v>
      </c>
      <c r="F11" s="83">
        <v>1</v>
      </c>
      <c r="G11" s="134"/>
      <c r="H11" s="149"/>
      <c r="I11" s="188"/>
    </row>
    <row r="12" spans="1:11" s="75" customFormat="1" ht="9.4" customHeight="1">
      <c r="A12" s="378"/>
      <c r="B12" s="372"/>
      <c r="C12" s="137"/>
      <c r="D12" s="137"/>
      <c r="E12" s="119"/>
      <c r="F12" s="84"/>
      <c r="G12" s="131"/>
      <c r="H12" s="136"/>
      <c r="I12" s="159"/>
    </row>
    <row r="13" spans="1:11" s="75" customFormat="1" ht="9" customHeight="1">
      <c r="A13" s="168"/>
      <c r="B13" s="143"/>
      <c r="C13" s="139"/>
      <c r="D13" s="137"/>
      <c r="E13" s="119"/>
      <c r="F13" s="84"/>
      <c r="G13" s="131"/>
      <c r="H13" s="136"/>
      <c r="I13" s="157"/>
    </row>
    <row r="14" spans="1:11" s="76" customFormat="1" ht="9.4" customHeight="1">
      <c r="A14" s="147"/>
      <c r="B14" s="144"/>
      <c r="C14" s="380"/>
      <c r="D14" s="120"/>
      <c r="E14" s="140"/>
      <c r="F14" s="83"/>
      <c r="G14" s="303"/>
      <c r="H14" s="304"/>
      <c r="I14" s="158"/>
      <c r="J14" s="315"/>
      <c r="K14" s="314"/>
    </row>
    <row r="15" spans="1:11" s="29" customFormat="1" ht="9.4" customHeight="1">
      <c r="A15" s="378"/>
      <c r="B15" s="371"/>
      <c r="C15" s="371"/>
      <c r="D15" s="371"/>
      <c r="E15" s="379"/>
      <c r="F15" s="301"/>
      <c r="G15" s="135"/>
      <c r="H15" s="135"/>
      <c r="I15" s="156"/>
    </row>
    <row r="16" spans="1:11" s="29" customFormat="1" ht="9.4" customHeight="1">
      <c r="A16" s="168"/>
      <c r="B16" s="372"/>
      <c r="C16" s="139"/>
      <c r="D16" s="372"/>
      <c r="E16" s="374"/>
      <c r="F16" s="302"/>
      <c r="G16" s="136"/>
      <c r="H16" s="136"/>
      <c r="I16" s="157"/>
    </row>
    <row r="17" spans="1:9" s="28" customFormat="1" ht="9.4" customHeight="1">
      <c r="A17" s="169"/>
      <c r="B17" s="373"/>
      <c r="C17" s="380"/>
      <c r="D17" s="373"/>
      <c r="E17" s="377"/>
      <c r="F17" s="384"/>
      <c r="G17" s="303"/>
      <c r="H17" s="304"/>
      <c r="I17" s="158"/>
    </row>
    <row r="18" spans="1:9" s="29" customFormat="1" ht="9.4" customHeight="1">
      <c r="A18" s="378"/>
      <c r="B18" s="371"/>
      <c r="C18" s="371"/>
      <c r="D18" s="371"/>
      <c r="E18" s="379"/>
      <c r="F18" s="81"/>
      <c r="G18" s="135"/>
      <c r="H18" s="135"/>
      <c r="I18" s="156"/>
    </row>
    <row r="19" spans="1:9" s="29" customFormat="1" ht="9.4" customHeight="1">
      <c r="A19" s="168"/>
      <c r="B19" s="372"/>
      <c r="C19" s="139"/>
      <c r="D19" s="372"/>
      <c r="E19" s="374"/>
      <c r="F19" s="82"/>
      <c r="G19" s="136"/>
      <c r="H19" s="136"/>
      <c r="I19" s="157"/>
    </row>
    <row r="20" spans="1:9" s="28" customFormat="1" ht="9.4" customHeight="1">
      <c r="A20" s="169"/>
      <c r="B20" s="373"/>
      <c r="C20" s="380"/>
      <c r="D20" s="372"/>
      <c r="E20" s="377"/>
      <c r="F20" s="83"/>
      <c r="G20" s="303"/>
      <c r="H20" s="304"/>
      <c r="I20" s="158"/>
    </row>
    <row r="21" spans="1:9" s="29" customFormat="1" ht="9.4" customHeight="1">
      <c r="A21" s="378"/>
      <c r="B21" s="371"/>
      <c r="C21" s="371"/>
      <c r="D21" s="371"/>
      <c r="E21" s="379"/>
      <c r="F21" s="81"/>
      <c r="G21" s="135"/>
      <c r="H21" s="135"/>
      <c r="I21" s="156"/>
    </row>
    <row r="22" spans="1:9" s="29" customFormat="1" ht="9.4" customHeight="1">
      <c r="A22" s="168"/>
      <c r="B22" s="372"/>
      <c r="C22" s="139"/>
      <c r="D22" s="372"/>
      <c r="E22" s="374"/>
      <c r="F22" s="82"/>
      <c r="G22" s="136"/>
      <c r="H22" s="136"/>
      <c r="I22" s="157"/>
    </row>
    <row r="23" spans="1:9" s="28" customFormat="1" ht="9.4" customHeight="1">
      <c r="A23" s="169"/>
      <c r="B23" s="373"/>
      <c r="C23" s="380"/>
      <c r="D23" s="372"/>
      <c r="E23" s="377"/>
      <c r="F23" s="83"/>
      <c r="G23" s="303"/>
      <c r="H23" s="304"/>
      <c r="I23" s="158"/>
    </row>
    <row r="24" spans="1:9" s="29" customFormat="1" ht="9.4" customHeight="1">
      <c r="A24" s="378"/>
      <c r="B24" s="371"/>
      <c r="C24" s="104"/>
      <c r="D24" s="371"/>
      <c r="E24" s="379"/>
      <c r="F24" s="81"/>
      <c r="G24" s="135"/>
      <c r="H24" s="135"/>
      <c r="I24" s="156"/>
    </row>
    <row r="25" spans="1:9" s="29" customFormat="1" ht="9.4" customHeight="1">
      <c r="A25" s="168"/>
      <c r="B25" s="372"/>
      <c r="C25" s="372"/>
      <c r="D25" s="372"/>
      <c r="E25" s="374"/>
      <c r="F25" s="82"/>
      <c r="G25" s="136"/>
      <c r="H25" s="136"/>
      <c r="I25" s="157"/>
    </row>
    <row r="26" spans="1:9" s="28" customFormat="1" ht="9.4" customHeight="1">
      <c r="A26" s="169"/>
      <c r="B26" s="373"/>
      <c r="C26" s="380"/>
      <c r="D26" s="189"/>
      <c r="E26" s="377"/>
      <c r="F26" s="83"/>
      <c r="G26" s="303"/>
      <c r="H26" s="304"/>
      <c r="I26" s="158"/>
    </row>
    <row r="27" spans="1:9" s="29" customFormat="1" ht="9.4" customHeight="1">
      <c r="A27" s="378"/>
      <c r="B27" s="371"/>
      <c r="C27" s="104"/>
      <c r="D27" s="371"/>
      <c r="E27" s="379"/>
      <c r="F27" s="153"/>
      <c r="G27" s="135"/>
      <c r="H27" s="135"/>
      <c r="I27" s="156"/>
    </row>
    <row r="28" spans="1:9" s="29" customFormat="1" ht="9.4" customHeight="1">
      <c r="A28" s="168"/>
      <c r="B28" s="372"/>
      <c r="C28" s="372"/>
      <c r="D28" s="372"/>
      <c r="E28" s="374"/>
      <c r="F28" s="154"/>
      <c r="G28" s="136"/>
      <c r="H28" s="136"/>
      <c r="I28" s="157"/>
    </row>
    <row r="29" spans="1:9" s="28" customFormat="1" ht="9.4" customHeight="1">
      <c r="A29" s="169"/>
      <c r="B29" s="373"/>
      <c r="C29" s="373"/>
      <c r="D29" s="189"/>
      <c r="E29" s="377"/>
      <c r="F29" s="83"/>
      <c r="G29" s="134"/>
      <c r="H29" s="149"/>
      <c r="I29" s="158"/>
    </row>
    <row r="30" spans="1:9" s="29" customFormat="1" ht="9.4" customHeight="1">
      <c r="A30" s="378"/>
      <c r="B30" s="371"/>
      <c r="C30" s="371"/>
      <c r="D30" s="371"/>
      <c r="E30" s="379"/>
      <c r="F30" s="81"/>
      <c r="G30" s="135"/>
      <c r="H30" s="135"/>
      <c r="I30" s="156"/>
    </row>
    <row r="31" spans="1:9" s="29" customFormat="1" ht="9.4" customHeight="1">
      <c r="A31" s="168"/>
      <c r="B31" s="372"/>
      <c r="C31" s="139"/>
      <c r="D31" s="372"/>
      <c r="E31" s="374"/>
      <c r="F31" s="82"/>
      <c r="G31" s="136"/>
      <c r="H31" s="136"/>
      <c r="I31" s="157"/>
    </row>
    <row r="32" spans="1:9" s="28" customFormat="1" ht="9.4" customHeight="1">
      <c r="A32" s="169"/>
      <c r="B32" s="373"/>
      <c r="C32" s="170"/>
      <c r="D32" s="189"/>
      <c r="E32" s="377"/>
      <c r="F32" s="83"/>
      <c r="G32" s="134"/>
      <c r="H32" s="149"/>
      <c r="I32" s="158"/>
    </row>
    <row r="33" spans="1:9" s="29" customFormat="1" ht="9.4" customHeight="1">
      <c r="A33" s="378"/>
      <c r="B33" s="371"/>
      <c r="C33" s="371"/>
      <c r="D33" s="379"/>
      <c r="E33" s="379"/>
      <c r="F33" s="81"/>
      <c r="G33" s="135"/>
      <c r="H33" s="181"/>
      <c r="I33" s="190"/>
    </row>
    <row r="34" spans="1:9" s="29" customFormat="1" ht="9.4" customHeight="1">
      <c r="A34" s="168"/>
      <c r="B34" s="372"/>
      <c r="C34" s="372"/>
      <c r="D34" s="374"/>
      <c r="E34" s="374"/>
      <c r="F34" s="82"/>
      <c r="G34" s="136"/>
      <c r="H34" s="150"/>
      <c r="I34" s="157"/>
    </row>
    <row r="35" spans="1:9" s="28" customFormat="1" ht="9.4" customHeight="1">
      <c r="A35" s="169"/>
      <c r="B35" s="373"/>
      <c r="C35" s="372"/>
      <c r="D35" s="373"/>
      <c r="E35" s="377"/>
      <c r="F35" s="83"/>
      <c r="G35" s="134"/>
      <c r="H35" s="182"/>
      <c r="I35" s="158"/>
    </row>
    <row r="36" spans="1:9" s="29" customFormat="1" ht="9.4" customHeight="1">
      <c r="A36" s="378"/>
      <c r="B36" s="371"/>
      <c r="C36" s="371"/>
      <c r="D36" s="371"/>
      <c r="E36" s="379"/>
      <c r="F36" s="81"/>
      <c r="G36" s="135"/>
      <c r="H36" s="135"/>
      <c r="I36" s="159"/>
    </row>
    <row r="37" spans="1:9" s="29" customFormat="1" ht="9.4" customHeight="1">
      <c r="A37" s="168"/>
      <c r="B37" s="372"/>
      <c r="C37" s="139"/>
      <c r="D37" s="372"/>
      <c r="E37" s="374"/>
      <c r="F37" s="82"/>
      <c r="G37" s="136"/>
      <c r="H37" s="136"/>
      <c r="I37" s="157"/>
    </row>
    <row r="38" spans="1:9" s="28" customFormat="1" ht="9.4" customHeight="1">
      <c r="A38" s="169"/>
      <c r="B38" s="373"/>
      <c r="C38" s="170"/>
      <c r="D38" s="189"/>
      <c r="E38" s="377"/>
      <c r="F38" s="83"/>
      <c r="G38" s="134"/>
      <c r="H38" s="293"/>
      <c r="I38" s="158"/>
    </row>
    <row r="39" spans="1:9" s="29" customFormat="1" ht="9.4" customHeight="1">
      <c r="A39" s="378"/>
      <c r="B39" s="371"/>
      <c r="C39" s="371"/>
      <c r="D39" s="371"/>
      <c r="E39" s="379"/>
      <c r="F39" s="81"/>
      <c r="G39" s="135"/>
      <c r="H39" s="135"/>
      <c r="I39" s="156"/>
    </row>
    <row r="40" spans="1:9" s="29" customFormat="1" ht="9.4" customHeight="1">
      <c r="A40" s="168"/>
      <c r="B40" s="372"/>
      <c r="C40" s="139"/>
      <c r="D40" s="372"/>
      <c r="E40" s="374"/>
      <c r="F40" s="82"/>
      <c r="G40" s="136"/>
      <c r="H40" s="136"/>
      <c r="I40" s="157"/>
    </row>
    <row r="41" spans="1:9" s="28" customFormat="1" ht="9.4" customHeight="1">
      <c r="A41" s="94"/>
      <c r="B41" s="373"/>
      <c r="C41" s="102" t="s">
        <v>10</v>
      </c>
      <c r="D41" s="349"/>
      <c r="E41" s="87"/>
      <c r="F41" s="85"/>
      <c r="G41" s="151"/>
      <c r="H41" s="340"/>
      <c r="I41" s="95"/>
    </row>
    <row r="42" spans="1:9" s="27" customFormat="1" ht="26.1" customHeight="1">
      <c r="A42" s="96"/>
      <c r="B42" s="172"/>
      <c r="C42" s="172" t="s">
        <v>8</v>
      </c>
      <c r="D42" s="172"/>
      <c r="E42" s="173"/>
      <c r="F42" s="174" t="s">
        <v>11</v>
      </c>
      <c r="G42" s="174"/>
      <c r="H42" s="175"/>
      <c r="I42" s="336"/>
    </row>
    <row r="43" spans="1:9" s="30" customFormat="1">
      <c r="A43" s="702" t="s">
        <v>1</v>
      </c>
      <c r="B43" s="704" t="s">
        <v>2</v>
      </c>
      <c r="C43" s="704" t="s">
        <v>3</v>
      </c>
      <c r="D43" s="704" t="s">
        <v>4</v>
      </c>
      <c r="E43" s="704" t="s">
        <v>224</v>
      </c>
      <c r="F43" s="706" t="s">
        <v>225</v>
      </c>
      <c r="G43" s="707"/>
      <c r="H43" s="708"/>
      <c r="I43" s="700" t="s">
        <v>7</v>
      </c>
    </row>
    <row r="44" spans="1:9" s="30" customFormat="1">
      <c r="A44" s="703"/>
      <c r="B44" s="705"/>
      <c r="C44" s="705"/>
      <c r="D44" s="705"/>
      <c r="E44" s="705"/>
      <c r="F44" s="417" t="s">
        <v>223</v>
      </c>
      <c r="G44" s="417" t="s">
        <v>5</v>
      </c>
      <c r="H44" s="292" t="s">
        <v>6</v>
      </c>
      <c r="I44" s="701"/>
    </row>
    <row r="45" spans="1:9" s="29" customFormat="1" ht="9.4" customHeight="1">
      <c r="A45" s="378"/>
      <c r="B45" s="371"/>
      <c r="C45" s="371"/>
      <c r="D45" s="371"/>
      <c r="E45" s="379"/>
      <c r="F45" s="81"/>
      <c r="G45" s="135"/>
      <c r="H45" s="135"/>
      <c r="I45" s="156"/>
    </row>
    <row r="46" spans="1:9" s="29" customFormat="1" ht="9.4" customHeight="1">
      <c r="A46" s="97"/>
      <c r="B46" s="372"/>
      <c r="C46" s="372"/>
      <c r="D46" s="372"/>
      <c r="E46" s="374"/>
      <c r="F46" s="82"/>
      <c r="G46" s="136"/>
      <c r="H46" s="136"/>
      <c r="I46" s="157"/>
    </row>
    <row r="47" spans="1:9" s="28" customFormat="1" ht="9.4" customHeight="1">
      <c r="A47" s="169"/>
      <c r="B47" s="373"/>
      <c r="C47" s="373"/>
      <c r="D47" s="373"/>
      <c r="E47" s="377"/>
      <c r="F47" s="83"/>
      <c r="G47" s="134"/>
      <c r="H47" s="149"/>
      <c r="I47" s="105"/>
    </row>
    <row r="48" spans="1:9" s="29" customFormat="1" ht="9.4" customHeight="1">
      <c r="A48" s="378"/>
      <c r="B48" s="371"/>
      <c r="C48" s="104"/>
      <c r="D48" s="104"/>
      <c r="E48" s="379"/>
      <c r="F48" s="81"/>
      <c r="G48" s="135"/>
      <c r="H48" s="135"/>
      <c r="I48" s="156"/>
    </row>
    <row r="49" spans="1:9" s="29" customFormat="1" ht="9.4" customHeight="1">
      <c r="A49" s="168"/>
      <c r="B49" s="372"/>
      <c r="C49" s="139"/>
      <c r="D49" s="139"/>
      <c r="E49" s="374"/>
      <c r="F49" s="82"/>
      <c r="G49" s="136"/>
      <c r="H49" s="136"/>
      <c r="I49" s="157"/>
    </row>
    <row r="50" spans="1:9" s="28" customFormat="1" ht="9.4" customHeight="1">
      <c r="A50" s="169"/>
      <c r="B50" s="373"/>
      <c r="C50" s="170"/>
      <c r="D50" s="170"/>
      <c r="E50" s="377"/>
      <c r="F50" s="83"/>
      <c r="G50" s="134"/>
      <c r="H50" s="149"/>
      <c r="I50" s="188"/>
    </row>
    <row r="51" spans="1:9" s="29" customFormat="1" ht="9.4" customHeight="1">
      <c r="A51" s="378"/>
      <c r="B51" s="371"/>
      <c r="C51" s="300"/>
      <c r="D51" s="300"/>
      <c r="E51" s="379"/>
      <c r="F51" s="81"/>
      <c r="G51" s="135"/>
      <c r="H51" s="135"/>
      <c r="I51" s="156"/>
    </row>
    <row r="52" spans="1:9" s="29" customFormat="1" ht="9.4" customHeight="1">
      <c r="A52" s="168"/>
      <c r="B52" s="372"/>
      <c r="C52" s="193"/>
      <c r="D52" s="193"/>
      <c r="E52" s="374"/>
      <c r="F52" s="82"/>
      <c r="G52" s="136"/>
      <c r="H52" s="136"/>
      <c r="I52" s="157"/>
    </row>
    <row r="53" spans="1:9" s="28" customFormat="1" ht="9.4" customHeight="1">
      <c r="A53" s="169"/>
      <c r="B53" s="373"/>
      <c r="C53" s="376"/>
      <c r="D53" s="376"/>
      <c r="E53" s="377"/>
      <c r="F53" s="83"/>
      <c r="G53" s="134"/>
      <c r="H53" s="149"/>
      <c r="I53" s="158"/>
    </row>
    <row r="54" spans="1:9" s="29" customFormat="1" ht="9.4" customHeight="1">
      <c r="A54" s="378"/>
      <c r="B54" s="371"/>
      <c r="C54" s="300"/>
      <c r="D54" s="300"/>
      <c r="E54" s="379"/>
      <c r="F54" s="81"/>
      <c r="G54" s="135"/>
      <c r="H54" s="135"/>
      <c r="I54" s="156"/>
    </row>
    <row r="55" spans="1:9" s="29" customFormat="1" ht="9.4" customHeight="1">
      <c r="A55" s="168"/>
      <c r="B55" s="372"/>
      <c r="C55" s="193"/>
      <c r="D55" s="193"/>
      <c r="E55" s="374"/>
      <c r="F55" s="82"/>
      <c r="G55" s="136"/>
      <c r="H55" s="136"/>
      <c r="I55" s="157"/>
    </row>
    <row r="56" spans="1:9" s="28" customFormat="1" ht="9.4" customHeight="1">
      <c r="A56" s="169"/>
      <c r="B56" s="103"/>
      <c r="C56" s="376"/>
      <c r="D56" s="376"/>
      <c r="E56" s="377"/>
      <c r="F56" s="83"/>
      <c r="G56" s="134"/>
      <c r="H56" s="149"/>
      <c r="I56" s="158"/>
    </row>
    <row r="57" spans="1:9" s="29" customFormat="1" ht="9.4" customHeight="1">
      <c r="A57" s="378"/>
      <c r="B57" s="371"/>
      <c r="C57" s="300"/>
      <c r="D57" s="300"/>
      <c r="E57" s="379"/>
      <c r="F57" s="81"/>
      <c r="G57" s="135"/>
      <c r="H57" s="135"/>
      <c r="I57" s="156"/>
    </row>
    <row r="58" spans="1:9" s="29" customFormat="1" ht="9.4" customHeight="1">
      <c r="A58" s="168"/>
      <c r="B58" s="372"/>
      <c r="C58" s="193"/>
      <c r="D58" s="193"/>
      <c r="E58" s="374"/>
      <c r="F58" s="82"/>
      <c r="G58" s="136"/>
      <c r="H58" s="136"/>
      <c r="I58" s="157"/>
    </row>
    <row r="59" spans="1:9" s="28" customFormat="1" ht="9.4" customHeight="1">
      <c r="A59" s="169"/>
      <c r="B59" s="373"/>
      <c r="C59" s="376"/>
      <c r="D59" s="376"/>
      <c r="E59" s="377"/>
      <c r="F59" s="83"/>
      <c r="G59" s="134"/>
      <c r="H59" s="149"/>
      <c r="I59" s="158"/>
    </row>
    <row r="60" spans="1:9" s="29" customFormat="1" ht="9.4" customHeight="1">
      <c r="A60" s="378"/>
      <c r="B60" s="371"/>
      <c r="C60" s="300"/>
      <c r="D60" s="300"/>
      <c r="E60" s="379"/>
      <c r="F60" s="81"/>
      <c r="G60" s="135"/>
      <c r="H60" s="135"/>
      <c r="I60" s="156"/>
    </row>
    <row r="61" spans="1:9" s="29" customFormat="1" ht="9.4" customHeight="1">
      <c r="A61" s="168"/>
      <c r="B61" s="372"/>
      <c r="C61" s="139"/>
      <c r="D61" s="139"/>
      <c r="E61" s="374"/>
      <c r="F61" s="82"/>
      <c r="G61" s="136"/>
      <c r="H61" s="136"/>
      <c r="I61" s="157"/>
    </row>
    <row r="62" spans="1:9" s="28" customFormat="1" ht="9.4" customHeight="1">
      <c r="A62" s="169"/>
      <c r="B62" s="373"/>
      <c r="C62" s="170"/>
      <c r="D62" s="170"/>
      <c r="E62" s="377"/>
      <c r="F62" s="83"/>
      <c r="G62" s="134"/>
      <c r="H62" s="149"/>
      <c r="I62" s="158"/>
    </row>
    <row r="63" spans="1:9" s="29" customFormat="1" ht="9.4" customHeight="1">
      <c r="A63" s="378"/>
      <c r="B63" s="371"/>
      <c r="C63" s="300"/>
      <c r="D63" s="300"/>
      <c r="E63" s="379"/>
      <c r="F63" s="81"/>
      <c r="G63" s="135"/>
      <c r="H63" s="135"/>
      <c r="I63" s="156"/>
    </row>
    <row r="64" spans="1:9" s="29" customFormat="1" ht="9.4" customHeight="1">
      <c r="A64" s="168"/>
      <c r="B64" s="372"/>
      <c r="C64" s="193"/>
      <c r="D64" s="193"/>
      <c r="E64" s="374"/>
      <c r="F64" s="82"/>
      <c r="G64" s="136"/>
      <c r="H64" s="136"/>
      <c r="I64" s="157"/>
    </row>
    <row r="65" spans="1:9" s="28" customFormat="1" ht="9.4" customHeight="1">
      <c r="A65" s="169"/>
      <c r="B65" s="373"/>
      <c r="C65" s="376"/>
      <c r="D65" s="376"/>
      <c r="E65" s="377"/>
      <c r="F65" s="83"/>
      <c r="G65" s="134"/>
      <c r="H65" s="149"/>
      <c r="I65" s="158"/>
    </row>
    <row r="66" spans="1:9" s="29" customFormat="1" ht="9.4" customHeight="1">
      <c r="A66" s="378"/>
      <c r="B66" s="371"/>
      <c r="C66" s="300"/>
      <c r="D66" s="300"/>
      <c r="E66" s="379"/>
      <c r="F66" s="81"/>
      <c r="G66" s="135"/>
      <c r="H66" s="135"/>
      <c r="I66" s="156"/>
    </row>
    <row r="67" spans="1:9" s="29" customFormat="1" ht="9.4" customHeight="1">
      <c r="A67" s="168"/>
      <c r="B67" s="372"/>
      <c r="C67" s="193"/>
      <c r="D67" s="193"/>
      <c r="E67" s="374"/>
      <c r="F67" s="82"/>
      <c r="G67" s="136"/>
      <c r="H67" s="136"/>
      <c r="I67" s="157"/>
    </row>
    <row r="68" spans="1:9" s="28" customFormat="1" ht="9.4" customHeight="1">
      <c r="A68" s="169"/>
      <c r="B68" s="373"/>
      <c r="C68" s="376"/>
      <c r="D68" s="376"/>
      <c r="E68" s="377"/>
      <c r="F68" s="83"/>
      <c r="G68" s="134"/>
      <c r="H68" s="149"/>
      <c r="I68" s="158"/>
    </row>
    <row r="69" spans="1:9" s="29" customFormat="1" ht="9.4" customHeight="1">
      <c r="A69" s="378"/>
      <c r="B69" s="371"/>
      <c r="C69" s="300"/>
      <c r="D69" s="300"/>
      <c r="E69" s="379"/>
      <c r="F69" s="81"/>
      <c r="G69" s="135"/>
      <c r="H69" s="135"/>
      <c r="I69" s="156"/>
    </row>
    <row r="70" spans="1:9" s="29" customFormat="1" ht="9.4" customHeight="1">
      <c r="A70" s="168"/>
      <c r="B70" s="372"/>
      <c r="C70" s="193"/>
      <c r="D70" s="193"/>
      <c r="E70" s="374"/>
      <c r="F70" s="82"/>
      <c r="G70" s="136"/>
      <c r="H70" s="136"/>
      <c r="I70" s="157"/>
    </row>
    <row r="71" spans="1:9" s="28" customFormat="1" ht="9.4" customHeight="1">
      <c r="A71" s="169"/>
      <c r="B71" s="373"/>
      <c r="C71" s="376"/>
      <c r="D71" s="376"/>
      <c r="E71" s="377"/>
      <c r="F71" s="83"/>
      <c r="G71" s="134"/>
      <c r="H71" s="149"/>
      <c r="I71" s="158"/>
    </row>
    <row r="72" spans="1:9" s="29" customFormat="1" ht="9.4" customHeight="1">
      <c r="A72" s="378"/>
      <c r="B72" s="371"/>
      <c r="C72" s="371"/>
      <c r="D72" s="379"/>
      <c r="E72" s="379"/>
      <c r="F72" s="81"/>
      <c r="G72" s="135"/>
      <c r="H72" s="181"/>
      <c r="I72" s="156"/>
    </row>
    <row r="73" spans="1:9" s="29" customFormat="1" ht="9.4" customHeight="1">
      <c r="A73" s="168"/>
      <c r="B73" s="372"/>
      <c r="C73" s="372"/>
      <c r="D73" s="374"/>
      <c r="E73" s="374"/>
      <c r="F73" s="82"/>
      <c r="G73" s="136"/>
      <c r="H73" s="150"/>
      <c r="I73" s="157"/>
    </row>
    <row r="74" spans="1:9" s="28" customFormat="1" ht="9.4" customHeight="1">
      <c r="A74" s="169"/>
      <c r="B74" s="373"/>
      <c r="C74" s="372"/>
      <c r="D74" s="373"/>
      <c r="E74" s="377"/>
      <c r="F74" s="83"/>
      <c r="G74" s="134"/>
      <c r="H74" s="182"/>
      <c r="I74" s="158"/>
    </row>
    <row r="75" spans="1:9" s="29" customFormat="1" ht="9.4" customHeight="1">
      <c r="A75" s="378"/>
      <c r="B75" s="371"/>
      <c r="C75" s="371"/>
      <c r="D75" s="379"/>
      <c r="E75" s="379"/>
      <c r="F75" s="81"/>
      <c r="G75" s="135"/>
      <c r="H75" s="181"/>
      <c r="I75" s="190"/>
    </row>
    <row r="76" spans="1:9" s="29" customFormat="1" ht="9.4" customHeight="1">
      <c r="A76" s="168"/>
      <c r="B76" s="372"/>
      <c r="C76" s="372"/>
      <c r="D76" s="374"/>
      <c r="E76" s="374"/>
      <c r="F76" s="82"/>
      <c r="G76" s="136"/>
      <c r="H76" s="150"/>
      <c r="I76" s="157"/>
    </row>
    <row r="77" spans="1:9" s="28" customFormat="1" ht="9.4" customHeight="1">
      <c r="A77" s="169"/>
      <c r="B77" s="373"/>
      <c r="C77" s="372"/>
      <c r="D77" s="373"/>
      <c r="E77" s="377"/>
      <c r="F77" s="83"/>
      <c r="G77" s="134"/>
      <c r="H77" s="182"/>
      <c r="I77" s="158"/>
    </row>
    <row r="78" spans="1:9" s="29" customFormat="1" ht="9.4" customHeight="1">
      <c r="A78" s="378"/>
      <c r="B78" s="371"/>
      <c r="C78" s="371"/>
      <c r="D78" s="371"/>
      <c r="E78" s="379"/>
      <c r="F78" s="81"/>
      <c r="G78" s="135"/>
      <c r="H78" s="135"/>
      <c r="I78" s="156"/>
    </row>
    <row r="79" spans="1:9" s="29" customFormat="1" ht="9.4" customHeight="1">
      <c r="A79" s="168"/>
      <c r="B79" s="372"/>
      <c r="C79" s="139"/>
      <c r="D79" s="372"/>
      <c r="E79" s="374"/>
      <c r="F79" s="82"/>
      <c r="G79" s="136"/>
      <c r="H79" s="136"/>
      <c r="I79" s="157"/>
    </row>
    <row r="80" spans="1:9" s="28" customFormat="1" ht="9.4" customHeight="1">
      <c r="A80" s="169"/>
      <c r="B80" s="373"/>
      <c r="C80" s="170"/>
      <c r="D80" s="189"/>
      <c r="E80" s="377"/>
      <c r="F80" s="83"/>
      <c r="G80" s="134"/>
      <c r="H80" s="149"/>
      <c r="I80" s="105"/>
    </row>
    <row r="81" spans="1:9" s="29" customFormat="1" ht="9.4" customHeight="1">
      <c r="A81" s="378"/>
      <c r="B81" s="371"/>
      <c r="C81" s="371"/>
      <c r="D81" s="371"/>
      <c r="E81" s="379"/>
      <c r="F81" s="81"/>
      <c r="G81" s="135"/>
      <c r="H81" s="135"/>
      <c r="I81" s="156"/>
    </row>
    <row r="82" spans="1:9" s="29" customFormat="1" ht="9.4" customHeight="1">
      <c r="A82" s="168"/>
      <c r="B82" s="372"/>
      <c r="C82" s="139"/>
      <c r="D82" s="372"/>
      <c r="E82" s="374"/>
      <c r="F82" s="82"/>
      <c r="G82" s="136"/>
      <c r="H82" s="136"/>
      <c r="I82" s="157"/>
    </row>
    <row r="83" spans="1:9" s="28" customFormat="1" ht="9.4" customHeight="1">
      <c r="A83" s="94"/>
      <c r="B83" s="161"/>
      <c r="C83" s="102"/>
      <c r="D83" s="349"/>
      <c r="E83" s="87"/>
      <c r="F83" s="85"/>
      <c r="G83" s="151"/>
      <c r="H83" s="183"/>
      <c r="I83" s="95"/>
    </row>
  </sheetData>
  <mergeCells count="14">
    <mergeCell ref="F1:H1"/>
    <mergeCell ref="I1:I2"/>
    <mergeCell ref="A43:A44"/>
    <mergeCell ref="B43:B44"/>
    <mergeCell ref="C43:C44"/>
    <mergeCell ref="D43:D44"/>
    <mergeCell ref="E43:E44"/>
    <mergeCell ref="F43:H43"/>
    <mergeCell ref="I43:I44"/>
    <mergeCell ref="A1:A2"/>
    <mergeCell ref="B1:B2"/>
    <mergeCell ref="C1:C2"/>
    <mergeCell ref="D1:D2"/>
    <mergeCell ref="E1:E2"/>
  </mergeCells>
  <phoneticPr fontId="68"/>
  <printOptions horizontalCentered="1" verticalCentered="1"/>
  <pageMargins left="0.9055118110236221" right="0.51181102362204722" top="0.74803149606299213" bottom="0.55118110236220474" header="0.31496062992125984" footer="0.31496062992125984"/>
  <pageSetup paperSize="9" fitToHeight="0" orientation="portrait" horizontalDpi="4294967294" r:id="rId1"/>
  <colBreaks count="1" manualBreakCount="1">
    <brk id="1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83"/>
  <sheetViews>
    <sheetView showGridLines="0" zoomScale="130" zoomScaleNormal="130" zoomScaleSheetLayoutView="115" workbookViewId="0">
      <selection sqref="A1:A2"/>
    </sheetView>
  </sheetViews>
  <sheetFormatPr defaultRowHeight="13.5"/>
  <cols>
    <col min="1" max="1" width="7.125" style="370" bestFit="1" customWidth="1"/>
    <col min="2" max="2" width="9.25" style="370" customWidth="1"/>
    <col min="3" max="3" width="11.25" style="370" customWidth="1"/>
    <col min="4" max="4" width="13.5" style="31" customWidth="1"/>
    <col min="5" max="5" width="5.125" style="31" customWidth="1"/>
    <col min="6" max="6" width="6.75" style="91" bestFit="1" customWidth="1"/>
    <col min="7" max="7" width="8" style="86" customWidth="1"/>
    <col min="8" max="8" width="9.375" style="184" customWidth="1"/>
    <col min="9" max="9" width="8.75" style="32" bestFit="1" customWidth="1"/>
    <col min="10" max="16384" width="9" style="370"/>
  </cols>
  <sheetData>
    <row r="1" spans="1:11" s="30" customFormat="1">
      <c r="A1" s="702" t="s">
        <v>1</v>
      </c>
      <c r="B1" s="704" t="s">
        <v>2</v>
      </c>
      <c r="C1" s="704" t="s">
        <v>3</v>
      </c>
      <c r="D1" s="704" t="s">
        <v>4</v>
      </c>
      <c r="E1" s="704" t="s">
        <v>224</v>
      </c>
      <c r="F1" s="706" t="s">
        <v>225</v>
      </c>
      <c r="G1" s="707"/>
      <c r="H1" s="708"/>
      <c r="I1" s="700" t="s">
        <v>7</v>
      </c>
    </row>
    <row r="2" spans="1:11" s="30" customFormat="1">
      <c r="A2" s="703"/>
      <c r="B2" s="705"/>
      <c r="C2" s="705"/>
      <c r="D2" s="705"/>
      <c r="E2" s="705"/>
      <c r="F2" s="417" t="s">
        <v>223</v>
      </c>
      <c r="G2" s="417" t="s">
        <v>5</v>
      </c>
      <c r="H2" s="292" t="s">
        <v>6</v>
      </c>
      <c r="I2" s="701"/>
    </row>
    <row r="3" spans="1:11" s="29" customFormat="1" ht="9.4" customHeight="1">
      <c r="A3" s="378"/>
      <c r="B3" s="371"/>
      <c r="C3" s="371"/>
      <c r="D3" s="371"/>
      <c r="E3" s="379"/>
      <c r="F3" s="81"/>
      <c r="G3" s="135"/>
      <c r="H3" s="135"/>
      <c r="I3" s="156"/>
    </row>
    <row r="4" spans="1:11" s="29" customFormat="1" ht="9.4" customHeight="1">
      <c r="A4" s="97" t="s">
        <v>541</v>
      </c>
      <c r="B4" s="372"/>
      <c r="C4" s="372"/>
      <c r="D4" s="372"/>
      <c r="E4" s="374"/>
      <c r="F4" s="82"/>
      <c r="G4" s="136"/>
      <c r="H4" s="136"/>
      <c r="I4" s="157"/>
    </row>
    <row r="5" spans="1:11" s="28" customFormat="1" ht="9.4" customHeight="1">
      <c r="A5" s="299" t="s">
        <v>550</v>
      </c>
      <c r="B5" s="373"/>
      <c r="C5" s="373"/>
      <c r="D5" s="373"/>
      <c r="E5" s="377"/>
      <c r="F5" s="83"/>
      <c r="G5" s="134"/>
      <c r="H5" s="149"/>
      <c r="I5" s="105"/>
    </row>
    <row r="6" spans="1:11" s="29" customFormat="1" ht="9.4" customHeight="1">
      <c r="A6" s="378"/>
      <c r="B6" s="371"/>
      <c r="C6" s="371"/>
      <c r="D6" s="371"/>
      <c r="E6" s="379"/>
      <c r="F6" s="301"/>
      <c r="G6" s="135"/>
      <c r="H6" s="135"/>
      <c r="I6" s="156"/>
    </row>
    <row r="7" spans="1:11" s="29" customFormat="1" ht="9.4" customHeight="1">
      <c r="A7" s="168"/>
      <c r="B7" s="372"/>
      <c r="C7" s="139"/>
      <c r="D7" s="372"/>
      <c r="E7" s="374"/>
      <c r="F7" s="302"/>
      <c r="G7" s="136"/>
      <c r="H7" s="136"/>
      <c r="I7" s="157"/>
    </row>
    <row r="8" spans="1:11" s="28" customFormat="1" ht="9.4" customHeight="1">
      <c r="A8" s="169"/>
      <c r="B8" s="373"/>
      <c r="C8" s="380" t="s">
        <v>548</v>
      </c>
      <c r="D8" s="373" t="s">
        <v>549</v>
      </c>
      <c r="E8" s="377" t="s">
        <v>364</v>
      </c>
      <c r="F8" s="83">
        <v>4</v>
      </c>
      <c r="G8" s="303"/>
      <c r="H8" s="304"/>
      <c r="I8" s="158"/>
    </row>
    <row r="9" spans="1:11" s="29" customFormat="1" ht="9.4" customHeight="1">
      <c r="A9" s="378"/>
      <c r="B9" s="371"/>
      <c r="C9" s="104"/>
      <c r="D9" s="371"/>
      <c r="E9" s="379"/>
      <c r="F9" s="81"/>
      <c r="G9" s="135"/>
      <c r="H9" s="135"/>
      <c r="I9" s="156"/>
    </row>
    <row r="10" spans="1:11" s="29" customFormat="1" ht="9.4" customHeight="1">
      <c r="A10" s="168"/>
      <c r="B10" s="372"/>
      <c r="C10" s="327"/>
      <c r="D10" s="372"/>
      <c r="E10" s="374"/>
      <c r="F10" s="82"/>
      <c r="G10" s="136"/>
      <c r="H10" s="136"/>
      <c r="I10" s="157"/>
    </row>
    <row r="11" spans="1:11" s="28" customFormat="1" ht="9" customHeight="1">
      <c r="A11" s="169"/>
      <c r="B11" s="373"/>
      <c r="C11" s="141"/>
      <c r="D11" s="373"/>
      <c r="E11" s="377"/>
      <c r="F11" s="83"/>
      <c r="G11" s="134"/>
      <c r="H11" s="149"/>
      <c r="I11" s="188"/>
    </row>
    <row r="12" spans="1:11" s="75" customFormat="1" ht="9.4" customHeight="1">
      <c r="A12" s="378"/>
      <c r="B12" s="372"/>
      <c r="C12" s="137"/>
      <c r="D12" s="137"/>
      <c r="E12" s="119"/>
      <c r="F12" s="84"/>
      <c r="G12" s="131"/>
      <c r="H12" s="136"/>
      <c r="I12" s="159"/>
    </row>
    <row r="13" spans="1:11" s="75" customFormat="1" ht="9" customHeight="1">
      <c r="A13" s="168"/>
      <c r="B13" s="143"/>
      <c r="C13" s="139"/>
      <c r="D13" s="137"/>
      <c r="E13" s="119"/>
      <c r="F13" s="84"/>
      <c r="G13" s="131"/>
      <c r="H13" s="136"/>
      <c r="I13" s="157"/>
    </row>
    <row r="14" spans="1:11" s="76" customFormat="1" ht="9.4" customHeight="1">
      <c r="A14" s="147"/>
      <c r="B14" s="144"/>
      <c r="C14" s="380"/>
      <c r="D14" s="120"/>
      <c r="E14" s="140"/>
      <c r="F14" s="83"/>
      <c r="G14" s="303"/>
      <c r="H14" s="304"/>
      <c r="I14" s="158"/>
      <c r="J14" s="315"/>
      <c r="K14" s="314"/>
    </row>
    <row r="15" spans="1:11" s="29" customFormat="1" ht="9.4" customHeight="1">
      <c r="A15" s="378"/>
      <c r="B15" s="371"/>
      <c r="C15" s="371"/>
      <c r="D15" s="371"/>
      <c r="E15" s="379"/>
      <c r="F15" s="301"/>
      <c r="G15" s="135"/>
      <c r="H15" s="135"/>
      <c r="I15" s="156"/>
    </row>
    <row r="16" spans="1:11" s="29" customFormat="1" ht="9.4" customHeight="1">
      <c r="A16" s="168"/>
      <c r="B16" s="372"/>
      <c r="C16" s="139"/>
      <c r="D16" s="372"/>
      <c r="E16" s="374"/>
      <c r="F16" s="302"/>
      <c r="G16" s="136"/>
      <c r="H16" s="136"/>
      <c r="I16" s="157"/>
    </row>
    <row r="17" spans="1:9" s="28" customFormat="1" ht="9.4" customHeight="1">
      <c r="A17" s="169"/>
      <c r="B17" s="373"/>
      <c r="C17" s="380"/>
      <c r="D17" s="373"/>
      <c r="E17" s="377"/>
      <c r="F17" s="384"/>
      <c r="G17" s="303"/>
      <c r="H17" s="304"/>
      <c r="I17" s="158"/>
    </row>
    <row r="18" spans="1:9" s="29" customFormat="1" ht="9.4" customHeight="1">
      <c r="A18" s="378"/>
      <c r="B18" s="371"/>
      <c r="C18" s="371"/>
      <c r="D18" s="371"/>
      <c r="E18" s="379"/>
      <c r="F18" s="81"/>
      <c r="G18" s="135"/>
      <c r="H18" s="135"/>
      <c r="I18" s="156"/>
    </row>
    <row r="19" spans="1:9" s="29" customFormat="1" ht="9.4" customHeight="1">
      <c r="A19" s="168"/>
      <c r="B19" s="372"/>
      <c r="C19" s="139"/>
      <c r="D19" s="372"/>
      <c r="E19" s="374"/>
      <c r="F19" s="82"/>
      <c r="G19" s="136"/>
      <c r="H19" s="136"/>
      <c r="I19" s="157"/>
    </row>
    <row r="20" spans="1:9" s="28" customFormat="1" ht="9.4" customHeight="1">
      <c r="A20" s="169"/>
      <c r="B20" s="373"/>
      <c r="C20" s="380"/>
      <c r="D20" s="372"/>
      <c r="E20" s="377"/>
      <c r="F20" s="83"/>
      <c r="G20" s="303"/>
      <c r="H20" s="304"/>
      <c r="I20" s="158"/>
    </row>
    <row r="21" spans="1:9" s="29" customFormat="1" ht="9.4" customHeight="1">
      <c r="A21" s="378"/>
      <c r="B21" s="371"/>
      <c r="C21" s="371"/>
      <c r="D21" s="371"/>
      <c r="E21" s="379"/>
      <c r="F21" s="81"/>
      <c r="G21" s="135"/>
      <c r="H21" s="135"/>
      <c r="I21" s="156"/>
    </row>
    <row r="22" spans="1:9" s="29" customFormat="1" ht="9.4" customHeight="1">
      <c r="A22" s="168"/>
      <c r="B22" s="372"/>
      <c r="C22" s="139"/>
      <c r="D22" s="372"/>
      <c r="E22" s="374"/>
      <c r="F22" s="82"/>
      <c r="G22" s="136"/>
      <c r="H22" s="136"/>
      <c r="I22" s="157"/>
    </row>
    <row r="23" spans="1:9" s="28" customFormat="1" ht="9.4" customHeight="1">
      <c r="A23" s="169"/>
      <c r="B23" s="373"/>
      <c r="C23" s="380"/>
      <c r="D23" s="372"/>
      <c r="E23" s="377"/>
      <c r="F23" s="83"/>
      <c r="G23" s="303"/>
      <c r="H23" s="304"/>
      <c r="I23" s="158"/>
    </row>
    <row r="24" spans="1:9" s="29" customFormat="1" ht="9.4" customHeight="1">
      <c r="A24" s="378"/>
      <c r="B24" s="371"/>
      <c r="C24" s="104"/>
      <c r="D24" s="371"/>
      <c r="E24" s="379"/>
      <c r="F24" s="81"/>
      <c r="G24" s="135"/>
      <c r="H24" s="135"/>
      <c r="I24" s="156"/>
    </row>
    <row r="25" spans="1:9" s="29" customFormat="1" ht="9.4" customHeight="1">
      <c r="A25" s="168"/>
      <c r="B25" s="372"/>
      <c r="C25" s="372"/>
      <c r="D25" s="372"/>
      <c r="E25" s="374"/>
      <c r="F25" s="82"/>
      <c r="G25" s="136"/>
      <c r="H25" s="136"/>
      <c r="I25" s="157"/>
    </row>
    <row r="26" spans="1:9" s="28" customFormat="1" ht="9.4" customHeight="1">
      <c r="A26" s="169"/>
      <c r="B26" s="373"/>
      <c r="C26" s="380"/>
      <c r="D26" s="189"/>
      <c r="E26" s="377"/>
      <c r="F26" s="83"/>
      <c r="G26" s="303"/>
      <c r="H26" s="304"/>
      <c r="I26" s="158"/>
    </row>
    <row r="27" spans="1:9" s="29" customFormat="1" ht="9.4" customHeight="1">
      <c r="A27" s="378"/>
      <c r="B27" s="371"/>
      <c r="C27" s="104"/>
      <c r="D27" s="371"/>
      <c r="E27" s="379"/>
      <c r="F27" s="153"/>
      <c r="G27" s="135"/>
      <c r="H27" s="135"/>
      <c r="I27" s="156"/>
    </row>
    <row r="28" spans="1:9" s="29" customFormat="1" ht="9.4" customHeight="1">
      <c r="A28" s="168"/>
      <c r="B28" s="372"/>
      <c r="C28" s="372"/>
      <c r="D28" s="372"/>
      <c r="E28" s="374"/>
      <c r="F28" s="154"/>
      <c r="G28" s="136"/>
      <c r="H28" s="136"/>
      <c r="I28" s="157"/>
    </row>
    <row r="29" spans="1:9" s="28" customFormat="1" ht="9.4" customHeight="1">
      <c r="A29" s="169"/>
      <c r="B29" s="373"/>
      <c r="C29" s="373"/>
      <c r="D29" s="189"/>
      <c r="E29" s="377"/>
      <c r="F29" s="83"/>
      <c r="G29" s="134"/>
      <c r="H29" s="149"/>
      <c r="I29" s="158"/>
    </row>
    <row r="30" spans="1:9" s="29" customFormat="1" ht="9.4" customHeight="1">
      <c r="A30" s="378"/>
      <c r="B30" s="371"/>
      <c r="C30" s="371"/>
      <c r="D30" s="371"/>
      <c r="E30" s="379"/>
      <c r="F30" s="81"/>
      <c r="G30" s="135"/>
      <c r="H30" s="135"/>
      <c r="I30" s="156"/>
    </row>
    <row r="31" spans="1:9" s="29" customFormat="1" ht="9.4" customHeight="1">
      <c r="A31" s="168"/>
      <c r="B31" s="372"/>
      <c r="C31" s="139"/>
      <c r="D31" s="372"/>
      <c r="E31" s="374"/>
      <c r="F31" s="82"/>
      <c r="G31" s="136"/>
      <c r="H31" s="136"/>
      <c r="I31" s="157"/>
    </row>
    <row r="32" spans="1:9" s="28" customFormat="1" ht="9.4" customHeight="1">
      <c r="A32" s="169"/>
      <c r="B32" s="373"/>
      <c r="C32" s="170"/>
      <c r="D32" s="189"/>
      <c r="E32" s="377"/>
      <c r="F32" s="83"/>
      <c r="G32" s="134"/>
      <c r="H32" s="149"/>
      <c r="I32" s="158"/>
    </row>
    <row r="33" spans="1:9" s="29" customFormat="1" ht="9.4" customHeight="1">
      <c r="A33" s="378"/>
      <c r="B33" s="371"/>
      <c r="C33" s="371"/>
      <c r="D33" s="379"/>
      <c r="E33" s="379"/>
      <c r="F33" s="81"/>
      <c r="G33" s="135"/>
      <c r="H33" s="181"/>
      <c r="I33" s="190"/>
    </row>
    <row r="34" spans="1:9" s="29" customFormat="1" ht="9.4" customHeight="1">
      <c r="A34" s="168"/>
      <c r="B34" s="372"/>
      <c r="C34" s="372"/>
      <c r="D34" s="374"/>
      <c r="E34" s="374"/>
      <c r="F34" s="82"/>
      <c r="G34" s="136"/>
      <c r="H34" s="150"/>
      <c r="I34" s="157"/>
    </row>
    <row r="35" spans="1:9" s="28" customFormat="1" ht="9.4" customHeight="1">
      <c r="A35" s="169"/>
      <c r="B35" s="373"/>
      <c r="C35" s="372"/>
      <c r="D35" s="373"/>
      <c r="E35" s="377"/>
      <c r="F35" s="83"/>
      <c r="G35" s="134"/>
      <c r="H35" s="182"/>
      <c r="I35" s="158"/>
    </row>
    <row r="36" spans="1:9" s="29" customFormat="1" ht="9.4" customHeight="1">
      <c r="A36" s="378"/>
      <c r="B36" s="371"/>
      <c r="C36" s="371"/>
      <c r="D36" s="371"/>
      <c r="E36" s="379"/>
      <c r="F36" s="81"/>
      <c r="G36" s="135"/>
      <c r="H36" s="135"/>
      <c r="I36" s="159"/>
    </row>
    <row r="37" spans="1:9" s="29" customFormat="1" ht="9.4" customHeight="1">
      <c r="A37" s="168"/>
      <c r="B37" s="372"/>
      <c r="C37" s="139"/>
      <c r="D37" s="372"/>
      <c r="E37" s="374"/>
      <c r="F37" s="82"/>
      <c r="G37" s="136"/>
      <c r="H37" s="136"/>
      <c r="I37" s="157"/>
    </row>
    <row r="38" spans="1:9" s="28" customFormat="1" ht="9.4" customHeight="1">
      <c r="A38" s="169"/>
      <c r="B38" s="373"/>
      <c r="C38" s="170"/>
      <c r="D38" s="189"/>
      <c r="E38" s="377"/>
      <c r="F38" s="83"/>
      <c r="G38" s="134"/>
      <c r="H38" s="293"/>
      <c r="I38" s="158"/>
    </row>
    <row r="39" spans="1:9" s="29" customFormat="1" ht="9.4" customHeight="1">
      <c r="A39" s="378"/>
      <c r="B39" s="371"/>
      <c r="C39" s="371"/>
      <c r="D39" s="371"/>
      <c r="E39" s="379"/>
      <c r="F39" s="81"/>
      <c r="G39" s="135"/>
      <c r="H39" s="135"/>
      <c r="I39" s="156"/>
    </row>
    <row r="40" spans="1:9" s="29" customFormat="1" ht="9.4" customHeight="1">
      <c r="A40" s="168"/>
      <c r="B40" s="372"/>
      <c r="C40" s="139"/>
      <c r="D40" s="372"/>
      <c r="E40" s="374"/>
      <c r="F40" s="82"/>
      <c r="G40" s="136"/>
      <c r="H40" s="136"/>
      <c r="I40" s="157"/>
    </row>
    <row r="41" spans="1:9" s="28" customFormat="1" ht="9.4" customHeight="1">
      <c r="A41" s="94"/>
      <c r="B41" s="373"/>
      <c r="C41" s="102" t="s">
        <v>10</v>
      </c>
      <c r="D41" s="349"/>
      <c r="E41" s="87"/>
      <c r="F41" s="85"/>
      <c r="G41" s="151"/>
      <c r="H41" s="340"/>
      <c r="I41" s="95"/>
    </row>
    <row r="42" spans="1:9" s="27" customFormat="1" ht="26.1" customHeight="1">
      <c r="A42" s="96"/>
      <c r="B42" s="172"/>
      <c r="C42" s="172" t="s">
        <v>8</v>
      </c>
      <c r="D42" s="172"/>
      <c r="E42" s="173"/>
      <c r="F42" s="174" t="s">
        <v>11</v>
      </c>
      <c r="G42" s="174"/>
      <c r="H42" s="175"/>
      <c r="I42" s="336"/>
    </row>
    <row r="43" spans="1:9" s="30" customFormat="1">
      <c r="A43" s="702" t="s">
        <v>1</v>
      </c>
      <c r="B43" s="704" t="s">
        <v>2</v>
      </c>
      <c r="C43" s="704" t="s">
        <v>3</v>
      </c>
      <c r="D43" s="704" t="s">
        <v>4</v>
      </c>
      <c r="E43" s="704" t="s">
        <v>224</v>
      </c>
      <c r="F43" s="706" t="s">
        <v>225</v>
      </c>
      <c r="G43" s="707"/>
      <c r="H43" s="708"/>
      <c r="I43" s="700" t="s">
        <v>7</v>
      </c>
    </row>
    <row r="44" spans="1:9" s="30" customFormat="1">
      <c r="A44" s="703"/>
      <c r="B44" s="705"/>
      <c r="C44" s="705"/>
      <c r="D44" s="705"/>
      <c r="E44" s="705"/>
      <c r="F44" s="417" t="s">
        <v>223</v>
      </c>
      <c r="G44" s="417" t="s">
        <v>5</v>
      </c>
      <c r="H44" s="292" t="s">
        <v>6</v>
      </c>
      <c r="I44" s="701"/>
    </row>
    <row r="45" spans="1:9" s="29" customFormat="1" ht="9.4" customHeight="1">
      <c r="A45" s="378"/>
      <c r="B45" s="371"/>
      <c r="C45" s="371"/>
      <c r="D45" s="371"/>
      <c r="E45" s="379"/>
      <c r="F45" s="81"/>
      <c r="G45" s="135"/>
      <c r="H45" s="135"/>
      <c r="I45" s="156"/>
    </row>
    <row r="46" spans="1:9" s="29" customFormat="1" ht="9.4" customHeight="1">
      <c r="A46" s="97"/>
      <c r="B46" s="372"/>
      <c r="C46" s="372"/>
      <c r="D46" s="372"/>
      <c r="E46" s="374"/>
      <c r="F46" s="82"/>
      <c r="G46" s="136"/>
      <c r="H46" s="136"/>
      <c r="I46" s="157"/>
    </row>
    <row r="47" spans="1:9" s="28" customFormat="1" ht="9.4" customHeight="1">
      <c r="A47" s="169"/>
      <c r="B47" s="373"/>
      <c r="C47" s="373"/>
      <c r="D47" s="373"/>
      <c r="E47" s="377"/>
      <c r="F47" s="83"/>
      <c r="G47" s="134"/>
      <c r="H47" s="149"/>
      <c r="I47" s="105"/>
    </row>
    <row r="48" spans="1:9" s="29" customFormat="1" ht="9.4" customHeight="1">
      <c r="A48" s="378"/>
      <c r="B48" s="371"/>
      <c r="C48" s="104"/>
      <c r="D48" s="104"/>
      <c r="E48" s="379"/>
      <c r="F48" s="81"/>
      <c r="G48" s="135"/>
      <c r="H48" s="135"/>
      <c r="I48" s="156"/>
    </row>
    <row r="49" spans="1:9" s="29" customFormat="1" ht="9.4" customHeight="1">
      <c r="A49" s="168"/>
      <c r="B49" s="372"/>
      <c r="C49" s="139"/>
      <c r="D49" s="139"/>
      <c r="E49" s="374"/>
      <c r="F49" s="82"/>
      <c r="G49" s="136"/>
      <c r="H49" s="136"/>
      <c r="I49" s="157"/>
    </row>
    <row r="50" spans="1:9" s="28" customFormat="1" ht="9.4" customHeight="1">
      <c r="A50" s="169"/>
      <c r="B50" s="373"/>
      <c r="C50" s="170"/>
      <c r="D50" s="170"/>
      <c r="E50" s="377"/>
      <c r="F50" s="83"/>
      <c r="G50" s="134"/>
      <c r="H50" s="149"/>
      <c r="I50" s="188"/>
    </row>
    <row r="51" spans="1:9" s="29" customFormat="1" ht="9.4" customHeight="1">
      <c r="A51" s="378"/>
      <c r="B51" s="371"/>
      <c r="C51" s="300"/>
      <c r="D51" s="300"/>
      <c r="E51" s="379"/>
      <c r="F51" s="81"/>
      <c r="G51" s="135"/>
      <c r="H51" s="135"/>
      <c r="I51" s="156"/>
    </row>
    <row r="52" spans="1:9" s="29" customFormat="1" ht="9.4" customHeight="1">
      <c r="A52" s="168"/>
      <c r="B52" s="372"/>
      <c r="C52" s="193"/>
      <c r="D52" s="193"/>
      <c r="E52" s="374"/>
      <c r="F52" s="82"/>
      <c r="G52" s="136"/>
      <c r="H52" s="136"/>
      <c r="I52" s="157"/>
    </row>
    <row r="53" spans="1:9" s="28" customFormat="1" ht="9.4" customHeight="1">
      <c r="A53" s="169"/>
      <c r="B53" s="373"/>
      <c r="C53" s="376"/>
      <c r="D53" s="376"/>
      <c r="E53" s="377"/>
      <c r="F53" s="83"/>
      <c r="G53" s="134"/>
      <c r="H53" s="149"/>
      <c r="I53" s="158"/>
    </row>
    <row r="54" spans="1:9" s="29" customFormat="1" ht="9.4" customHeight="1">
      <c r="A54" s="378"/>
      <c r="B54" s="371"/>
      <c r="C54" s="300"/>
      <c r="D54" s="300"/>
      <c r="E54" s="379"/>
      <c r="F54" s="81"/>
      <c r="G54" s="135"/>
      <c r="H54" s="135"/>
      <c r="I54" s="156"/>
    </row>
    <row r="55" spans="1:9" s="29" customFormat="1" ht="9.4" customHeight="1">
      <c r="A55" s="168"/>
      <c r="B55" s="372"/>
      <c r="C55" s="193"/>
      <c r="D55" s="193"/>
      <c r="E55" s="374"/>
      <c r="F55" s="82"/>
      <c r="G55" s="136"/>
      <c r="H55" s="136"/>
      <c r="I55" s="157"/>
    </row>
    <row r="56" spans="1:9" s="28" customFormat="1" ht="9.4" customHeight="1">
      <c r="A56" s="169"/>
      <c r="B56" s="103"/>
      <c r="C56" s="376"/>
      <c r="D56" s="376"/>
      <c r="E56" s="377"/>
      <c r="F56" s="83"/>
      <c r="G56" s="134"/>
      <c r="H56" s="149"/>
      <c r="I56" s="158"/>
    </row>
    <row r="57" spans="1:9" s="29" customFormat="1" ht="9.4" customHeight="1">
      <c r="A57" s="378"/>
      <c r="B57" s="371"/>
      <c r="C57" s="300"/>
      <c r="D57" s="300"/>
      <c r="E57" s="379"/>
      <c r="F57" s="81"/>
      <c r="G57" s="135"/>
      <c r="H57" s="135"/>
      <c r="I57" s="156"/>
    </row>
    <row r="58" spans="1:9" s="29" customFormat="1" ht="9.4" customHeight="1">
      <c r="A58" s="168"/>
      <c r="B58" s="372"/>
      <c r="C58" s="193"/>
      <c r="D58" s="193"/>
      <c r="E58" s="374"/>
      <c r="F58" s="82"/>
      <c r="G58" s="136"/>
      <c r="H58" s="136"/>
      <c r="I58" s="157"/>
    </row>
    <row r="59" spans="1:9" s="28" customFormat="1" ht="9.4" customHeight="1">
      <c r="A59" s="169"/>
      <c r="B59" s="373"/>
      <c r="C59" s="376"/>
      <c r="D59" s="376"/>
      <c r="E59" s="377"/>
      <c r="F59" s="83"/>
      <c r="G59" s="134"/>
      <c r="H59" s="149"/>
      <c r="I59" s="158"/>
    </row>
    <row r="60" spans="1:9" s="29" customFormat="1" ht="9.4" customHeight="1">
      <c r="A60" s="378"/>
      <c r="B60" s="371"/>
      <c r="C60" s="300"/>
      <c r="D60" s="300"/>
      <c r="E60" s="379"/>
      <c r="F60" s="81"/>
      <c r="G60" s="135"/>
      <c r="H60" s="135"/>
      <c r="I60" s="156"/>
    </row>
    <row r="61" spans="1:9" s="29" customFormat="1" ht="9.4" customHeight="1">
      <c r="A61" s="168"/>
      <c r="B61" s="372"/>
      <c r="C61" s="139"/>
      <c r="D61" s="139"/>
      <c r="E61" s="374"/>
      <c r="F61" s="82"/>
      <c r="G61" s="136"/>
      <c r="H61" s="136"/>
      <c r="I61" s="157"/>
    </row>
    <row r="62" spans="1:9" s="28" customFormat="1" ht="9.4" customHeight="1">
      <c r="A62" s="169"/>
      <c r="B62" s="373"/>
      <c r="C62" s="170"/>
      <c r="D62" s="170"/>
      <c r="E62" s="377"/>
      <c r="F62" s="83"/>
      <c r="G62" s="134"/>
      <c r="H62" s="149"/>
      <c r="I62" s="158"/>
    </row>
    <row r="63" spans="1:9" s="29" customFormat="1" ht="9.4" customHeight="1">
      <c r="A63" s="378"/>
      <c r="B63" s="371"/>
      <c r="C63" s="300"/>
      <c r="D63" s="300"/>
      <c r="E63" s="379"/>
      <c r="F63" s="81"/>
      <c r="G63" s="135"/>
      <c r="H63" s="135"/>
      <c r="I63" s="156"/>
    </row>
    <row r="64" spans="1:9" s="29" customFormat="1" ht="9.4" customHeight="1">
      <c r="A64" s="168"/>
      <c r="B64" s="372"/>
      <c r="C64" s="193"/>
      <c r="D64" s="193"/>
      <c r="E64" s="374"/>
      <c r="F64" s="82"/>
      <c r="G64" s="136"/>
      <c r="H64" s="136"/>
      <c r="I64" s="157"/>
    </row>
    <row r="65" spans="1:9" s="28" customFormat="1" ht="9.4" customHeight="1">
      <c r="A65" s="169"/>
      <c r="B65" s="373"/>
      <c r="C65" s="376"/>
      <c r="D65" s="376"/>
      <c r="E65" s="377"/>
      <c r="F65" s="83"/>
      <c r="G65" s="134"/>
      <c r="H65" s="149"/>
      <c r="I65" s="158"/>
    </row>
    <row r="66" spans="1:9" s="29" customFormat="1" ht="9.4" customHeight="1">
      <c r="A66" s="378"/>
      <c r="B66" s="371"/>
      <c r="C66" s="300"/>
      <c r="D66" s="300"/>
      <c r="E66" s="379"/>
      <c r="F66" s="81"/>
      <c r="G66" s="135"/>
      <c r="H66" s="135"/>
      <c r="I66" s="156"/>
    </row>
    <row r="67" spans="1:9" s="29" customFormat="1" ht="9.4" customHeight="1">
      <c r="A67" s="168"/>
      <c r="B67" s="372"/>
      <c r="C67" s="193"/>
      <c r="D67" s="193"/>
      <c r="E67" s="374"/>
      <c r="F67" s="82"/>
      <c r="G67" s="136"/>
      <c r="H67" s="136"/>
      <c r="I67" s="157"/>
    </row>
    <row r="68" spans="1:9" s="28" customFormat="1" ht="9.4" customHeight="1">
      <c r="A68" s="169"/>
      <c r="B68" s="373"/>
      <c r="C68" s="376"/>
      <c r="D68" s="376"/>
      <c r="E68" s="377"/>
      <c r="F68" s="83"/>
      <c r="G68" s="134"/>
      <c r="H68" s="149"/>
      <c r="I68" s="158"/>
    </row>
    <row r="69" spans="1:9" s="29" customFormat="1" ht="9.4" customHeight="1">
      <c r="A69" s="378"/>
      <c r="B69" s="371"/>
      <c r="C69" s="300"/>
      <c r="D69" s="300"/>
      <c r="E69" s="379"/>
      <c r="F69" s="81"/>
      <c r="G69" s="135"/>
      <c r="H69" s="135"/>
      <c r="I69" s="156"/>
    </row>
    <row r="70" spans="1:9" s="29" customFormat="1" ht="9.4" customHeight="1">
      <c r="A70" s="168"/>
      <c r="B70" s="372"/>
      <c r="C70" s="193"/>
      <c r="D70" s="193"/>
      <c r="E70" s="374"/>
      <c r="F70" s="82"/>
      <c r="G70" s="136"/>
      <c r="H70" s="136"/>
      <c r="I70" s="157"/>
    </row>
    <row r="71" spans="1:9" s="28" customFormat="1" ht="9.4" customHeight="1">
      <c r="A71" s="169"/>
      <c r="B71" s="373"/>
      <c r="C71" s="376"/>
      <c r="D71" s="376"/>
      <c r="E71" s="377"/>
      <c r="F71" s="83"/>
      <c r="G71" s="134"/>
      <c r="H71" s="149"/>
      <c r="I71" s="158"/>
    </row>
    <row r="72" spans="1:9" s="29" customFormat="1" ht="9.4" customHeight="1">
      <c r="A72" s="378"/>
      <c r="B72" s="371"/>
      <c r="C72" s="371"/>
      <c r="D72" s="379"/>
      <c r="E72" s="379"/>
      <c r="F72" s="81"/>
      <c r="G72" s="135"/>
      <c r="H72" s="181"/>
      <c r="I72" s="156"/>
    </row>
    <row r="73" spans="1:9" s="29" customFormat="1" ht="9.4" customHeight="1">
      <c r="A73" s="168"/>
      <c r="B73" s="372"/>
      <c r="C73" s="372"/>
      <c r="D73" s="374"/>
      <c r="E73" s="374"/>
      <c r="F73" s="82"/>
      <c r="G73" s="136"/>
      <c r="H73" s="150"/>
      <c r="I73" s="157"/>
    </row>
    <row r="74" spans="1:9" s="28" customFormat="1" ht="9.4" customHeight="1">
      <c r="A74" s="169"/>
      <c r="B74" s="373"/>
      <c r="C74" s="372"/>
      <c r="D74" s="373"/>
      <c r="E74" s="377"/>
      <c r="F74" s="83"/>
      <c r="G74" s="134"/>
      <c r="H74" s="182"/>
      <c r="I74" s="158"/>
    </row>
    <row r="75" spans="1:9" s="29" customFormat="1" ht="9.4" customHeight="1">
      <c r="A75" s="378"/>
      <c r="B75" s="371"/>
      <c r="C75" s="371"/>
      <c r="D75" s="379"/>
      <c r="E75" s="379"/>
      <c r="F75" s="81"/>
      <c r="G75" s="135"/>
      <c r="H75" s="181"/>
      <c r="I75" s="190"/>
    </row>
    <row r="76" spans="1:9" s="29" customFormat="1" ht="9.4" customHeight="1">
      <c r="A76" s="168"/>
      <c r="B76" s="372"/>
      <c r="C76" s="372"/>
      <c r="D76" s="374"/>
      <c r="E76" s="374"/>
      <c r="F76" s="82"/>
      <c r="G76" s="136"/>
      <c r="H76" s="150"/>
      <c r="I76" s="157"/>
    </row>
    <row r="77" spans="1:9" s="28" customFormat="1" ht="9.4" customHeight="1">
      <c r="A77" s="169"/>
      <c r="B77" s="373"/>
      <c r="C77" s="372"/>
      <c r="D77" s="373"/>
      <c r="E77" s="377"/>
      <c r="F77" s="83"/>
      <c r="G77" s="134"/>
      <c r="H77" s="182"/>
      <c r="I77" s="158"/>
    </row>
    <row r="78" spans="1:9" s="29" customFormat="1" ht="9.4" customHeight="1">
      <c r="A78" s="378"/>
      <c r="B78" s="371"/>
      <c r="C78" s="371"/>
      <c r="D78" s="371"/>
      <c r="E78" s="379"/>
      <c r="F78" s="81"/>
      <c r="G78" s="135"/>
      <c r="H78" s="135"/>
      <c r="I78" s="156"/>
    </row>
    <row r="79" spans="1:9" s="29" customFormat="1" ht="9.4" customHeight="1">
      <c r="A79" s="168"/>
      <c r="B79" s="372"/>
      <c r="C79" s="139"/>
      <c r="D79" s="372"/>
      <c r="E79" s="374"/>
      <c r="F79" s="82"/>
      <c r="G79" s="136"/>
      <c r="H79" s="136"/>
      <c r="I79" s="157"/>
    </row>
    <row r="80" spans="1:9" s="28" customFormat="1" ht="9.4" customHeight="1">
      <c r="A80" s="169"/>
      <c r="B80" s="373"/>
      <c r="C80" s="170"/>
      <c r="D80" s="189"/>
      <c r="E80" s="377"/>
      <c r="F80" s="83"/>
      <c r="G80" s="134"/>
      <c r="H80" s="149"/>
      <c r="I80" s="105"/>
    </row>
    <row r="81" spans="1:9" s="29" customFormat="1" ht="9.4" customHeight="1">
      <c r="A81" s="378"/>
      <c r="B81" s="371"/>
      <c r="C81" s="371"/>
      <c r="D81" s="371"/>
      <c r="E81" s="379"/>
      <c r="F81" s="81"/>
      <c r="G81" s="135"/>
      <c r="H81" s="135"/>
      <c r="I81" s="156"/>
    </row>
    <row r="82" spans="1:9" s="29" customFormat="1" ht="9.4" customHeight="1">
      <c r="A82" s="168"/>
      <c r="B82" s="372"/>
      <c r="C82" s="139"/>
      <c r="D82" s="372"/>
      <c r="E82" s="374"/>
      <c r="F82" s="82"/>
      <c r="G82" s="136"/>
      <c r="H82" s="136"/>
      <c r="I82" s="157"/>
    </row>
    <row r="83" spans="1:9" s="28" customFormat="1" ht="9.4" customHeight="1">
      <c r="A83" s="94"/>
      <c r="B83" s="161"/>
      <c r="C83" s="102"/>
      <c r="D83" s="349"/>
      <c r="E83" s="87"/>
      <c r="F83" s="85"/>
      <c r="G83" s="151"/>
      <c r="H83" s="183"/>
      <c r="I83" s="95"/>
    </row>
  </sheetData>
  <mergeCells count="14">
    <mergeCell ref="F1:H1"/>
    <mergeCell ref="I1:I2"/>
    <mergeCell ref="A43:A44"/>
    <mergeCell ref="B43:B44"/>
    <mergeCell ref="C43:C44"/>
    <mergeCell ref="D43:D44"/>
    <mergeCell ref="E43:E44"/>
    <mergeCell ref="F43:H43"/>
    <mergeCell ref="I43:I44"/>
    <mergeCell ref="A1:A2"/>
    <mergeCell ref="B1:B2"/>
    <mergeCell ref="C1:C2"/>
    <mergeCell ref="D1:D2"/>
    <mergeCell ref="E1:E2"/>
  </mergeCells>
  <phoneticPr fontId="68"/>
  <printOptions horizontalCentered="1" verticalCentered="1"/>
  <pageMargins left="0.9055118110236221" right="0.51181102362204722" top="0.74803149606299213" bottom="0.55118110236220474" header="0.31496062992125984" footer="0.31496062992125984"/>
  <pageSetup paperSize="9" fitToHeight="0" orientation="portrait" horizontalDpi="4294967294" r:id="rId1"/>
  <colBreaks count="1" manualBreakCount="1">
    <brk id="1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83"/>
  <sheetViews>
    <sheetView showGridLines="0" zoomScale="130" zoomScaleNormal="130" zoomScaleSheetLayoutView="115" workbookViewId="0">
      <selection sqref="A1:A2"/>
    </sheetView>
  </sheetViews>
  <sheetFormatPr defaultRowHeight="13.5"/>
  <cols>
    <col min="1" max="1" width="7.125" style="370" bestFit="1" customWidth="1"/>
    <col min="2" max="2" width="9.25" style="370" customWidth="1"/>
    <col min="3" max="3" width="11.25" style="370" customWidth="1"/>
    <col min="4" max="4" width="13.5" style="31" customWidth="1"/>
    <col min="5" max="5" width="5.125" style="31" customWidth="1"/>
    <col min="6" max="6" width="6.75" style="91" bestFit="1" customWidth="1"/>
    <col min="7" max="7" width="8" style="86" customWidth="1"/>
    <col min="8" max="8" width="9.375" style="184" customWidth="1"/>
    <col min="9" max="9" width="8.75" style="32" bestFit="1" customWidth="1"/>
    <col min="10" max="16384" width="9" style="370"/>
  </cols>
  <sheetData>
    <row r="1" spans="1:11" s="30" customFormat="1">
      <c r="A1" s="702" t="s">
        <v>1</v>
      </c>
      <c r="B1" s="704" t="s">
        <v>2</v>
      </c>
      <c r="C1" s="704" t="s">
        <v>3</v>
      </c>
      <c r="D1" s="704" t="s">
        <v>4</v>
      </c>
      <c r="E1" s="704" t="s">
        <v>224</v>
      </c>
      <c r="F1" s="706" t="s">
        <v>225</v>
      </c>
      <c r="G1" s="707"/>
      <c r="H1" s="708"/>
      <c r="I1" s="700" t="s">
        <v>7</v>
      </c>
    </row>
    <row r="2" spans="1:11" s="30" customFormat="1">
      <c r="A2" s="703"/>
      <c r="B2" s="705"/>
      <c r="C2" s="705"/>
      <c r="D2" s="705"/>
      <c r="E2" s="705"/>
      <c r="F2" s="385" t="s">
        <v>223</v>
      </c>
      <c r="G2" s="385" t="s">
        <v>5</v>
      </c>
      <c r="H2" s="292" t="s">
        <v>6</v>
      </c>
      <c r="I2" s="701"/>
    </row>
    <row r="3" spans="1:11" s="29" customFormat="1" ht="9.4" customHeight="1">
      <c r="A3" s="378"/>
      <c r="B3" s="371"/>
      <c r="C3" s="371"/>
      <c r="D3" s="371"/>
      <c r="E3" s="379"/>
      <c r="F3" s="81"/>
      <c r="G3" s="135"/>
      <c r="H3" s="135"/>
      <c r="I3" s="156"/>
    </row>
    <row r="4" spans="1:11" s="29" customFormat="1" ht="9.4" customHeight="1">
      <c r="A4" s="97" t="s">
        <v>551</v>
      </c>
      <c r="B4" s="372"/>
      <c r="C4" s="372"/>
      <c r="D4" s="372"/>
      <c r="E4" s="374"/>
      <c r="F4" s="82"/>
      <c r="G4" s="136"/>
      <c r="H4" s="136"/>
      <c r="I4" s="157"/>
    </row>
    <row r="5" spans="1:11" s="28" customFormat="1" ht="9.4" customHeight="1">
      <c r="A5" s="299" t="s">
        <v>467</v>
      </c>
      <c r="B5" s="373"/>
      <c r="C5" s="373"/>
      <c r="D5" s="373"/>
      <c r="E5" s="377"/>
      <c r="F5" s="83"/>
      <c r="G5" s="134"/>
      <c r="H5" s="149"/>
      <c r="I5" s="105"/>
    </row>
    <row r="6" spans="1:11" s="29" customFormat="1" ht="9.4" customHeight="1">
      <c r="A6" s="378"/>
      <c r="B6" s="371"/>
      <c r="C6" s="104"/>
      <c r="D6" s="371"/>
      <c r="E6" s="379"/>
      <c r="F6" s="81"/>
      <c r="G6" s="135"/>
      <c r="H6" s="135"/>
      <c r="I6" s="156"/>
    </row>
    <row r="7" spans="1:11" s="29" customFormat="1" ht="9.4" customHeight="1">
      <c r="A7" s="168"/>
      <c r="B7" s="372"/>
      <c r="C7" s="327"/>
      <c r="D7" s="372"/>
      <c r="E7" s="374"/>
      <c r="F7" s="82"/>
      <c r="G7" s="136"/>
      <c r="H7" s="136"/>
      <c r="I7" s="157"/>
    </row>
    <row r="8" spans="1:11" s="28" customFormat="1" ht="9.4" customHeight="1">
      <c r="A8" s="169"/>
      <c r="B8" s="373" t="s">
        <v>501</v>
      </c>
      <c r="C8" s="380" t="s">
        <v>502</v>
      </c>
      <c r="D8" s="373" t="s">
        <v>533</v>
      </c>
      <c r="E8" s="377" t="s">
        <v>503</v>
      </c>
      <c r="F8" s="83">
        <v>1.79</v>
      </c>
      <c r="G8" s="303"/>
      <c r="H8" s="304"/>
      <c r="I8" s="188"/>
    </row>
    <row r="9" spans="1:11" s="29" customFormat="1" ht="9.4" customHeight="1">
      <c r="A9" s="378"/>
      <c r="B9" s="371"/>
      <c r="C9" s="371"/>
      <c r="D9" s="371"/>
      <c r="E9" s="379"/>
      <c r="F9" s="301"/>
      <c r="G9" s="135"/>
      <c r="H9" s="135"/>
      <c r="I9" s="156"/>
    </row>
    <row r="10" spans="1:11" s="29" customFormat="1" ht="9.4" customHeight="1">
      <c r="A10" s="168"/>
      <c r="B10" s="372"/>
      <c r="C10" s="139"/>
      <c r="D10" s="372"/>
      <c r="E10" s="374"/>
      <c r="F10" s="302"/>
      <c r="G10" s="136"/>
      <c r="H10" s="136"/>
      <c r="I10" s="157"/>
    </row>
    <row r="11" spans="1:11" s="28" customFormat="1" ht="9.4" customHeight="1">
      <c r="A11" s="169"/>
      <c r="B11" s="373" t="s">
        <v>495</v>
      </c>
      <c r="C11" s="380" t="s">
        <v>502</v>
      </c>
      <c r="D11" s="373" t="s">
        <v>526</v>
      </c>
      <c r="E11" s="377" t="s">
        <v>504</v>
      </c>
      <c r="F11" s="384">
        <v>3.42</v>
      </c>
      <c r="G11" s="303"/>
      <c r="H11" s="304"/>
      <c r="I11" s="158"/>
    </row>
    <row r="12" spans="1:11" s="75" customFormat="1" ht="9.4" customHeight="1">
      <c r="A12" s="378"/>
      <c r="B12" s="372"/>
      <c r="C12" s="137"/>
      <c r="D12" s="137"/>
      <c r="E12" s="119"/>
      <c r="F12" s="84"/>
      <c r="G12" s="131"/>
      <c r="H12" s="136"/>
      <c r="I12" s="159"/>
    </row>
    <row r="13" spans="1:11" s="75" customFormat="1" ht="9" customHeight="1">
      <c r="A13" s="168"/>
      <c r="B13" s="143"/>
      <c r="C13" s="139"/>
      <c r="D13" s="137"/>
      <c r="E13" s="119"/>
      <c r="F13" s="84"/>
      <c r="G13" s="131"/>
      <c r="H13" s="136"/>
      <c r="I13" s="157"/>
    </row>
    <row r="14" spans="1:11" s="76" customFormat="1" ht="9.4" customHeight="1">
      <c r="A14" s="147"/>
      <c r="B14" s="144" t="s">
        <v>468</v>
      </c>
      <c r="C14" s="380" t="s">
        <v>502</v>
      </c>
      <c r="D14" s="120" t="s">
        <v>525</v>
      </c>
      <c r="E14" s="140" t="s">
        <v>257</v>
      </c>
      <c r="F14" s="83">
        <v>2.81</v>
      </c>
      <c r="G14" s="303"/>
      <c r="H14" s="304"/>
      <c r="I14" s="158"/>
      <c r="J14" s="315"/>
      <c r="K14" s="314"/>
    </row>
    <row r="15" spans="1:11" s="29" customFormat="1" ht="9.4" customHeight="1">
      <c r="A15" s="378"/>
      <c r="B15" s="371"/>
      <c r="C15" s="371"/>
      <c r="D15" s="371"/>
      <c r="E15" s="379"/>
      <c r="F15" s="301"/>
      <c r="G15" s="135"/>
      <c r="H15" s="135"/>
      <c r="I15" s="156"/>
    </row>
    <row r="16" spans="1:11" s="29" customFormat="1" ht="9.4" customHeight="1">
      <c r="A16" s="168"/>
      <c r="B16" s="372"/>
      <c r="C16" s="139"/>
      <c r="D16" s="372"/>
      <c r="E16" s="374"/>
      <c r="F16" s="302"/>
      <c r="G16" s="136"/>
      <c r="H16" s="136"/>
      <c r="I16" s="157"/>
    </row>
    <row r="17" spans="1:9" s="28" customFormat="1" ht="9.4" customHeight="1">
      <c r="A17" s="169"/>
      <c r="B17" s="373" t="s">
        <v>495</v>
      </c>
      <c r="C17" s="380" t="s">
        <v>502</v>
      </c>
      <c r="D17" s="373" t="s">
        <v>524</v>
      </c>
      <c r="E17" s="377" t="s">
        <v>465</v>
      </c>
      <c r="F17" s="384">
        <v>13.29</v>
      </c>
      <c r="G17" s="303"/>
      <c r="H17" s="304"/>
      <c r="I17" s="158"/>
    </row>
    <row r="18" spans="1:9" s="29" customFormat="1" ht="9.4" customHeight="1">
      <c r="A18" s="378"/>
      <c r="B18" s="371"/>
      <c r="C18" s="371"/>
      <c r="D18" s="371"/>
      <c r="E18" s="379"/>
      <c r="F18" s="81"/>
      <c r="G18" s="135"/>
      <c r="H18" s="135"/>
      <c r="I18" s="156"/>
    </row>
    <row r="19" spans="1:9" s="29" customFormat="1" ht="9.4" customHeight="1">
      <c r="A19" s="168"/>
      <c r="B19" s="372"/>
      <c r="C19" s="139"/>
      <c r="D19" s="372"/>
      <c r="E19" s="374"/>
      <c r="F19" s="82"/>
      <c r="G19" s="136"/>
      <c r="H19" s="136"/>
      <c r="I19" s="157"/>
    </row>
    <row r="20" spans="1:9" s="28" customFormat="1" ht="9.4" customHeight="1">
      <c r="A20" s="169"/>
      <c r="B20" s="373" t="s">
        <v>495</v>
      </c>
      <c r="C20" s="380" t="s">
        <v>502</v>
      </c>
      <c r="D20" s="372" t="s">
        <v>527</v>
      </c>
      <c r="E20" s="377" t="s">
        <v>528</v>
      </c>
      <c r="F20" s="83">
        <v>50.3</v>
      </c>
      <c r="G20" s="303"/>
      <c r="H20" s="304"/>
      <c r="I20" s="158"/>
    </row>
    <row r="21" spans="1:9" s="29" customFormat="1" ht="9.4" customHeight="1">
      <c r="A21" s="378"/>
      <c r="B21" s="371"/>
      <c r="C21" s="371"/>
      <c r="D21" s="371"/>
      <c r="E21" s="379"/>
      <c r="F21" s="81"/>
      <c r="G21" s="135"/>
      <c r="H21" s="135"/>
      <c r="I21" s="156"/>
    </row>
    <row r="22" spans="1:9" s="29" customFormat="1" ht="9.4" customHeight="1">
      <c r="A22" s="168"/>
      <c r="B22" s="372"/>
      <c r="C22" s="139"/>
      <c r="D22" s="372"/>
      <c r="E22" s="374"/>
      <c r="F22" s="82"/>
      <c r="G22" s="136"/>
      <c r="H22" s="136"/>
      <c r="I22" s="157"/>
    </row>
    <row r="23" spans="1:9" s="28" customFormat="1" ht="9.4" customHeight="1">
      <c r="A23" s="169"/>
      <c r="B23" s="373" t="s">
        <v>495</v>
      </c>
      <c r="C23" s="380" t="s">
        <v>502</v>
      </c>
      <c r="D23" s="372" t="s">
        <v>529</v>
      </c>
      <c r="E23" s="377" t="s">
        <v>528</v>
      </c>
      <c r="F23" s="83">
        <v>75.400000000000006</v>
      </c>
      <c r="G23" s="303"/>
      <c r="H23" s="304"/>
      <c r="I23" s="158"/>
    </row>
    <row r="24" spans="1:9" s="29" customFormat="1" ht="9.4" customHeight="1">
      <c r="A24" s="378"/>
      <c r="B24" s="371"/>
      <c r="C24" s="104"/>
      <c r="D24" s="371"/>
      <c r="E24" s="379"/>
      <c r="F24" s="81"/>
      <c r="G24" s="135"/>
      <c r="H24" s="135"/>
      <c r="I24" s="156"/>
    </row>
    <row r="25" spans="1:9" s="29" customFormat="1" ht="9.4" customHeight="1">
      <c r="A25" s="168"/>
      <c r="B25" s="372"/>
      <c r="C25" s="372"/>
      <c r="D25" s="372"/>
      <c r="E25" s="374"/>
      <c r="F25" s="82"/>
      <c r="G25" s="136"/>
      <c r="H25" s="136"/>
      <c r="I25" s="157"/>
    </row>
    <row r="26" spans="1:9" s="28" customFormat="1" ht="9.4" customHeight="1">
      <c r="A26" s="169"/>
      <c r="B26" s="373" t="s">
        <v>495</v>
      </c>
      <c r="C26" s="380" t="s">
        <v>502</v>
      </c>
      <c r="D26" s="189" t="s">
        <v>531</v>
      </c>
      <c r="E26" s="377" t="s">
        <v>528</v>
      </c>
      <c r="F26" s="83">
        <v>0.17</v>
      </c>
      <c r="G26" s="303"/>
      <c r="H26" s="304"/>
      <c r="I26" s="158"/>
    </row>
    <row r="27" spans="1:9" s="29" customFormat="1" ht="9.4" customHeight="1">
      <c r="A27" s="378"/>
      <c r="B27" s="371"/>
      <c r="C27" s="104"/>
      <c r="D27" s="371"/>
      <c r="E27" s="379"/>
      <c r="F27" s="153"/>
      <c r="G27" s="135"/>
      <c r="H27" s="135"/>
      <c r="I27" s="156"/>
    </row>
    <row r="28" spans="1:9" s="29" customFormat="1" ht="9.4" customHeight="1">
      <c r="A28" s="168"/>
      <c r="B28" s="372"/>
      <c r="C28" s="372"/>
      <c r="D28" s="372"/>
      <c r="E28" s="374"/>
      <c r="F28" s="154"/>
      <c r="G28" s="136"/>
      <c r="H28" s="136"/>
      <c r="I28" s="157"/>
    </row>
    <row r="29" spans="1:9" s="28" customFormat="1" ht="9.4" customHeight="1">
      <c r="A29" s="169"/>
      <c r="B29" s="373"/>
      <c r="C29" s="373"/>
      <c r="D29" s="189"/>
      <c r="E29" s="377"/>
      <c r="F29" s="83"/>
      <c r="G29" s="134"/>
      <c r="H29" s="149"/>
      <c r="I29" s="158"/>
    </row>
    <row r="30" spans="1:9" s="29" customFormat="1" ht="9.4" customHeight="1">
      <c r="A30" s="378"/>
      <c r="B30" s="371"/>
      <c r="C30" s="371"/>
      <c r="D30" s="371"/>
      <c r="E30" s="379"/>
      <c r="F30" s="81"/>
      <c r="G30" s="135"/>
      <c r="H30" s="135"/>
      <c r="I30" s="156"/>
    </row>
    <row r="31" spans="1:9" s="29" customFormat="1" ht="9.4" customHeight="1">
      <c r="A31" s="168"/>
      <c r="B31" s="372"/>
      <c r="C31" s="139"/>
      <c r="D31" s="372"/>
      <c r="E31" s="374"/>
      <c r="F31" s="82"/>
      <c r="G31" s="136"/>
      <c r="H31" s="136"/>
      <c r="I31" s="157"/>
    </row>
    <row r="32" spans="1:9" s="28" customFormat="1" ht="9.4" customHeight="1">
      <c r="A32" s="169"/>
      <c r="B32" s="373"/>
      <c r="C32" s="170"/>
      <c r="D32" s="189"/>
      <c r="E32" s="377"/>
      <c r="F32" s="83"/>
      <c r="G32" s="134"/>
      <c r="H32" s="149"/>
      <c r="I32" s="158"/>
    </row>
    <row r="33" spans="1:9" s="29" customFormat="1" ht="9.4" customHeight="1">
      <c r="A33" s="378"/>
      <c r="B33" s="371"/>
      <c r="C33" s="371"/>
      <c r="D33" s="379"/>
      <c r="E33" s="379"/>
      <c r="F33" s="81"/>
      <c r="G33" s="135"/>
      <c r="H33" s="181"/>
      <c r="I33" s="190"/>
    </row>
    <row r="34" spans="1:9" s="29" customFormat="1" ht="9.4" customHeight="1">
      <c r="A34" s="168"/>
      <c r="B34" s="372"/>
      <c r="C34" s="372"/>
      <c r="D34" s="374"/>
      <c r="E34" s="374"/>
      <c r="F34" s="82"/>
      <c r="G34" s="136"/>
      <c r="H34" s="150"/>
      <c r="I34" s="157"/>
    </row>
    <row r="35" spans="1:9" s="28" customFormat="1" ht="9.4" customHeight="1">
      <c r="A35" s="169"/>
      <c r="B35" s="373"/>
      <c r="C35" s="372"/>
      <c r="D35" s="373"/>
      <c r="E35" s="377"/>
      <c r="F35" s="83"/>
      <c r="G35" s="134"/>
      <c r="H35" s="182"/>
      <c r="I35" s="158"/>
    </row>
    <row r="36" spans="1:9" s="29" customFormat="1" ht="9.4" customHeight="1">
      <c r="A36" s="378"/>
      <c r="B36" s="371"/>
      <c r="C36" s="371"/>
      <c r="D36" s="371"/>
      <c r="E36" s="379"/>
      <c r="F36" s="81"/>
      <c r="G36" s="135"/>
      <c r="H36" s="135"/>
      <c r="I36" s="159"/>
    </row>
    <row r="37" spans="1:9" s="29" customFormat="1" ht="9.4" customHeight="1">
      <c r="A37" s="168"/>
      <c r="B37" s="372"/>
      <c r="C37" s="139"/>
      <c r="D37" s="372"/>
      <c r="E37" s="374"/>
      <c r="F37" s="82"/>
      <c r="G37" s="136"/>
      <c r="H37" s="136"/>
      <c r="I37" s="157"/>
    </row>
    <row r="38" spans="1:9" s="28" customFormat="1" ht="9.4" customHeight="1">
      <c r="A38" s="169"/>
      <c r="B38" s="373"/>
      <c r="C38" s="170"/>
      <c r="D38" s="189"/>
      <c r="E38" s="377"/>
      <c r="F38" s="83"/>
      <c r="G38" s="134"/>
      <c r="H38" s="293"/>
      <c r="I38" s="158"/>
    </row>
    <row r="39" spans="1:9" s="29" customFormat="1" ht="9.4" customHeight="1">
      <c r="A39" s="378"/>
      <c r="B39" s="371"/>
      <c r="C39" s="371"/>
      <c r="D39" s="371"/>
      <c r="E39" s="379"/>
      <c r="F39" s="81"/>
      <c r="G39" s="135"/>
      <c r="H39" s="135"/>
      <c r="I39" s="156"/>
    </row>
    <row r="40" spans="1:9" s="29" customFormat="1" ht="9.4" customHeight="1">
      <c r="A40" s="168"/>
      <c r="B40" s="372"/>
      <c r="C40" s="139"/>
      <c r="D40" s="372"/>
      <c r="E40" s="374"/>
      <c r="F40" s="82"/>
      <c r="G40" s="136"/>
      <c r="H40" s="136"/>
      <c r="I40" s="157"/>
    </row>
    <row r="41" spans="1:9" s="28" customFormat="1" ht="9.4" customHeight="1">
      <c r="A41" s="94"/>
      <c r="B41" s="373"/>
      <c r="C41" s="102" t="s">
        <v>10</v>
      </c>
      <c r="D41" s="349"/>
      <c r="E41" s="87"/>
      <c r="F41" s="85"/>
      <c r="G41" s="151"/>
      <c r="H41" s="340"/>
      <c r="I41" s="95"/>
    </row>
    <row r="42" spans="1:9" s="27" customFormat="1" ht="26.1" customHeight="1">
      <c r="A42" s="96"/>
      <c r="B42" s="172"/>
      <c r="C42" s="172" t="s">
        <v>8</v>
      </c>
      <c r="D42" s="172"/>
      <c r="E42" s="173"/>
      <c r="F42" s="174" t="s">
        <v>11</v>
      </c>
      <c r="G42" s="174"/>
      <c r="H42" s="175"/>
      <c r="I42" s="336"/>
    </row>
    <row r="43" spans="1:9" s="30" customFormat="1">
      <c r="A43" s="702" t="s">
        <v>1</v>
      </c>
      <c r="B43" s="704" t="s">
        <v>2</v>
      </c>
      <c r="C43" s="704" t="s">
        <v>3</v>
      </c>
      <c r="D43" s="704" t="s">
        <v>4</v>
      </c>
      <c r="E43" s="704" t="s">
        <v>224</v>
      </c>
      <c r="F43" s="706" t="s">
        <v>225</v>
      </c>
      <c r="G43" s="707"/>
      <c r="H43" s="708"/>
      <c r="I43" s="700" t="s">
        <v>7</v>
      </c>
    </row>
    <row r="44" spans="1:9" s="30" customFormat="1">
      <c r="A44" s="703"/>
      <c r="B44" s="705"/>
      <c r="C44" s="705"/>
      <c r="D44" s="705"/>
      <c r="E44" s="705"/>
      <c r="F44" s="385" t="s">
        <v>223</v>
      </c>
      <c r="G44" s="385" t="s">
        <v>5</v>
      </c>
      <c r="H44" s="292" t="s">
        <v>6</v>
      </c>
      <c r="I44" s="701"/>
    </row>
    <row r="45" spans="1:9" s="29" customFormat="1" ht="9.4" customHeight="1">
      <c r="A45" s="378"/>
      <c r="B45" s="371"/>
      <c r="C45" s="371"/>
      <c r="D45" s="371"/>
      <c r="E45" s="379"/>
      <c r="F45" s="81"/>
      <c r="G45" s="135"/>
      <c r="H45" s="135"/>
      <c r="I45" s="156"/>
    </row>
    <row r="46" spans="1:9" s="29" customFormat="1" ht="9.4" customHeight="1">
      <c r="A46" s="97"/>
      <c r="B46" s="372"/>
      <c r="C46" s="372"/>
      <c r="D46" s="372"/>
      <c r="E46" s="374"/>
      <c r="F46" s="82"/>
      <c r="G46" s="136"/>
      <c r="H46" s="136"/>
      <c r="I46" s="157"/>
    </row>
    <row r="47" spans="1:9" s="28" customFormat="1" ht="9.4" customHeight="1">
      <c r="A47" s="169"/>
      <c r="B47" s="373"/>
      <c r="C47" s="373"/>
      <c r="D47" s="373"/>
      <c r="E47" s="377"/>
      <c r="F47" s="83"/>
      <c r="G47" s="134"/>
      <c r="H47" s="149"/>
      <c r="I47" s="105"/>
    </row>
    <row r="48" spans="1:9" s="29" customFormat="1" ht="9.4" customHeight="1">
      <c r="A48" s="378"/>
      <c r="B48" s="371"/>
      <c r="C48" s="104"/>
      <c r="D48" s="104"/>
      <c r="E48" s="379"/>
      <c r="F48" s="81"/>
      <c r="G48" s="135"/>
      <c r="H48" s="135"/>
      <c r="I48" s="156"/>
    </row>
    <row r="49" spans="1:9" s="29" customFormat="1" ht="9.4" customHeight="1">
      <c r="A49" s="168"/>
      <c r="B49" s="372"/>
      <c r="C49" s="139"/>
      <c r="D49" s="139"/>
      <c r="E49" s="374"/>
      <c r="F49" s="82"/>
      <c r="G49" s="136"/>
      <c r="H49" s="136"/>
      <c r="I49" s="157"/>
    </row>
    <row r="50" spans="1:9" s="28" customFormat="1" ht="9.4" customHeight="1">
      <c r="A50" s="169"/>
      <c r="B50" s="373"/>
      <c r="C50" s="170"/>
      <c r="D50" s="170"/>
      <c r="E50" s="377"/>
      <c r="F50" s="83"/>
      <c r="G50" s="134"/>
      <c r="H50" s="149"/>
      <c r="I50" s="188"/>
    </row>
    <row r="51" spans="1:9" s="29" customFormat="1" ht="9.4" customHeight="1">
      <c r="A51" s="378"/>
      <c r="B51" s="371"/>
      <c r="C51" s="300"/>
      <c r="D51" s="300"/>
      <c r="E51" s="379"/>
      <c r="F51" s="81"/>
      <c r="G51" s="135"/>
      <c r="H51" s="135"/>
      <c r="I51" s="156"/>
    </row>
    <row r="52" spans="1:9" s="29" customFormat="1" ht="9.4" customHeight="1">
      <c r="A52" s="168"/>
      <c r="B52" s="372"/>
      <c r="C52" s="193"/>
      <c r="D52" s="193"/>
      <c r="E52" s="374"/>
      <c r="F52" s="82"/>
      <c r="G52" s="136"/>
      <c r="H52" s="136"/>
      <c r="I52" s="157"/>
    </row>
    <row r="53" spans="1:9" s="28" customFormat="1" ht="9.4" customHeight="1">
      <c r="A53" s="169"/>
      <c r="B53" s="373"/>
      <c r="C53" s="376"/>
      <c r="D53" s="376"/>
      <c r="E53" s="377"/>
      <c r="F53" s="83"/>
      <c r="G53" s="134"/>
      <c r="H53" s="149"/>
      <c r="I53" s="158"/>
    </row>
    <row r="54" spans="1:9" s="29" customFormat="1" ht="9.4" customHeight="1">
      <c r="A54" s="378"/>
      <c r="B54" s="371"/>
      <c r="C54" s="300"/>
      <c r="D54" s="300"/>
      <c r="E54" s="379"/>
      <c r="F54" s="81"/>
      <c r="G54" s="135"/>
      <c r="H54" s="135"/>
      <c r="I54" s="156"/>
    </row>
    <row r="55" spans="1:9" s="29" customFormat="1" ht="9.4" customHeight="1">
      <c r="A55" s="168"/>
      <c r="B55" s="372"/>
      <c r="C55" s="193"/>
      <c r="D55" s="193"/>
      <c r="E55" s="374"/>
      <c r="F55" s="82"/>
      <c r="G55" s="136"/>
      <c r="H55" s="136"/>
      <c r="I55" s="157"/>
    </row>
    <row r="56" spans="1:9" s="28" customFormat="1" ht="9.4" customHeight="1">
      <c r="A56" s="169"/>
      <c r="B56" s="103"/>
      <c r="C56" s="376"/>
      <c r="D56" s="376"/>
      <c r="E56" s="377"/>
      <c r="F56" s="83"/>
      <c r="G56" s="134"/>
      <c r="H56" s="149"/>
      <c r="I56" s="158"/>
    </row>
    <row r="57" spans="1:9" s="29" customFormat="1" ht="9.4" customHeight="1">
      <c r="A57" s="378"/>
      <c r="B57" s="371"/>
      <c r="C57" s="300"/>
      <c r="D57" s="300"/>
      <c r="E57" s="379"/>
      <c r="F57" s="81"/>
      <c r="G57" s="135"/>
      <c r="H57" s="135"/>
      <c r="I57" s="156"/>
    </row>
    <row r="58" spans="1:9" s="29" customFormat="1" ht="9.4" customHeight="1">
      <c r="A58" s="168"/>
      <c r="B58" s="372"/>
      <c r="C58" s="193"/>
      <c r="D58" s="193"/>
      <c r="E58" s="374"/>
      <c r="F58" s="82"/>
      <c r="G58" s="136"/>
      <c r="H58" s="136"/>
      <c r="I58" s="157"/>
    </row>
    <row r="59" spans="1:9" s="28" customFormat="1" ht="9.4" customHeight="1">
      <c r="A59" s="169"/>
      <c r="B59" s="373"/>
      <c r="C59" s="376"/>
      <c r="D59" s="376"/>
      <c r="E59" s="377"/>
      <c r="F59" s="83"/>
      <c r="G59" s="134"/>
      <c r="H59" s="149"/>
      <c r="I59" s="158"/>
    </row>
    <row r="60" spans="1:9" s="29" customFormat="1" ht="9.4" customHeight="1">
      <c r="A60" s="378"/>
      <c r="B60" s="371"/>
      <c r="C60" s="300"/>
      <c r="D60" s="300"/>
      <c r="E60" s="379"/>
      <c r="F60" s="81"/>
      <c r="G60" s="135"/>
      <c r="H60" s="135"/>
      <c r="I60" s="156"/>
    </row>
    <row r="61" spans="1:9" s="29" customFormat="1" ht="9.4" customHeight="1">
      <c r="A61" s="168"/>
      <c r="B61" s="372"/>
      <c r="C61" s="139"/>
      <c r="D61" s="139"/>
      <c r="E61" s="374"/>
      <c r="F61" s="82"/>
      <c r="G61" s="136"/>
      <c r="H61" s="136"/>
      <c r="I61" s="157"/>
    </row>
    <row r="62" spans="1:9" s="28" customFormat="1" ht="9.4" customHeight="1">
      <c r="A62" s="169"/>
      <c r="B62" s="373"/>
      <c r="C62" s="170"/>
      <c r="D62" s="170"/>
      <c r="E62" s="377"/>
      <c r="F62" s="83"/>
      <c r="G62" s="134"/>
      <c r="H62" s="149"/>
      <c r="I62" s="158"/>
    </row>
    <row r="63" spans="1:9" s="29" customFormat="1" ht="9.4" customHeight="1">
      <c r="A63" s="378"/>
      <c r="B63" s="371"/>
      <c r="C63" s="300"/>
      <c r="D63" s="300"/>
      <c r="E63" s="379"/>
      <c r="F63" s="81"/>
      <c r="G63" s="135"/>
      <c r="H63" s="135"/>
      <c r="I63" s="156"/>
    </row>
    <row r="64" spans="1:9" s="29" customFormat="1" ht="9.4" customHeight="1">
      <c r="A64" s="168"/>
      <c r="B64" s="372"/>
      <c r="C64" s="193"/>
      <c r="D64" s="193"/>
      <c r="E64" s="374"/>
      <c r="F64" s="82"/>
      <c r="G64" s="136"/>
      <c r="H64" s="136"/>
      <c r="I64" s="157"/>
    </row>
    <row r="65" spans="1:9" s="28" customFormat="1" ht="9.4" customHeight="1">
      <c r="A65" s="169"/>
      <c r="B65" s="373"/>
      <c r="C65" s="376"/>
      <c r="D65" s="376"/>
      <c r="E65" s="377"/>
      <c r="F65" s="83"/>
      <c r="G65" s="134"/>
      <c r="H65" s="149"/>
      <c r="I65" s="158"/>
    </row>
    <row r="66" spans="1:9" s="29" customFormat="1" ht="9.4" customHeight="1">
      <c r="A66" s="378"/>
      <c r="B66" s="371"/>
      <c r="C66" s="300"/>
      <c r="D66" s="300"/>
      <c r="E66" s="379"/>
      <c r="F66" s="81"/>
      <c r="G66" s="135"/>
      <c r="H66" s="135"/>
      <c r="I66" s="156"/>
    </row>
    <row r="67" spans="1:9" s="29" customFormat="1" ht="9.4" customHeight="1">
      <c r="A67" s="168"/>
      <c r="B67" s="372"/>
      <c r="C67" s="193"/>
      <c r="D67" s="193"/>
      <c r="E67" s="374"/>
      <c r="F67" s="82"/>
      <c r="G67" s="136"/>
      <c r="H67" s="136"/>
      <c r="I67" s="157"/>
    </row>
    <row r="68" spans="1:9" s="28" customFormat="1" ht="9.4" customHeight="1">
      <c r="A68" s="169"/>
      <c r="B68" s="373"/>
      <c r="C68" s="376"/>
      <c r="D68" s="376"/>
      <c r="E68" s="377"/>
      <c r="F68" s="83"/>
      <c r="G68" s="134"/>
      <c r="H68" s="149"/>
      <c r="I68" s="158"/>
    </row>
    <row r="69" spans="1:9" s="29" customFormat="1" ht="9.4" customHeight="1">
      <c r="A69" s="378"/>
      <c r="B69" s="371"/>
      <c r="C69" s="300"/>
      <c r="D69" s="300"/>
      <c r="E69" s="379"/>
      <c r="F69" s="81"/>
      <c r="G69" s="135"/>
      <c r="H69" s="135"/>
      <c r="I69" s="156"/>
    </row>
    <row r="70" spans="1:9" s="29" customFormat="1" ht="9.4" customHeight="1">
      <c r="A70" s="168"/>
      <c r="B70" s="372"/>
      <c r="C70" s="193"/>
      <c r="D70" s="193"/>
      <c r="E70" s="374"/>
      <c r="F70" s="82"/>
      <c r="G70" s="136"/>
      <c r="H70" s="136"/>
      <c r="I70" s="157"/>
    </row>
    <row r="71" spans="1:9" s="28" customFormat="1" ht="9.4" customHeight="1">
      <c r="A71" s="169"/>
      <c r="B71" s="373"/>
      <c r="C71" s="376"/>
      <c r="D71" s="376"/>
      <c r="E71" s="377"/>
      <c r="F71" s="83"/>
      <c r="G71" s="134"/>
      <c r="H71" s="149"/>
      <c r="I71" s="158"/>
    </row>
    <row r="72" spans="1:9" s="29" customFormat="1" ht="9.4" customHeight="1">
      <c r="A72" s="378"/>
      <c r="B72" s="371"/>
      <c r="C72" s="371"/>
      <c r="D72" s="379"/>
      <c r="E72" s="379"/>
      <c r="F72" s="81"/>
      <c r="G72" s="135"/>
      <c r="H72" s="181"/>
      <c r="I72" s="156"/>
    </row>
    <row r="73" spans="1:9" s="29" customFormat="1" ht="9.4" customHeight="1">
      <c r="A73" s="168"/>
      <c r="B73" s="372"/>
      <c r="C73" s="372"/>
      <c r="D73" s="374"/>
      <c r="E73" s="374"/>
      <c r="F73" s="82"/>
      <c r="G73" s="136"/>
      <c r="H73" s="150"/>
      <c r="I73" s="157"/>
    </row>
    <row r="74" spans="1:9" s="28" customFormat="1" ht="9.4" customHeight="1">
      <c r="A74" s="169"/>
      <c r="B74" s="373"/>
      <c r="C74" s="372"/>
      <c r="D74" s="373"/>
      <c r="E74" s="377"/>
      <c r="F74" s="83"/>
      <c r="G74" s="134"/>
      <c r="H74" s="182"/>
      <c r="I74" s="158"/>
    </row>
    <row r="75" spans="1:9" s="29" customFormat="1" ht="9.4" customHeight="1">
      <c r="A75" s="378"/>
      <c r="B75" s="371"/>
      <c r="C75" s="371"/>
      <c r="D75" s="379"/>
      <c r="E75" s="379"/>
      <c r="F75" s="81"/>
      <c r="G75" s="135"/>
      <c r="H75" s="181"/>
      <c r="I75" s="190"/>
    </row>
    <row r="76" spans="1:9" s="29" customFormat="1" ht="9.4" customHeight="1">
      <c r="A76" s="168"/>
      <c r="B76" s="372"/>
      <c r="C76" s="372"/>
      <c r="D76" s="374"/>
      <c r="E76" s="374"/>
      <c r="F76" s="82"/>
      <c r="G76" s="136"/>
      <c r="H76" s="150"/>
      <c r="I76" s="157"/>
    </row>
    <row r="77" spans="1:9" s="28" customFormat="1" ht="9.4" customHeight="1">
      <c r="A77" s="169"/>
      <c r="B77" s="373"/>
      <c r="C77" s="372"/>
      <c r="D77" s="373"/>
      <c r="E77" s="377"/>
      <c r="F77" s="83"/>
      <c r="G77" s="134"/>
      <c r="H77" s="182"/>
      <c r="I77" s="158"/>
    </row>
    <row r="78" spans="1:9" s="29" customFormat="1" ht="9.4" customHeight="1">
      <c r="A78" s="378"/>
      <c r="B78" s="371"/>
      <c r="C78" s="371"/>
      <c r="D78" s="371"/>
      <c r="E78" s="379"/>
      <c r="F78" s="81"/>
      <c r="G78" s="135"/>
      <c r="H78" s="135"/>
      <c r="I78" s="156"/>
    </row>
    <row r="79" spans="1:9" s="29" customFormat="1" ht="9.4" customHeight="1">
      <c r="A79" s="168"/>
      <c r="B79" s="372"/>
      <c r="C79" s="139"/>
      <c r="D79" s="372"/>
      <c r="E79" s="374"/>
      <c r="F79" s="82"/>
      <c r="G79" s="136"/>
      <c r="H79" s="136"/>
      <c r="I79" s="157"/>
    </row>
    <row r="80" spans="1:9" s="28" customFormat="1" ht="9.4" customHeight="1">
      <c r="A80" s="169"/>
      <c r="B80" s="373"/>
      <c r="C80" s="170"/>
      <c r="D80" s="189"/>
      <c r="E80" s="377"/>
      <c r="F80" s="83"/>
      <c r="G80" s="134"/>
      <c r="H80" s="149"/>
      <c r="I80" s="105"/>
    </row>
    <row r="81" spans="1:9" s="29" customFormat="1" ht="9.4" customHeight="1">
      <c r="A81" s="378"/>
      <c r="B81" s="371"/>
      <c r="C81" s="371"/>
      <c r="D81" s="371"/>
      <c r="E81" s="379"/>
      <c r="F81" s="81"/>
      <c r="G81" s="135"/>
      <c r="H81" s="135"/>
      <c r="I81" s="156"/>
    </row>
    <row r="82" spans="1:9" s="29" customFormat="1" ht="9.4" customHeight="1">
      <c r="A82" s="168"/>
      <c r="B82" s="372"/>
      <c r="C82" s="139"/>
      <c r="D82" s="372"/>
      <c r="E82" s="374"/>
      <c r="F82" s="82"/>
      <c r="G82" s="136"/>
      <c r="H82" s="136"/>
      <c r="I82" s="157"/>
    </row>
    <row r="83" spans="1:9" s="28" customFormat="1" ht="9.4" customHeight="1">
      <c r="A83" s="94"/>
      <c r="B83" s="161"/>
      <c r="C83" s="102"/>
      <c r="D83" s="349"/>
      <c r="E83" s="87"/>
      <c r="F83" s="85"/>
      <c r="G83" s="151"/>
      <c r="H83" s="183"/>
      <c r="I83" s="95"/>
    </row>
  </sheetData>
  <mergeCells count="14">
    <mergeCell ref="F1:H1"/>
    <mergeCell ref="I1:I2"/>
    <mergeCell ref="A43:A44"/>
    <mergeCell ref="B43:B44"/>
    <mergeCell ref="C43:C44"/>
    <mergeCell ref="D43:D44"/>
    <mergeCell ref="E43:E44"/>
    <mergeCell ref="F43:H43"/>
    <mergeCell ref="I43:I44"/>
    <mergeCell ref="A1:A2"/>
    <mergeCell ref="B1:B2"/>
    <mergeCell ref="C1:C2"/>
    <mergeCell ref="D1:D2"/>
    <mergeCell ref="E1:E2"/>
  </mergeCells>
  <phoneticPr fontId="68"/>
  <printOptions horizontalCentered="1" verticalCentered="1"/>
  <pageMargins left="0.9055118110236221" right="0.51181102362204722" top="0.74803149606299213" bottom="0.55118110236220474" header="0.31496062992125984" footer="0.31496062992125984"/>
  <pageSetup paperSize="9" fitToHeight="0" orientation="portrait" horizontalDpi="4294967294" r:id="rId1"/>
  <colBreaks count="1" manualBreakCount="1">
    <brk id="10" max="1048575" man="1"/>
  </colBreaks>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I162"/>
  <sheetViews>
    <sheetView zoomScaleNormal="100" zoomScaleSheetLayoutView="115" workbookViewId="0">
      <selection activeCell="M149" sqref="M149:V149"/>
    </sheetView>
  </sheetViews>
  <sheetFormatPr defaultRowHeight="13.5"/>
  <cols>
    <col min="1" max="61" width="2.375" style="41" customWidth="1"/>
    <col min="62" max="199" width="9" style="41"/>
    <col min="200" max="260" width="2.375" style="41" customWidth="1"/>
    <col min="261" max="455" width="9" style="41"/>
    <col min="456" max="516" width="2.375" style="41" customWidth="1"/>
    <col min="517" max="711" width="9" style="41"/>
    <col min="712" max="772" width="2.375" style="41" customWidth="1"/>
    <col min="773" max="967" width="9" style="41"/>
    <col min="968" max="1028" width="2.375" style="41" customWidth="1"/>
    <col min="1029" max="1223" width="9" style="41"/>
    <col min="1224" max="1284" width="2.375" style="41" customWidth="1"/>
    <col min="1285" max="1479" width="9" style="41"/>
    <col min="1480" max="1540" width="2.375" style="41" customWidth="1"/>
    <col min="1541" max="1735" width="9" style="41"/>
    <col min="1736" max="1796" width="2.375" style="41" customWidth="1"/>
    <col min="1797" max="1991" width="9" style="41"/>
    <col min="1992" max="2052" width="2.375" style="41" customWidth="1"/>
    <col min="2053" max="2247" width="9" style="41"/>
    <col min="2248" max="2308" width="2.375" style="41" customWidth="1"/>
    <col min="2309" max="2503" width="9" style="41"/>
    <col min="2504" max="2564" width="2.375" style="41" customWidth="1"/>
    <col min="2565" max="2759" width="9" style="41"/>
    <col min="2760" max="2820" width="2.375" style="41" customWidth="1"/>
    <col min="2821" max="3015" width="9" style="41"/>
    <col min="3016" max="3076" width="2.375" style="41" customWidth="1"/>
    <col min="3077" max="3271" width="9" style="41"/>
    <col min="3272" max="3332" width="2.375" style="41" customWidth="1"/>
    <col min="3333" max="3527" width="9" style="41"/>
    <col min="3528" max="3588" width="2.375" style="41" customWidth="1"/>
    <col min="3589" max="3783" width="9" style="41"/>
    <col min="3784" max="3844" width="2.375" style="41" customWidth="1"/>
    <col min="3845" max="4039" width="9" style="41"/>
    <col min="4040" max="4100" width="2.375" style="41" customWidth="1"/>
    <col min="4101" max="4295" width="9" style="41"/>
    <col min="4296" max="4356" width="2.375" style="41" customWidth="1"/>
    <col min="4357" max="4551" width="9" style="41"/>
    <col min="4552" max="4612" width="2.375" style="41" customWidth="1"/>
    <col min="4613" max="4807" width="9" style="41"/>
    <col min="4808" max="4868" width="2.375" style="41" customWidth="1"/>
    <col min="4869" max="5063" width="9" style="41"/>
    <col min="5064" max="5124" width="2.375" style="41" customWidth="1"/>
    <col min="5125" max="5319" width="9" style="41"/>
    <col min="5320" max="5380" width="2.375" style="41" customWidth="1"/>
    <col min="5381" max="5575" width="9" style="41"/>
    <col min="5576" max="5636" width="2.375" style="41" customWidth="1"/>
    <col min="5637" max="5831" width="9" style="41"/>
    <col min="5832" max="5892" width="2.375" style="41" customWidth="1"/>
    <col min="5893" max="6087" width="9" style="41"/>
    <col min="6088" max="6148" width="2.375" style="41" customWidth="1"/>
    <col min="6149" max="6343" width="9" style="41"/>
    <col min="6344" max="6404" width="2.375" style="41" customWidth="1"/>
    <col min="6405" max="6599" width="9" style="41"/>
    <col min="6600" max="6660" width="2.375" style="41" customWidth="1"/>
    <col min="6661" max="6855" width="9" style="41"/>
    <col min="6856" max="6916" width="2.375" style="41" customWidth="1"/>
    <col min="6917" max="7111" width="9" style="41"/>
    <col min="7112" max="7172" width="2.375" style="41" customWidth="1"/>
    <col min="7173" max="7367" width="9" style="41"/>
    <col min="7368" max="7428" width="2.375" style="41" customWidth="1"/>
    <col min="7429" max="7623" width="9" style="41"/>
    <col min="7624" max="7684" width="2.375" style="41" customWidth="1"/>
    <col min="7685" max="7879" width="9" style="41"/>
    <col min="7880" max="7940" width="2.375" style="41" customWidth="1"/>
    <col min="7941" max="8135" width="9" style="41"/>
    <col min="8136" max="8196" width="2.375" style="41" customWidth="1"/>
    <col min="8197" max="8391" width="9" style="41"/>
    <col min="8392" max="8452" width="2.375" style="41" customWidth="1"/>
    <col min="8453" max="8647" width="9" style="41"/>
    <col min="8648" max="8708" width="2.375" style="41" customWidth="1"/>
    <col min="8709" max="8903" width="9" style="41"/>
    <col min="8904" max="8964" width="2.375" style="41" customWidth="1"/>
    <col min="8965" max="9159" width="9" style="41"/>
    <col min="9160" max="9220" width="2.375" style="41" customWidth="1"/>
    <col min="9221" max="9415" width="9" style="41"/>
    <col min="9416" max="9476" width="2.375" style="41" customWidth="1"/>
    <col min="9477" max="9671" width="9" style="41"/>
    <col min="9672" max="9732" width="2.375" style="41" customWidth="1"/>
    <col min="9733" max="9927" width="9" style="41"/>
    <col min="9928" max="9988" width="2.375" style="41" customWidth="1"/>
    <col min="9989" max="10183" width="9" style="41"/>
    <col min="10184" max="10244" width="2.375" style="41" customWidth="1"/>
    <col min="10245" max="10439" width="9" style="41"/>
    <col min="10440" max="10500" width="2.375" style="41" customWidth="1"/>
    <col min="10501" max="10695" width="9" style="41"/>
    <col min="10696" max="10756" width="2.375" style="41" customWidth="1"/>
    <col min="10757" max="10951" width="9" style="41"/>
    <col min="10952" max="11012" width="2.375" style="41" customWidth="1"/>
    <col min="11013" max="11207" width="9" style="41"/>
    <col min="11208" max="11268" width="2.375" style="41" customWidth="1"/>
    <col min="11269" max="11463" width="9" style="41"/>
    <col min="11464" max="11524" width="2.375" style="41" customWidth="1"/>
    <col min="11525" max="11719" width="9" style="41"/>
    <col min="11720" max="11780" width="2.375" style="41" customWidth="1"/>
    <col min="11781" max="11975" width="9" style="41"/>
    <col min="11976" max="12036" width="2.375" style="41" customWidth="1"/>
    <col min="12037" max="12231" width="9" style="41"/>
    <col min="12232" max="12292" width="2.375" style="41" customWidth="1"/>
    <col min="12293" max="12487" width="9" style="41"/>
    <col min="12488" max="12548" width="2.375" style="41" customWidth="1"/>
    <col min="12549" max="12743" width="9" style="41"/>
    <col min="12744" max="12804" width="2.375" style="41" customWidth="1"/>
    <col min="12805" max="12999" width="9" style="41"/>
    <col min="13000" max="13060" width="2.375" style="41" customWidth="1"/>
    <col min="13061" max="13255" width="9" style="41"/>
    <col min="13256" max="13316" width="2.375" style="41" customWidth="1"/>
    <col min="13317" max="13511" width="9" style="41"/>
    <col min="13512" max="13572" width="2.375" style="41" customWidth="1"/>
    <col min="13573" max="13767" width="9" style="41"/>
    <col min="13768" max="13828" width="2.375" style="41" customWidth="1"/>
    <col min="13829" max="14023" width="9" style="41"/>
    <col min="14024" max="14084" width="2.375" style="41" customWidth="1"/>
    <col min="14085" max="14279" width="9" style="41"/>
    <col min="14280" max="14340" width="2.375" style="41" customWidth="1"/>
    <col min="14341" max="14535" width="9" style="41"/>
    <col min="14536" max="14596" width="2.375" style="41" customWidth="1"/>
    <col min="14597" max="14791" width="9" style="41"/>
    <col min="14792" max="14852" width="2.375" style="41" customWidth="1"/>
    <col min="14853" max="15047" width="9" style="41"/>
    <col min="15048" max="15108" width="2.375" style="41" customWidth="1"/>
    <col min="15109" max="15303" width="9" style="41"/>
    <col min="15304" max="15364" width="2.375" style="41" customWidth="1"/>
    <col min="15365" max="15559" width="9" style="41"/>
    <col min="15560" max="15620" width="2.375" style="41" customWidth="1"/>
    <col min="15621" max="15815" width="9" style="41"/>
    <col min="15816" max="15876" width="2.375" style="41" customWidth="1"/>
    <col min="15877" max="16071" width="9" style="41"/>
    <col min="16072" max="16132" width="2.375" style="41" customWidth="1"/>
    <col min="16133" max="16384" width="9" style="41"/>
  </cols>
  <sheetData>
    <row r="1" spans="1:61">
      <c r="A1" s="612" t="s">
        <v>26</v>
      </c>
      <c r="B1" s="613"/>
      <c r="C1" s="613"/>
      <c r="D1" s="613"/>
      <c r="E1" s="613"/>
      <c r="F1" s="613"/>
      <c r="G1" s="614"/>
      <c r="H1" s="612" t="s">
        <v>27</v>
      </c>
      <c r="I1" s="613"/>
      <c r="J1" s="613"/>
      <c r="K1" s="613"/>
      <c r="L1" s="613"/>
      <c r="M1" s="613"/>
      <c r="N1" s="613"/>
      <c r="O1" s="613"/>
      <c r="P1" s="613"/>
      <c r="Q1" s="613"/>
      <c r="R1" s="613"/>
      <c r="S1" s="613"/>
      <c r="T1" s="613"/>
      <c r="U1" s="613"/>
      <c r="V1" s="613"/>
      <c r="W1" s="614"/>
      <c r="X1" s="33"/>
      <c r="Y1" s="615" t="s">
        <v>28</v>
      </c>
      <c r="Z1" s="615"/>
      <c r="AA1" s="615"/>
      <c r="AB1" s="615"/>
      <c r="AC1" s="615"/>
      <c r="AD1" s="615"/>
      <c r="AE1" s="615"/>
      <c r="AF1" s="615"/>
      <c r="AG1" s="615"/>
      <c r="AH1" s="615"/>
      <c r="AI1" s="615"/>
      <c r="AJ1" s="615"/>
      <c r="AK1" s="615"/>
      <c r="AL1" s="615"/>
      <c r="AM1" s="615"/>
      <c r="AN1" s="615"/>
      <c r="AO1" s="615"/>
      <c r="AP1" s="615"/>
      <c r="AQ1" s="615"/>
      <c r="AR1" s="615"/>
      <c r="AS1" s="615"/>
      <c r="AT1" s="615"/>
      <c r="AU1" s="615"/>
      <c r="AV1" s="615"/>
      <c r="AW1" s="615"/>
      <c r="AX1" s="615"/>
      <c r="AY1" s="615"/>
      <c r="AZ1" s="615"/>
      <c r="BA1" s="615"/>
      <c r="BB1" s="615"/>
      <c r="BC1" s="615"/>
      <c r="BD1" s="615"/>
      <c r="BE1" s="615"/>
      <c r="BF1" s="615"/>
      <c r="BG1" s="615"/>
      <c r="BH1" s="615"/>
      <c r="BI1" s="34"/>
    </row>
    <row r="2" spans="1:61">
      <c r="A2" s="583" t="s">
        <v>29</v>
      </c>
      <c r="B2" s="603"/>
      <c r="C2" s="603"/>
      <c r="D2" s="603"/>
      <c r="E2" s="603"/>
      <c r="F2" s="603"/>
      <c r="G2" s="604"/>
      <c r="H2" s="35"/>
      <c r="I2" s="36" t="s">
        <v>30</v>
      </c>
      <c r="J2" s="36"/>
      <c r="K2" s="36"/>
      <c r="L2" s="36"/>
      <c r="M2" s="36"/>
      <c r="N2" s="36"/>
      <c r="O2" s="36"/>
      <c r="P2" s="36"/>
      <c r="Q2" s="36"/>
      <c r="R2" s="36"/>
      <c r="S2" s="36"/>
      <c r="T2" s="36"/>
      <c r="U2" s="36"/>
      <c r="V2" s="36"/>
      <c r="W2" s="37"/>
      <c r="X2" s="35"/>
      <c r="Y2" s="36" t="s">
        <v>557</v>
      </c>
      <c r="Z2" s="36"/>
      <c r="AA2" s="36"/>
      <c r="AB2" s="36"/>
      <c r="AC2" s="36"/>
      <c r="AD2" s="36"/>
      <c r="AE2" s="36"/>
      <c r="AF2" s="36"/>
      <c r="AG2" s="36"/>
      <c r="AH2" s="36"/>
      <c r="AI2" s="36"/>
      <c r="AJ2" s="36"/>
      <c r="AK2" s="36"/>
      <c r="AL2" s="36"/>
      <c r="AM2" s="36"/>
      <c r="AN2" s="36"/>
      <c r="AO2" s="36"/>
      <c r="AP2" s="36"/>
      <c r="AQ2" s="36"/>
      <c r="AR2" s="36"/>
      <c r="AS2" s="36"/>
      <c r="AT2" s="36"/>
      <c r="AU2" s="36"/>
      <c r="AV2" s="36"/>
      <c r="AW2" s="36"/>
      <c r="AX2" s="36"/>
      <c r="AY2" s="36"/>
      <c r="AZ2" s="36"/>
      <c r="BA2" s="36"/>
      <c r="BB2" s="36"/>
      <c r="BC2" s="36"/>
      <c r="BD2" s="36"/>
      <c r="BE2" s="36"/>
      <c r="BF2" s="36"/>
      <c r="BG2" s="36"/>
      <c r="BH2" s="36"/>
      <c r="BI2" s="37"/>
    </row>
    <row r="3" spans="1:61">
      <c r="A3" s="412"/>
      <c r="B3" s="413"/>
      <c r="C3" s="413"/>
      <c r="D3" s="413"/>
      <c r="E3" s="413"/>
      <c r="F3" s="413"/>
      <c r="G3" s="414"/>
      <c r="H3" s="38"/>
      <c r="I3" s="39" t="s">
        <v>31</v>
      </c>
      <c r="J3" s="39"/>
      <c r="K3" s="39"/>
      <c r="L3" s="39"/>
      <c r="M3" s="39"/>
      <c r="N3" s="39"/>
      <c r="O3" s="39"/>
      <c r="P3" s="39"/>
      <c r="Q3" s="39"/>
      <c r="R3" s="39"/>
      <c r="S3" s="39"/>
      <c r="T3" s="39"/>
      <c r="U3" s="39"/>
      <c r="V3" s="39"/>
      <c r="W3" s="40"/>
      <c r="X3" s="38"/>
      <c r="Y3" s="39" t="s">
        <v>611</v>
      </c>
      <c r="Z3" s="39"/>
      <c r="AA3" s="39"/>
      <c r="AB3" s="39"/>
      <c r="AC3" s="39"/>
      <c r="AD3" s="39"/>
      <c r="AE3" s="39"/>
      <c r="AF3" s="39"/>
      <c r="AG3" s="39"/>
      <c r="AH3" s="39"/>
      <c r="AI3" s="39"/>
      <c r="AJ3" s="39"/>
      <c r="AK3" s="39"/>
      <c r="AL3" s="39"/>
      <c r="AM3" s="39"/>
      <c r="AN3" s="39"/>
      <c r="AO3" s="39"/>
      <c r="AP3" s="39"/>
      <c r="AQ3" s="39"/>
      <c r="AR3" s="39"/>
      <c r="AS3" s="39"/>
      <c r="AT3" s="39"/>
      <c r="AU3" s="39"/>
      <c r="AV3" s="39"/>
      <c r="AW3" s="39"/>
      <c r="AX3" s="39"/>
      <c r="AY3" s="39"/>
      <c r="AZ3" s="39"/>
      <c r="BA3" s="39"/>
      <c r="BB3" s="39"/>
      <c r="BC3" s="39"/>
      <c r="BD3" s="39"/>
      <c r="BE3" s="39"/>
      <c r="BF3" s="39"/>
      <c r="BG3" s="39"/>
      <c r="BH3" s="39"/>
      <c r="BI3" s="40"/>
    </row>
    <row r="4" spans="1:61">
      <c r="A4" s="412"/>
      <c r="B4" s="413"/>
      <c r="C4" s="413"/>
      <c r="D4" s="413"/>
      <c r="E4" s="413"/>
      <c r="F4" s="413"/>
      <c r="G4" s="414"/>
      <c r="H4" s="38"/>
      <c r="J4" s="39"/>
      <c r="K4" s="39"/>
      <c r="L4" s="39"/>
      <c r="M4" s="39"/>
      <c r="N4" s="39"/>
      <c r="O4" s="39"/>
      <c r="P4" s="39"/>
      <c r="Q4" s="39"/>
      <c r="R4" s="39"/>
      <c r="S4" s="39"/>
      <c r="T4" s="39"/>
      <c r="U4" s="39"/>
      <c r="V4" s="39"/>
      <c r="W4" s="40"/>
      <c r="X4" s="38"/>
      <c r="Y4" s="41" t="s">
        <v>555</v>
      </c>
      <c r="Z4" s="39"/>
      <c r="AA4" s="39"/>
      <c r="AB4" s="39"/>
      <c r="AC4" s="39"/>
      <c r="AD4" s="39"/>
      <c r="AE4" s="39"/>
      <c r="AF4" s="39"/>
      <c r="AG4" s="39"/>
      <c r="AH4" s="39"/>
      <c r="AI4" s="39"/>
      <c r="AJ4" s="39"/>
      <c r="AK4" s="39"/>
      <c r="AL4" s="39"/>
      <c r="AM4" s="39"/>
      <c r="AN4" s="39"/>
      <c r="AO4" s="39"/>
      <c r="AP4" s="39"/>
      <c r="AQ4" s="39"/>
      <c r="AR4" s="39"/>
      <c r="AS4" s="39"/>
      <c r="AT4" s="39"/>
      <c r="AU4" s="39"/>
      <c r="AV4" s="39"/>
      <c r="AW4" s="39"/>
      <c r="AX4" s="39"/>
      <c r="AY4" s="39"/>
      <c r="AZ4" s="39"/>
      <c r="BA4" s="39"/>
      <c r="BB4" s="39"/>
      <c r="BC4" s="39"/>
      <c r="BD4" s="39"/>
      <c r="BE4" s="39"/>
      <c r="BF4" s="39"/>
      <c r="BG4" s="39"/>
      <c r="BH4" s="39"/>
      <c r="BI4" s="40"/>
    </row>
    <row r="5" spans="1:61">
      <c r="A5" s="412"/>
      <c r="B5" s="413"/>
      <c r="C5" s="413"/>
      <c r="D5" s="413"/>
      <c r="E5" s="413"/>
      <c r="F5" s="413"/>
      <c r="G5" s="414"/>
      <c r="H5" s="38"/>
      <c r="I5" s="39" t="s">
        <v>32</v>
      </c>
      <c r="J5" s="39"/>
      <c r="K5" s="39"/>
      <c r="L5" s="39"/>
      <c r="M5" s="39"/>
      <c r="N5" s="39"/>
      <c r="O5" s="39"/>
      <c r="P5" s="39"/>
      <c r="Q5" s="39"/>
      <c r="R5" s="39"/>
      <c r="S5" s="39"/>
      <c r="T5" s="39"/>
      <c r="U5" s="39"/>
      <c r="V5" s="39"/>
      <c r="W5" s="40"/>
      <c r="X5" s="38"/>
      <c r="Y5" s="39" t="s">
        <v>558</v>
      </c>
      <c r="Z5" s="39"/>
      <c r="AA5" s="39"/>
      <c r="AB5" s="39"/>
      <c r="AC5" s="39"/>
      <c r="AD5" s="39"/>
      <c r="AE5" s="39"/>
      <c r="AF5" s="39"/>
      <c r="AG5" s="39"/>
      <c r="AH5" s="39"/>
      <c r="AI5" s="39"/>
      <c r="AJ5" s="39"/>
      <c r="AK5" s="39"/>
      <c r="AL5" s="39"/>
      <c r="AM5" s="39" t="s">
        <v>556</v>
      </c>
      <c r="AN5" s="39"/>
      <c r="AO5" s="39"/>
      <c r="AP5" s="39"/>
      <c r="AQ5" s="39"/>
      <c r="AR5" s="39"/>
      <c r="AS5" s="39"/>
      <c r="AT5" s="39"/>
      <c r="AU5" s="39"/>
      <c r="AV5" s="39"/>
      <c r="AW5" s="39"/>
      <c r="AX5" s="39"/>
      <c r="AY5" s="39" t="s">
        <v>614</v>
      </c>
      <c r="AZ5" s="39"/>
      <c r="BA5" s="39"/>
      <c r="BB5" s="39"/>
      <c r="BC5" s="39"/>
      <c r="BD5" s="39"/>
      <c r="BE5" s="39"/>
      <c r="BF5" s="39"/>
      <c r="BG5" s="39"/>
      <c r="BH5" s="39"/>
      <c r="BI5" s="40"/>
    </row>
    <row r="6" spans="1:61">
      <c r="A6" s="412"/>
      <c r="B6" s="413"/>
      <c r="C6" s="413"/>
      <c r="D6" s="413"/>
      <c r="E6" s="413"/>
      <c r="F6" s="413"/>
      <c r="G6" s="414"/>
      <c r="H6" s="38"/>
      <c r="I6" s="39"/>
      <c r="J6" s="39"/>
      <c r="K6" s="39"/>
      <c r="L6" s="39"/>
      <c r="M6" s="39"/>
      <c r="N6" s="39"/>
      <c r="O6" s="39"/>
      <c r="P6" s="39"/>
      <c r="Q6" s="39"/>
      <c r="R6" s="39"/>
      <c r="S6" s="39"/>
      <c r="T6" s="39"/>
      <c r="U6" s="39"/>
      <c r="V6" s="39"/>
      <c r="W6" s="40"/>
      <c r="X6" s="38"/>
      <c r="Y6" s="39" t="s">
        <v>612</v>
      </c>
      <c r="Z6" s="39"/>
      <c r="AA6" s="39"/>
      <c r="AB6" s="39"/>
      <c r="AC6" s="39"/>
      <c r="AD6" s="39"/>
      <c r="AE6" s="39"/>
      <c r="AF6" s="39"/>
      <c r="AG6" s="39"/>
      <c r="AH6" s="39"/>
      <c r="AI6" s="39"/>
      <c r="AJ6" s="39"/>
      <c r="AK6" s="39"/>
      <c r="AL6" s="39"/>
      <c r="AM6" s="39" t="s">
        <v>613</v>
      </c>
      <c r="AN6" s="39"/>
      <c r="AO6" s="39"/>
      <c r="AP6" s="39"/>
      <c r="AQ6" s="39"/>
      <c r="AR6" s="39"/>
      <c r="AS6" s="39"/>
      <c r="AT6" s="39"/>
      <c r="AU6" s="39"/>
      <c r="AV6" s="39"/>
      <c r="AW6" s="39"/>
      <c r="AX6" s="39"/>
      <c r="AY6" s="39" t="s">
        <v>615</v>
      </c>
      <c r="AZ6" s="39"/>
      <c r="BA6" s="39"/>
      <c r="BB6" s="39"/>
      <c r="BC6" s="39"/>
      <c r="BD6" s="39"/>
      <c r="BE6" s="39"/>
      <c r="BF6" s="39"/>
      <c r="BG6" s="39"/>
      <c r="BH6" s="39"/>
      <c r="BI6" s="40"/>
    </row>
    <row r="7" spans="1:61">
      <c r="A7" s="412"/>
      <c r="B7" s="413"/>
      <c r="C7" s="413"/>
      <c r="D7" s="413"/>
      <c r="E7" s="413"/>
      <c r="F7" s="413"/>
      <c r="G7" s="414"/>
      <c r="H7" s="38"/>
      <c r="I7" s="39"/>
      <c r="J7" s="39"/>
      <c r="K7" s="39"/>
      <c r="L7" s="39"/>
      <c r="M7" s="39"/>
      <c r="N7" s="39"/>
      <c r="O7" s="39"/>
      <c r="P7" s="39"/>
      <c r="Q7" s="39"/>
      <c r="R7" s="39"/>
      <c r="S7" s="39"/>
      <c r="T7" s="39"/>
      <c r="U7" s="39"/>
      <c r="V7" s="39"/>
      <c r="W7" s="40"/>
      <c r="X7" s="38"/>
      <c r="Z7" s="39"/>
      <c r="AA7" s="39"/>
      <c r="AB7" s="39"/>
      <c r="AC7" s="39"/>
      <c r="AD7" s="39"/>
      <c r="AE7" s="39"/>
      <c r="AF7" s="39"/>
      <c r="AG7" s="39"/>
      <c r="AH7" s="39"/>
      <c r="AI7" s="39"/>
      <c r="AJ7" s="39"/>
      <c r="AK7" s="39"/>
      <c r="AL7" s="39"/>
      <c r="AM7" s="39" t="s">
        <v>616</v>
      </c>
      <c r="AN7" s="39"/>
      <c r="AO7" s="39"/>
      <c r="AP7" s="39"/>
      <c r="AQ7" s="39"/>
      <c r="AR7" s="39"/>
      <c r="AS7" s="39"/>
      <c r="AT7" s="39"/>
      <c r="AU7" s="39"/>
      <c r="AV7" s="39"/>
      <c r="AW7" s="39"/>
      <c r="AX7" s="39"/>
      <c r="AY7" s="39"/>
      <c r="AZ7" s="39"/>
      <c r="BA7" s="39"/>
      <c r="BB7" s="39"/>
      <c r="BC7" s="39"/>
      <c r="BD7" s="39"/>
      <c r="BE7" s="39"/>
      <c r="BF7" s="39"/>
      <c r="BG7" s="39"/>
      <c r="BH7" s="39"/>
      <c r="BI7" s="40"/>
    </row>
    <row r="8" spans="1:61">
      <c r="A8" s="412"/>
      <c r="B8" s="413"/>
      <c r="C8" s="413"/>
      <c r="D8" s="413"/>
      <c r="E8" s="413"/>
      <c r="F8" s="413"/>
      <c r="G8" s="414"/>
      <c r="H8" s="38"/>
      <c r="I8" s="39" t="s">
        <v>33</v>
      </c>
      <c r="J8" s="39"/>
      <c r="K8" s="39"/>
      <c r="L8" s="39"/>
      <c r="M8" s="39"/>
      <c r="N8" s="39"/>
      <c r="O8" s="39"/>
      <c r="P8" s="39"/>
      <c r="Q8" s="39"/>
      <c r="R8" s="39"/>
      <c r="S8" s="39"/>
      <c r="T8" s="39"/>
      <c r="U8" s="39"/>
      <c r="V8" s="39"/>
      <c r="W8" s="40"/>
      <c r="X8" s="38"/>
      <c r="Y8" s="39" t="s">
        <v>34</v>
      </c>
      <c r="Z8" s="39"/>
      <c r="AA8" s="39"/>
      <c r="AB8" s="39"/>
      <c r="AC8" s="39"/>
      <c r="AD8" s="39" t="s">
        <v>35</v>
      </c>
      <c r="AE8" s="39"/>
      <c r="AF8" s="39"/>
      <c r="AG8" s="39"/>
      <c r="AH8" s="39"/>
      <c r="AI8" s="39"/>
      <c r="AJ8" s="39"/>
      <c r="AK8" s="39"/>
      <c r="AL8" s="39"/>
      <c r="AM8" s="39" t="s">
        <v>36</v>
      </c>
      <c r="AN8" s="39"/>
      <c r="AO8" s="39"/>
      <c r="AP8" s="39"/>
      <c r="AQ8" s="39"/>
      <c r="AR8" s="39"/>
      <c r="AS8" s="39"/>
      <c r="AT8" s="39"/>
      <c r="AU8" s="39"/>
      <c r="AV8" s="39"/>
      <c r="AW8" s="39"/>
      <c r="AX8" s="39"/>
      <c r="AY8" s="39"/>
      <c r="AZ8" s="39"/>
      <c r="BA8" s="39"/>
      <c r="BB8" s="39"/>
      <c r="BC8" s="39"/>
      <c r="BD8" s="39"/>
      <c r="BE8" s="39"/>
      <c r="BF8" s="39"/>
      <c r="BG8" s="39"/>
      <c r="BH8" s="39"/>
      <c r="BI8" s="40"/>
    </row>
    <row r="9" spans="1:61">
      <c r="A9" s="412"/>
      <c r="B9" s="413"/>
      <c r="C9" s="413"/>
      <c r="D9" s="413"/>
      <c r="E9" s="413"/>
      <c r="F9" s="413"/>
      <c r="G9" s="414"/>
      <c r="H9" s="38"/>
      <c r="I9" s="39"/>
      <c r="J9" s="39"/>
      <c r="K9" s="39"/>
      <c r="L9" s="39"/>
      <c r="M9" s="39"/>
      <c r="N9" s="39"/>
      <c r="O9" s="39"/>
      <c r="P9" s="39"/>
      <c r="Q9" s="39"/>
      <c r="R9" s="39"/>
      <c r="S9" s="39"/>
      <c r="T9" s="39"/>
      <c r="U9" s="39"/>
      <c r="V9" s="39"/>
      <c r="W9" s="40"/>
      <c r="X9" s="38"/>
      <c r="Y9" s="39"/>
      <c r="Z9" s="39"/>
      <c r="AA9" s="39"/>
      <c r="AB9" s="39"/>
      <c r="AC9" s="39"/>
      <c r="AD9" s="39"/>
      <c r="AE9" s="39"/>
      <c r="AF9" s="39"/>
      <c r="AG9" s="39"/>
      <c r="AH9" s="39"/>
      <c r="AI9" s="39"/>
      <c r="AJ9" s="39"/>
      <c r="AK9" s="39"/>
      <c r="AL9" s="39"/>
      <c r="AM9" s="39" t="s">
        <v>37</v>
      </c>
      <c r="AN9" s="39"/>
      <c r="AO9" s="39"/>
      <c r="AP9" s="39"/>
      <c r="AQ9" s="39"/>
      <c r="AR9" s="39"/>
      <c r="AS9" s="39"/>
      <c r="AT9" s="39"/>
      <c r="AU9" s="39"/>
      <c r="AV9" s="39"/>
      <c r="AW9" s="39"/>
      <c r="AX9" s="39"/>
      <c r="AY9" s="39"/>
      <c r="AZ9" s="39"/>
      <c r="BA9" s="39"/>
      <c r="BB9" s="39"/>
      <c r="BC9" s="39"/>
      <c r="BD9" s="39"/>
      <c r="BE9" s="39"/>
      <c r="BF9" s="39"/>
      <c r="BG9" s="39"/>
      <c r="BH9" s="39"/>
      <c r="BI9" s="40"/>
    </row>
    <row r="10" spans="1:61">
      <c r="A10" s="412"/>
      <c r="B10" s="413"/>
      <c r="C10" s="413"/>
      <c r="D10" s="413"/>
      <c r="E10" s="413"/>
      <c r="F10" s="413"/>
      <c r="G10" s="414"/>
      <c r="H10" s="38"/>
      <c r="I10" s="39" t="s">
        <v>38</v>
      </c>
      <c r="J10" s="39"/>
      <c r="K10" s="39"/>
      <c r="L10" s="39"/>
      <c r="M10" s="39"/>
      <c r="N10" s="39"/>
      <c r="O10" s="39"/>
      <c r="P10" s="39"/>
      <c r="Q10" s="39"/>
      <c r="R10" s="39"/>
      <c r="S10" s="39"/>
      <c r="T10" s="39"/>
      <c r="U10" s="39"/>
      <c r="V10" s="39"/>
      <c r="W10" s="40"/>
      <c r="X10" s="38"/>
      <c r="Y10" s="39" t="s">
        <v>39</v>
      </c>
      <c r="Z10" s="39"/>
      <c r="AA10" s="39"/>
      <c r="AB10" s="39"/>
      <c r="AC10" s="39"/>
      <c r="AD10" s="39"/>
      <c r="AE10" s="39"/>
      <c r="AF10" s="39"/>
      <c r="AG10" s="39"/>
      <c r="AH10" s="39" t="s">
        <v>40</v>
      </c>
      <c r="AI10" s="39"/>
      <c r="AJ10" s="39"/>
      <c r="AK10" s="39"/>
      <c r="AL10" s="39"/>
      <c r="AM10" s="39"/>
      <c r="AN10" s="39"/>
      <c r="AO10" s="39"/>
      <c r="AP10" s="39"/>
      <c r="AQ10" s="39"/>
      <c r="AR10" s="39"/>
      <c r="AS10" s="39" t="s">
        <v>41</v>
      </c>
      <c r="AT10" s="39"/>
      <c r="AU10" s="39"/>
      <c r="AV10" s="39"/>
      <c r="AW10" s="39"/>
      <c r="AX10" s="39"/>
      <c r="AY10" s="39"/>
      <c r="AZ10" s="39"/>
      <c r="BA10" s="39"/>
      <c r="BB10" s="39"/>
      <c r="BC10" s="39"/>
      <c r="BD10" s="39"/>
      <c r="BE10" s="39"/>
      <c r="BF10" s="39"/>
      <c r="BG10" s="39"/>
      <c r="BH10" s="39"/>
      <c r="BI10" s="40"/>
    </row>
    <row r="11" spans="1:61">
      <c r="A11" s="412"/>
      <c r="B11" s="413"/>
      <c r="C11" s="413"/>
      <c r="D11" s="413"/>
      <c r="E11" s="413"/>
      <c r="F11" s="413"/>
      <c r="G11" s="414"/>
      <c r="H11" s="38"/>
      <c r="I11" s="39"/>
      <c r="J11" s="39"/>
      <c r="K11" s="39"/>
      <c r="L11" s="39"/>
      <c r="M11" s="39"/>
      <c r="N11" s="39"/>
      <c r="O11" s="39"/>
      <c r="P11" s="39"/>
      <c r="Q11" s="39"/>
      <c r="R11" s="39"/>
      <c r="S11" s="39"/>
      <c r="T11" s="39"/>
      <c r="U11" s="39"/>
      <c r="V11" s="39"/>
      <c r="W11" s="40"/>
      <c r="X11" s="38"/>
      <c r="Y11" s="39"/>
      <c r="Z11" s="39" t="s">
        <v>42</v>
      </c>
      <c r="AA11" s="39"/>
      <c r="AB11" s="39"/>
      <c r="AC11" s="39"/>
      <c r="AD11" s="39"/>
      <c r="AE11" s="39"/>
      <c r="AF11" s="39"/>
      <c r="AG11" s="39"/>
      <c r="AH11" s="39"/>
      <c r="AI11" s="39"/>
      <c r="AJ11" s="39"/>
      <c r="AK11" s="39"/>
      <c r="AL11" s="39"/>
      <c r="AM11" s="39"/>
      <c r="AN11" s="39"/>
      <c r="AO11" s="39"/>
      <c r="AP11" s="39"/>
      <c r="AQ11" s="39"/>
      <c r="AR11" s="39"/>
      <c r="AS11" s="39"/>
      <c r="AT11" s="39"/>
      <c r="AU11" s="39"/>
      <c r="AV11" s="39"/>
      <c r="AW11" s="39"/>
      <c r="AX11" s="39"/>
      <c r="AY11" s="39"/>
      <c r="AZ11" s="39"/>
      <c r="BA11" s="39"/>
      <c r="BB11" s="39"/>
      <c r="BC11" s="39"/>
      <c r="BD11" s="39"/>
      <c r="BE11" s="39"/>
      <c r="BF11" s="39"/>
      <c r="BG11" s="39"/>
      <c r="BH11" s="39"/>
      <c r="BI11" s="40"/>
    </row>
    <row r="12" spans="1:61">
      <c r="A12" s="412"/>
      <c r="B12" s="413"/>
      <c r="C12" s="413"/>
      <c r="D12" s="413"/>
      <c r="E12" s="413"/>
      <c r="F12" s="413"/>
      <c r="G12" s="414"/>
      <c r="H12" s="38"/>
      <c r="I12" s="39"/>
      <c r="J12" s="39"/>
      <c r="K12" s="39"/>
      <c r="L12" s="39"/>
      <c r="M12" s="39"/>
      <c r="N12" s="39"/>
      <c r="O12" s="39"/>
      <c r="P12" s="39"/>
      <c r="Q12" s="39"/>
      <c r="R12" s="39"/>
      <c r="S12" s="39"/>
      <c r="T12" s="39"/>
      <c r="U12" s="39"/>
      <c r="V12" s="39"/>
      <c r="W12" s="40"/>
      <c r="X12" s="38"/>
      <c r="Y12" s="39"/>
      <c r="Z12" s="39"/>
      <c r="AA12" s="39" t="s">
        <v>43</v>
      </c>
      <c r="AB12" s="39"/>
      <c r="AC12" s="39"/>
      <c r="AD12" s="39" t="s">
        <v>44</v>
      </c>
      <c r="AE12" s="39"/>
      <c r="AF12" s="39"/>
      <c r="AG12" s="39"/>
      <c r="AH12" s="39"/>
      <c r="AI12" s="39"/>
      <c r="AJ12" s="39"/>
      <c r="AK12" s="39"/>
      <c r="AL12" s="39"/>
      <c r="AM12" s="39"/>
      <c r="AN12" s="39"/>
      <c r="AO12" s="39"/>
      <c r="AP12" s="39"/>
      <c r="AQ12" s="39"/>
      <c r="AR12" s="39"/>
      <c r="AS12" s="39"/>
      <c r="AT12" s="39"/>
      <c r="AU12" s="39"/>
      <c r="AV12" s="39"/>
      <c r="AW12" s="39"/>
      <c r="AX12" s="39"/>
      <c r="AY12" s="39"/>
      <c r="AZ12" s="39"/>
      <c r="BA12" s="39"/>
      <c r="BB12" s="39"/>
      <c r="BC12" s="39"/>
      <c r="BD12" s="39"/>
      <c r="BE12" s="39"/>
      <c r="BF12" s="39"/>
      <c r="BG12" s="39"/>
      <c r="BH12" s="39"/>
      <c r="BI12" s="40"/>
    </row>
    <row r="13" spans="1:61">
      <c r="A13" s="412"/>
      <c r="B13" s="413"/>
      <c r="C13" s="413"/>
      <c r="D13" s="413"/>
      <c r="E13" s="413"/>
      <c r="F13" s="413"/>
      <c r="G13" s="414"/>
      <c r="H13" s="38"/>
      <c r="I13" s="39"/>
      <c r="J13" s="39"/>
      <c r="K13" s="39"/>
      <c r="L13" s="39"/>
      <c r="M13" s="39"/>
      <c r="N13" s="39"/>
      <c r="O13" s="39"/>
      <c r="P13" s="39"/>
      <c r="Q13" s="39"/>
      <c r="R13" s="39"/>
      <c r="S13" s="39"/>
      <c r="T13" s="39"/>
      <c r="U13" s="39"/>
      <c r="V13" s="39"/>
      <c r="W13" s="40"/>
      <c r="X13" s="38"/>
      <c r="Y13" s="39"/>
      <c r="Z13" s="39" t="s">
        <v>45</v>
      </c>
      <c r="AA13" s="39"/>
      <c r="AB13" s="39"/>
      <c r="AC13" s="39"/>
      <c r="AD13" s="39"/>
      <c r="AE13" s="39"/>
      <c r="AF13" s="39"/>
      <c r="AG13" s="39"/>
      <c r="AH13" s="39"/>
      <c r="AI13" s="39"/>
      <c r="AJ13" s="39"/>
      <c r="AK13" s="39"/>
      <c r="AL13" s="39"/>
      <c r="AM13" s="39"/>
      <c r="AN13" s="39"/>
      <c r="AO13" s="39"/>
      <c r="AP13" s="39"/>
      <c r="AQ13" s="39"/>
      <c r="AR13" s="39"/>
      <c r="AS13" s="39"/>
      <c r="AT13" s="39"/>
      <c r="AU13" s="39"/>
      <c r="AV13" s="39"/>
      <c r="AW13" s="39"/>
      <c r="AX13" s="39"/>
      <c r="AY13" s="39"/>
      <c r="AZ13" s="39"/>
      <c r="BA13" s="39"/>
      <c r="BB13" s="39"/>
      <c r="BC13" s="39"/>
      <c r="BD13" s="39"/>
      <c r="BE13" s="39"/>
      <c r="BF13" s="39"/>
      <c r="BG13" s="39"/>
      <c r="BH13" s="39"/>
      <c r="BI13" s="40"/>
    </row>
    <row r="14" spans="1:61">
      <c r="A14" s="412"/>
      <c r="B14" s="413"/>
      <c r="C14" s="413"/>
      <c r="D14" s="413"/>
      <c r="E14" s="413"/>
      <c r="F14" s="413"/>
      <c r="G14" s="414"/>
      <c r="H14" s="38"/>
      <c r="I14" s="39"/>
      <c r="J14" s="39"/>
      <c r="K14" s="39"/>
      <c r="L14" s="39"/>
      <c r="M14" s="39"/>
      <c r="N14" s="39"/>
      <c r="O14" s="39"/>
      <c r="P14" s="39"/>
      <c r="Q14" s="39"/>
      <c r="R14" s="39"/>
      <c r="S14" s="39"/>
      <c r="T14" s="39"/>
      <c r="U14" s="39"/>
      <c r="V14" s="39"/>
      <c r="W14" s="40"/>
      <c r="X14" s="38"/>
      <c r="Y14" s="39"/>
      <c r="Z14" s="39"/>
      <c r="AA14" s="39" t="s">
        <v>43</v>
      </c>
      <c r="AB14" s="39"/>
      <c r="AC14" s="39"/>
      <c r="AD14" s="39" t="s">
        <v>44</v>
      </c>
      <c r="AE14" s="39"/>
      <c r="AF14" s="39"/>
      <c r="AG14" s="39"/>
      <c r="AH14" s="39"/>
      <c r="AI14" s="39"/>
      <c r="AJ14" s="39"/>
      <c r="AK14" s="39"/>
      <c r="AL14" s="39"/>
      <c r="AM14" s="39"/>
      <c r="AN14" s="39"/>
      <c r="AO14" s="39"/>
      <c r="AP14" s="39"/>
      <c r="AQ14" s="39"/>
      <c r="AR14" s="39"/>
      <c r="AS14" s="39"/>
      <c r="AT14" s="39"/>
      <c r="AU14" s="39"/>
      <c r="AV14" s="39"/>
      <c r="AW14" s="39"/>
      <c r="AX14" s="39"/>
      <c r="AY14" s="39"/>
      <c r="AZ14" s="39"/>
      <c r="BA14" s="39"/>
      <c r="BB14" s="39"/>
      <c r="BC14" s="39"/>
      <c r="BD14" s="39"/>
      <c r="BE14" s="39"/>
      <c r="BF14" s="39"/>
      <c r="BG14" s="39"/>
      <c r="BH14" s="39"/>
      <c r="BI14" s="40"/>
    </row>
    <row r="15" spans="1:61">
      <c r="A15" s="412"/>
      <c r="B15" s="413"/>
      <c r="C15" s="413"/>
      <c r="D15" s="413"/>
      <c r="E15" s="413"/>
      <c r="F15" s="413"/>
      <c r="G15" s="414"/>
      <c r="H15" s="38"/>
      <c r="I15" s="39" t="s">
        <v>46</v>
      </c>
      <c r="J15" s="39"/>
      <c r="K15" s="39"/>
      <c r="L15" s="39"/>
      <c r="M15" s="39"/>
      <c r="N15" s="39"/>
      <c r="O15" s="39"/>
      <c r="P15" s="39"/>
      <c r="Q15" s="39"/>
      <c r="R15" s="39"/>
      <c r="S15" s="39"/>
      <c r="T15" s="39"/>
      <c r="U15" s="39"/>
      <c r="V15" s="39"/>
      <c r="W15" s="40"/>
      <c r="X15" s="38"/>
      <c r="Y15" s="39" t="s">
        <v>559</v>
      </c>
      <c r="Z15" s="39"/>
      <c r="AA15" s="39"/>
      <c r="AB15" s="39"/>
      <c r="AC15" s="39" t="s">
        <v>560</v>
      </c>
      <c r="AD15" s="39"/>
      <c r="AE15" s="39"/>
      <c r="AF15" s="39"/>
      <c r="AG15" s="39"/>
      <c r="AH15" s="39"/>
      <c r="AI15" s="39"/>
      <c r="AJ15" s="39"/>
      <c r="AK15" s="39"/>
      <c r="AL15" s="39"/>
      <c r="AM15" s="39"/>
      <c r="AN15" s="39"/>
      <c r="AO15" s="39"/>
      <c r="AP15" s="39"/>
      <c r="AQ15" s="39"/>
      <c r="AR15" s="39"/>
      <c r="AS15" s="39"/>
      <c r="AT15" s="39"/>
      <c r="AU15" s="39"/>
      <c r="AV15" s="39"/>
      <c r="AW15" s="39"/>
      <c r="AX15" s="39"/>
      <c r="AY15" s="39"/>
      <c r="AZ15" s="39"/>
      <c r="BA15" s="39"/>
      <c r="BB15" s="39"/>
      <c r="BC15" s="39"/>
      <c r="BD15" s="39"/>
      <c r="BE15" s="39"/>
      <c r="BF15" s="39"/>
      <c r="BG15" s="39"/>
      <c r="BH15" s="39"/>
      <c r="BI15" s="40"/>
    </row>
    <row r="16" spans="1:61">
      <c r="A16" s="42"/>
      <c r="B16" s="43"/>
      <c r="C16" s="43"/>
      <c r="D16" s="43"/>
      <c r="E16" s="43"/>
      <c r="F16" s="43"/>
      <c r="G16" s="44"/>
      <c r="H16" s="45"/>
      <c r="I16" s="46"/>
      <c r="J16" s="46"/>
      <c r="K16" s="46"/>
      <c r="L16" s="46"/>
      <c r="M16" s="46"/>
      <c r="N16" s="46"/>
      <c r="O16" s="46"/>
      <c r="P16" s="46"/>
      <c r="Q16" s="46"/>
      <c r="R16" s="46"/>
      <c r="S16" s="46"/>
      <c r="T16" s="46"/>
      <c r="U16" s="46"/>
      <c r="V16" s="46"/>
      <c r="W16" s="47"/>
      <c r="X16" s="45"/>
      <c r="Y16" s="46"/>
      <c r="Z16" s="46"/>
      <c r="AA16" s="46"/>
      <c r="AB16" s="46"/>
      <c r="AC16" s="46"/>
      <c r="AD16" s="46"/>
      <c r="AE16" s="46"/>
      <c r="AF16" s="46"/>
      <c r="AG16" s="46"/>
      <c r="AH16" s="46"/>
      <c r="AI16" s="46"/>
      <c r="AJ16" s="46"/>
      <c r="AK16" s="46"/>
      <c r="AL16" s="46"/>
      <c r="AM16" s="46"/>
      <c r="AN16" s="46"/>
      <c r="AO16" s="46"/>
      <c r="AP16" s="46"/>
      <c r="AQ16" s="46"/>
      <c r="AR16" s="46"/>
      <c r="AS16" s="46"/>
      <c r="AT16" s="46"/>
      <c r="AU16" s="46"/>
      <c r="AV16" s="46"/>
      <c r="AW16" s="46"/>
      <c r="AX16" s="46"/>
      <c r="AY16" s="46"/>
      <c r="AZ16" s="46"/>
      <c r="BA16" s="46"/>
      <c r="BB16" s="46"/>
      <c r="BC16" s="46"/>
      <c r="BD16" s="46"/>
      <c r="BE16" s="46"/>
      <c r="BF16" s="46"/>
      <c r="BG16" s="46"/>
      <c r="BH16" s="46"/>
      <c r="BI16" s="47"/>
    </row>
    <row r="17" spans="1:61">
      <c r="A17" s="583" t="s">
        <v>47</v>
      </c>
      <c r="B17" s="603"/>
      <c r="C17" s="603"/>
      <c r="D17" s="603"/>
      <c r="E17" s="603"/>
      <c r="F17" s="603"/>
      <c r="G17" s="604"/>
      <c r="H17" s="35"/>
      <c r="I17" s="36" t="s">
        <v>561</v>
      </c>
      <c r="J17" s="36"/>
      <c r="K17" s="36"/>
      <c r="L17" s="36"/>
      <c r="M17" s="36"/>
      <c r="N17" s="36"/>
      <c r="O17" s="36"/>
      <c r="P17" s="36"/>
      <c r="Q17" s="36"/>
      <c r="R17" s="36"/>
      <c r="S17" s="36"/>
      <c r="T17" s="36"/>
      <c r="U17" s="36"/>
      <c r="V17" s="36"/>
      <c r="W17" s="37"/>
      <c r="X17" s="35"/>
      <c r="Y17" s="36" t="s">
        <v>48</v>
      </c>
      <c r="Z17" s="36"/>
      <c r="AA17" s="36"/>
      <c r="AB17" s="36"/>
      <c r="AC17" s="36"/>
      <c r="AD17" s="36"/>
      <c r="AE17" s="36"/>
      <c r="AF17" s="36"/>
      <c r="AG17" s="36"/>
      <c r="AH17" s="36"/>
      <c r="AI17" s="36"/>
      <c r="AJ17" s="36"/>
      <c r="AK17" s="36"/>
      <c r="AL17" s="36"/>
      <c r="AM17" s="36"/>
      <c r="AN17" s="36"/>
      <c r="AO17" s="36"/>
      <c r="AP17" s="36"/>
      <c r="AQ17" s="36"/>
      <c r="AR17" s="36"/>
      <c r="AS17" s="36"/>
      <c r="AT17" s="36"/>
      <c r="AU17" s="36"/>
      <c r="AV17" s="36"/>
      <c r="AW17" s="36"/>
      <c r="AX17" s="36"/>
      <c r="AY17" s="36"/>
      <c r="AZ17" s="36"/>
      <c r="BA17" s="36"/>
      <c r="BB17" s="36"/>
      <c r="BC17" s="36"/>
      <c r="BD17" s="36"/>
      <c r="BE17" s="36"/>
      <c r="BF17" s="36"/>
      <c r="BG17" s="36"/>
      <c r="BH17" s="36"/>
      <c r="BI17" s="37"/>
    </row>
    <row r="18" spans="1:61">
      <c r="A18" s="412"/>
      <c r="B18" s="413"/>
      <c r="C18" s="413"/>
      <c r="D18" s="413"/>
      <c r="E18" s="413"/>
      <c r="F18" s="413"/>
      <c r="G18" s="414"/>
      <c r="H18" s="38"/>
      <c r="I18" s="39"/>
      <c r="J18" s="39"/>
      <c r="K18" s="39"/>
      <c r="L18" s="39"/>
      <c r="M18" s="39"/>
      <c r="N18" s="39"/>
      <c r="O18" s="39"/>
      <c r="P18" s="39"/>
      <c r="Q18" s="39"/>
      <c r="R18" s="39"/>
      <c r="S18" s="39"/>
      <c r="T18" s="39"/>
      <c r="U18" s="39"/>
      <c r="V18" s="39"/>
      <c r="W18" s="40"/>
      <c r="X18" s="38"/>
      <c r="Y18" s="39"/>
      <c r="Z18" s="39" t="s">
        <v>49</v>
      </c>
      <c r="AA18" s="39"/>
      <c r="AB18" s="39"/>
      <c r="AC18" s="39"/>
      <c r="AD18" s="39"/>
      <c r="AE18" s="39"/>
      <c r="AF18" s="39"/>
      <c r="AG18" s="39" t="s">
        <v>12</v>
      </c>
      <c r="AH18" s="39"/>
      <c r="AI18" s="39"/>
      <c r="AJ18" s="39"/>
      <c r="AK18" s="39"/>
      <c r="AL18" s="39"/>
      <c r="AM18" s="39"/>
      <c r="AN18" s="39"/>
      <c r="AO18" s="39"/>
      <c r="AP18" s="39"/>
      <c r="AQ18" s="39"/>
      <c r="AR18" s="39"/>
      <c r="AS18" s="39" t="s">
        <v>13</v>
      </c>
      <c r="AT18" s="39"/>
      <c r="AU18" s="39"/>
      <c r="AV18" s="39"/>
      <c r="AW18" s="39"/>
      <c r="AX18" s="39"/>
      <c r="AY18" s="39"/>
      <c r="AZ18" s="39"/>
      <c r="BA18" s="39" t="s">
        <v>14</v>
      </c>
      <c r="BB18" s="39"/>
      <c r="BC18" s="39"/>
      <c r="BD18" s="39"/>
      <c r="BE18" s="39"/>
      <c r="BF18" s="39"/>
      <c r="BG18" s="39"/>
      <c r="BH18" s="39"/>
      <c r="BI18" s="40"/>
    </row>
    <row r="19" spans="1:61">
      <c r="A19" s="412"/>
      <c r="B19" s="413"/>
      <c r="C19" s="413"/>
      <c r="D19" s="413"/>
      <c r="E19" s="413"/>
      <c r="F19" s="413"/>
      <c r="G19" s="414"/>
      <c r="H19" s="38"/>
      <c r="I19" s="39"/>
      <c r="J19" s="39"/>
      <c r="K19" s="39"/>
      <c r="L19" s="39"/>
      <c r="M19" s="39"/>
      <c r="N19" s="39"/>
      <c r="O19" s="39"/>
      <c r="P19" s="39"/>
      <c r="Q19" s="39"/>
      <c r="R19" s="39"/>
      <c r="S19" s="39"/>
      <c r="T19" s="39"/>
      <c r="U19" s="39"/>
      <c r="V19" s="39"/>
      <c r="W19" s="40"/>
      <c r="X19" s="38"/>
      <c r="Y19" s="39"/>
      <c r="Z19" s="39" t="s">
        <v>25</v>
      </c>
      <c r="AA19" s="39"/>
      <c r="AB19" s="39"/>
      <c r="AC19" s="39" t="s">
        <v>562</v>
      </c>
      <c r="AD19" s="605"/>
      <c r="AE19" s="616"/>
      <c r="AF19" s="616"/>
      <c r="AG19" s="616"/>
      <c r="AH19" s="616"/>
      <c r="AI19" s="616"/>
      <c r="AJ19" s="616"/>
      <c r="AK19" s="616"/>
      <c r="AL19" s="616"/>
      <c r="AM19" s="616"/>
      <c r="AN19" s="616"/>
      <c r="AO19" s="616"/>
      <c r="AP19" s="616"/>
      <c r="AQ19" s="616"/>
      <c r="AR19" s="616"/>
      <c r="AS19" s="616"/>
      <c r="AT19" s="616"/>
      <c r="AU19" s="616"/>
      <c r="AV19" s="616"/>
      <c r="AW19" s="616"/>
      <c r="AX19" s="616"/>
      <c r="AY19" s="616"/>
      <c r="AZ19" s="616"/>
      <c r="BA19" s="616"/>
      <c r="BB19" s="616"/>
      <c r="BC19" s="39" t="s">
        <v>563</v>
      </c>
      <c r="BD19" s="39"/>
      <c r="BE19" s="39" t="s">
        <v>52</v>
      </c>
      <c r="BF19" s="39"/>
      <c r="BG19" s="39"/>
      <c r="BH19" s="39"/>
      <c r="BI19" s="40"/>
    </row>
    <row r="20" spans="1:61">
      <c r="A20" s="412"/>
      <c r="B20" s="413"/>
      <c r="C20" s="413"/>
      <c r="D20" s="413"/>
      <c r="E20" s="413"/>
      <c r="F20" s="413"/>
      <c r="G20" s="414"/>
      <c r="H20" s="38"/>
      <c r="I20" s="580" t="s">
        <v>53</v>
      </c>
      <c r="J20" s="580"/>
      <c r="K20" s="580"/>
      <c r="L20" s="580"/>
      <c r="M20" s="580"/>
      <c r="N20" s="580"/>
      <c r="O20" s="580"/>
      <c r="P20" s="580"/>
      <c r="Q20" s="580"/>
      <c r="R20" s="580"/>
      <c r="S20" s="580"/>
      <c r="T20" s="580"/>
      <c r="U20" s="580"/>
      <c r="V20" s="580"/>
      <c r="W20" s="606"/>
      <c r="X20" s="38"/>
      <c r="Y20" s="39" t="s">
        <v>564</v>
      </c>
      <c r="Z20" s="39"/>
      <c r="AA20" s="39"/>
      <c r="AB20" s="39"/>
      <c r="AC20" s="39"/>
      <c r="AD20" s="39"/>
      <c r="AE20" s="39" t="s">
        <v>50</v>
      </c>
      <c r="AF20" s="578"/>
      <c r="AG20" s="578"/>
      <c r="AH20" s="578"/>
      <c r="AI20" s="578"/>
      <c r="AJ20" s="578"/>
      <c r="AK20" s="578"/>
      <c r="AL20" s="578"/>
      <c r="AM20" s="39" t="s">
        <v>51</v>
      </c>
      <c r="AN20" s="39"/>
      <c r="AO20" s="39" t="s">
        <v>54</v>
      </c>
      <c r="AP20" s="39"/>
      <c r="AQ20" s="39"/>
      <c r="AR20" s="39"/>
      <c r="AS20" s="39"/>
      <c r="AT20" s="39"/>
      <c r="AU20" s="39"/>
      <c r="AV20" s="39"/>
      <c r="AW20" s="39"/>
      <c r="AX20" s="39" t="s">
        <v>565</v>
      </c>
      <c r="AY20" s="578"/>
      <c r="AZ20" s="578"/>
      <c r="BA20" s="578"/>
      <c r="BB20" s="578"/>
      <c r="BC20" s="578"/>
      <c r="BD20" s="578"/>
      <c r="BE20" s="578"/>
      <c r="BF20" s="578"/>
      <c r="BG20" s="578"/>
      <c r="BH20" s="578"/>
      <c r="BI20" s="40" t="s">
        <v>563</v>
      </c>
    </row>
    <row r="21" spans="1:61">
      <c r="A21" s="412"/>
      <c r="B21" s="413"/>
      <c r="C21" s="413"/>
      <c r="D21" s="413"/>
      <c r="E21" s="413"/>
      <c r="F21" s="413"/>
      <c r="G21" s="414"/>
      <c r="H21" s="38"/>
      <c r="I21" s="580"/>
      <c r="J21" s="580"/>
      <c r="K21" s="580"/>
      <c r="L21" s="580"/>
      <c r="M21" s="580"/>
      <c r="N21" s="580"/>
      <c r="O21" s="580"/>
      <c r="P21" s="580"/>
      <c r="Q21" s="580"/>
      <c r="R21" s="580"/>
      <c r="S21" s="580"/>
      <c r="T21" s="580"/>
      <c r="U21" s="580"/>
      <c r="V21" s="580"/>
      <c r="W21" s="606"/>
      <c r="X21" s="38"/>
      <c r="Y21" s="39" t="s">
        <v>55</v>
      </c>
      <c r="Z21" s="39"/>
      <c r="AA21" s="39"/>
      <c r="AB21" s="39"/>
      <c r="AC21" s="39" t="s">
        <v>562</v>
      </c>
      <c r="AD21" s="578"/>
      <c r="AE21" s="578"/>
      <c r="AF21" s="578"/>
      <c r="AG21" s="578"/>
      <c r="AH21" s="578"/>
      <c r="AI21" s="578"/>
      <c r="AJ21" s="578"/>
      <c r="AK21" s="578"/>
      <c r="AL21" s="578"/>
      <c r="AM21" s="578"/>
      <c r="AN21" s="578"/>
      <c r="AO21" s="578"/>
      <c r="AP21" s="578"/>
      <c r="AQ21" s="578"/>
      <c r="AR21" s="578"/>
      <c r="AS21" s="578"/>
      <c r="AT21" s="578"/>
      <c r="AU21" s="578"/>
      <c r="AV21" s="578"/>
      <c r="AW21" s="578"/>
      <c r="AX21" s="578"/>
      <c r="AY21" s="578"/>
      <c r="AZ21" s="578"/>
      <c r="BA21" s="578"/>
      <c r="BB21" s="578"/>
      <c r="BC21" s="578"/>
      <c r="BD21" s="578"/>
      <c r="BE21" s="578"/>
      <c r="BF21" s="578"/>
      <c r="BG21" s="578"/>
      <c r="BH21" s="578"/>
      <c r="BI21" s="40" t="s">
        <v>51</v>
      </c>
    </row>
    <row r="22" spans="1:61">
      <c r="A22" s="412"/>
      <c r="B22" s="413"/>
      <c r="C22" s="413"/>
      <c r="D22" s="413"/>
      <c r="E22" s="413"/>
      <c r="F22" s="413"/>
      <c r="G22" s="414"/>
      <c r="H22" s="38"/>
      <c r="I22" s="48" t="s">
        <v>56</v>
      </c>
      <c r="J22" s="48"/>
      <c r="K22" s="48"/>
      <c r="L22" s="48"/>
      <c r="M22" s="408"/>
      <c r="N22" s="408"/>
      <c r="O22" s="408"/>
      <c r="P22" s="408"/>
      <c r="Q22" s="408"/>
      <c r="R22" s="408"/>
      <c r="S22" s="408"/>
      <c r="T22" s="408"/>
      <c r="U22" s="408"/>
      <c r="V22" s="408"/>
      <c r="W22" s="415"/>
      <c r="X22" s="38"/>
      <c r="Y22" s="39" t="s">
        <v>57</v>
      </c>
      <c r="Z22" s="39"/>
      <c r="AA22" s="39"/>
      <c r="AB22" s="39"/>
      <c r="AC22" s="39"/>
      <c r="AD22" s="39"/>
      <c r="AE22" s="39"/>
      <c r="AF22" s="39"/>
      <c r="AG22" s="39" t="s">
        <v>565</v>
      </c>
      <c r="AH22" s="578"/>
      <c r="AI22" s="578"/>
      <c r="AJ22" s="578"/>
      <c r="AK22" s="578"/>
      <c r="AL22" s="578"/>
      <c r="AM22" s="578"/>
      <c r="AN22" s="578"/>
      <c r="AO22" s="39" t="s">
        <v>566</v>
      </c>
      <c r="AP22" s="39"/>
      <c r="AQ22" s="39" t="s">
        <v>567</v>
      </c>
      <c r="AR22" s="39"/>
      <c r="AS22" s="39"/>
      <c r="AT22" s="39"/>
      <c r="AU22" s="39"/>
      <c r="AV22" s="39"/>
      <c r="AW22" s="39"/>
      <c r="AX22" s="39"/>
      <c r="AY22" s="39" t="s">
        <v>568</v>
      </c>
      <c r="AZ22" s="578"/>
      <c r="BA22" s="578"/>
      <c r="BB22" s="578"/>
      <c r="BC22" s="578"/>
      <c r="BD22" s="578"/>
      <c r="BE22" s="578"/>
      <c r="BF22" s="578"/>
      <c r="BG22" s="578"/>
      <c r="BH22" s="578"/>
      <c r="BI22" s="40" t="s">
        <v>569</v>
      </c>
    </row>
    <row r="23" spans="1:61">
      <c r="A23" s="412"/>
      <c r="B23" s="413"/>
      <c r="C23" s="413"/>
      <c r="D23" s="413"/>
      <c r="E23" s="413"/>
      <c r="F23" s="413"/>
      <c r="G23" s="414"/>
      <c r="H23" s="38"/>
      <c r="I23" s="407" t="s">
        <v>25</v>
      </c>
      <c r="J23" s="408"/>
      <c r="K23" s="408"/>
      <c r="L23" s="408" t="s">
        <v>568</v>
      </c>
      <c r="M23" s="578"/>
      <c r="N23" s="578"/>
      <c r="O23" s="578"/>
      <c r="P23" s="578"/>
      <c r="Q23" s="578"/>
      <c r="R23" s="578"/>
      <c r="S23" s="578"/>
      <c r="T23" s="578"/>
      <c r="U23" s="578"/>
      <c r="V23" s="578"/>
      <c r="W23" s="415" t="s">
        <v>569</v>
      </c>
      <c r="X23" s="38"/>
      <c r="Y23" s="39" t="s">
        <v>25</v>
      </c>
      <c r="Z23" s="39"/>
      <c r="AA23" s="39"/>
      <c r="AB23" s="39" t="s">
        <v>568</v>
      </c>
      <c r="AC23" s="578"/>
      <c r="AD23" s="578"/>
      <c r="AE23" s="578"/>
      <c r="AF23" s="578"/>
      <c r="AG23" s="578"/>
      <c r="AH23" s="578"/>
      <c r="AI23" s="578"/>
      <c r="AJ23" s="578"/>
      <c r="AK23" s="578"/>
      <c r="AL23" s="578"/>
      <c r="AM23" s="578"/>
      <c r="AN23" s="578"/>
      <c r="AO23" s="578"/>
      <c r="AP23" s="578"/>
      <c r="AQ23" s="578"/>
      <c r="AR23" s="578"/>
      <c r="AS23" s="578"/>
      <c r="AT23" s="578"/>
      <c r="AU23" s="578"/>
      <c r="AV23" s="578"/>
      <c r="AW23" s="578"/>
      <c r="AX23" s="578"/>
      <c r="AY23" s="578"/>
      <c r="AZ23" s="578"/>
      <c r="BA23" s="578"/>
      <c r="BB23" s="578"/>
      <c r="BC23" s="578"/>
      <c r="BD23" s="578"/>
      <c r="BE23" s="578"/>
      <c r="BF23" s="578"/>
      <c r="BG23" s="578"/>
      <c r="BH23" s="578"/>
      <c r="BI23" s="40" t="s">
        <v>569</v>
      </c>
    </row>
    <row r="24" spans="1:61">
      <c r="A24" s="412"/>
      <c r="B24" s="413"/>
      <c r="C24" s="413"/>
      <c r="D24" s="413"/>
      <c r="E24" s="413"/>
      <c r="F24" s="413"/>
      <c r="G24" s="414"/>
      <c r="H24" s="38"/>
      <c r="I24" s="407"/>
      <c r="J24" s="408"/>
      <c r="K24" s="408"/>
      <c r="L24" s="408"/>
      <c r="M24" s="408"/>
      <c r="N24" s="408"/>
      <c r="O24" s="408"/>
      <c r="P24" s="408"/>
      <c r="Q24" s="408"/>
      <c r="R24" s="408"/>
      <c r="S24" s="408"/>
      <c r="T24" s="408"/>
      <c r="U24" s="408"/>
      <c r="V24" s="408"/>
      <c r="W24" s="415"/>
      <c r="X24" s="38"/>
      <c r="Y24" s="46"/>
      <c r="Z24" s="46"/>
      <c r="AA24" s="39"/>
      <c r="AB24" s="39"/>
      <c r="AC24" s="39"/>
      <c r="AD24" s="39"/>
      <c r="AE24" s="39"/>
      <c r="AF24" s="39"/>
      <c r="AG24" s="39"/>
      <c r="AH24" s="39"/>
      <c r="AI24" s="39"/>
      <c r="AJ24" s="39"/>
      <c r="AK24" s="39"/>
      <c r="AL24" s="39"/>
      <c r="AM24" s="39"/>
      <c r="AN24" s="39"/>
      <c r="AO24" s="39"/>
      <c r="AP24" s="39"/>
      <c r="AQ24" s="39"/>
      <c r="AR24" s="39"/>
      <c r="AS24" s="39"/>
      <c r="AT24" s="39"/>
      <c r="AU24" s="39"/>
      <c r="AV24" s="39"/>
      <c r="AW24" s="39"/>
      <c r="AX24" s="39"/>
      <c r="AY24" s="39"/>
      <c r="AZ24" s="39"/>
      <c r="BA24" s="39"/>
      <c r="BB24" s="46"/>
      <c r="BC24" s="46"/>
      <c r="BD24" s="46"/>
      <c r="BE24" s="46"/>
      <c r="BF24" s="46"/>
      <c r="BG24" s="46"/>
      <c r="BH24" s="46"/>
      <c r="BI24" s="47"/>
    </row>
    <row r="25" spans="1:61">
      <c r="A25" s="583" t="s">
        <v>58</v>
      </c>
      <c r="B25" s="603"/>
      <c r="C25" s="603"/>
      <c r="D25" s="603"/>
      <c r="E25" s="603"/>
      <c r="F25" s="603"/>
      <c r="G25" s="604"/>
      <c r="H25" s="35"/>
      <c r="I25" s="36" t="s">
        <v>15</v>
      </c>
      <c r="J25" s="36"/>
      <c r="K25" s="36"/>
      <c r="L25" s="36"/>
      <c r="M25" s="36"/>
      <c r="N25" s="36"/>
      <c r="O25" s="36"/>
      <c r="P25" s="36"/>
      <c r="Q25" s="36"/>
      <c r="R25" s="36"/>
      <c r="S25" s="36"/>
      <c r="T25" s="36"/>
      <c r="U25" s="36"/>
      <c r="V25" s="36"/>
      <c r="W25" s="37"/>
      <c r="X25" s="409"/>
      <c r="Y25" s="416" t="s">
        <v>16</v>
      </c>
      <c r="Z25" s="416"/>
      <c r="AA25" s="416"/>
      <c r="AB25" s="416"/>
      <c r="AC25" s="416"/>
      <c r="AD25" s="416"/>
      <c r="AE25" s="49" t="s">
        <v>568</v>
      </c>
      <c r="AF25" s="416"/>
      <c r="AG25" s="416" t="s">
        <v>59</v>
      </c>
      <c r="AH25" s="416"/>
      <c r="AI25" s="416"/>
      <c r="AJ25" s="416"/>
      <c r="AK25" s="416"/>
      <c r="AL25" s="416" t="s">
        <v>570</v>
      </c>
      <c r="AM25" s="611"/>
      <c r="AN25" s="611"/>
      <c r="AO25" s="416" t="s">
        <v>571</v>
      </c>
      <c r="AP25" s="416" t="s">
        <v>570</v>
      </c>
      <c r="AQ25" s="611"/>
      <c r="AR25" s="611"/>
      <c r="AS25" s="416"/>
      <c r="AT25" s="416"/>
      <c r="AU25" s="416" t="s">
        <v>52</v>
      </c>
      <c r="AV25" s="416"/>
      <c r="AW25" s="416"/>
      <c r="AX25" s="416"/>
      <c r="AY25" s="416" t="s">
        <v>569</v>
      </c>
      <c r="AZ25" s="416"/>
      <c r="BA25" s="416"/>
      <c r="BB25" s="416"/>
      <c r="BC25" s="416"/>
      <c r="BD25" s="416"/>
      <c r="BE25" s="416"/>
      <c r="BF25" s="416"/>
      <c r="BG25" s="416"/>
      <c r="BH25" s="416"/>
      <c r="BI25" s="50"/>
    </row>
    <row r="26" spans="1:61">
      <c r="A26" s="412"/>
      <c r="B26" s="413"/>
      <c r="C26" s="413"/>
      <c r="D26" s="413"/>
      <c r="E26" s="413"/>
      <c r="F26" s="413"/>
      <c r="G26" s="414"/>
      <c r="H26" s="38"/>
      <c r="I26" s="39"/>
      <c r="J26" s="39"/>
      <c r="K26" s="39"/>
      <c r="L26" s="39"/>
      <c r="M26" s="39"/>
      <c r="N26" s="39"/>
      <c r="O26" s="39"/>
      <c r="P26" s="39"/>
      <c r="Q26" s="39"/>
      <c r="R26" s="39"/>
      <c r="S26" s="39"/>
      <c r="T26" s="39"/>
      <c r="U26" s="39"/>
      <c r="V26" s="39"/>
      <c r="W26" s="40"/>
      <c r="X26" s="51"/>
      <c r="Y26" s="407" t="s">
        <v>17</v>
      </c>
      <c r="Z26" s="407"/>
      <c r="AA26" s="407"/>
      <c r="AB26" s="407"/>
      <c r="AC26" s="407"/>
      <c r="AD26" s="407"/>
      <c r="AE26" s="52" t="s">
        <v>568</v>
      </c>
      <c r="AF26" s="407"/>
      <c r="AG26" s="407" t="s">
        <v>60</v>
      </c>
      <c r="AH26" s="407"/>
      <c r="AI26" s="578"/>
      <c r="AJ26" s="578"/>
      <c r="AK26" s="407" t="s">
        <v>61</v>
      </c>
      <c r="AL26" s="578"/>
      <c r="AM26" s="578"/>
      <c r="AN26" s="407" t="s">
        <v>62</v>
      </c>
      <c r="AP26" s="407"/>
      <c r="AQ26" s="407"/>
      <c r="AR26" s="407" t="s">
        <v>52</v>
      </c>
      <c r="AS26" s="407"/>
      <c r="AT26" s="407"/>
      <c r="AU26" s="407"/>
      <c r="AV26" s="407" t="s">
        <v>572</v>
      </c>
      <c r="AW26" s="407"/>
      <c r="AX26" s="407"/>
      <c r="AY26" s="407"/>
      <c r="AZ26" s="407"/>
      <c r="BA26" s="407"/>
      <c r="BB26" s="407"/>
      <c r="BC26" s="407"/>
      <c r="BD26" s="407"/>
      <c r="BE26" s="407"/>
      <c r="BF26" s="407"/>
      <c r="BG26" s="407"/>
      <c r="BH26" s="407"/>
      <c r="BI26" s="53"/>
    </row>
    <row r="27" spans="1:61">
      <c r="A27" s="412"/>
      <c r="B27" s="413"/>
      <c r="C27" s="413"/>
      <c r="D27" s="413"/>
      <c r="E27" s="413"/>
      <c r="F27" s="413"/>
      <c r="G27" s="414"/>
      <c r="H27" s="38"/>
      <c r="I27" s="39" t="s">
        <v>63</v>
      </c>
      <c r="J27" s="39"/>
      <c r="K27" s="39"/>
      <c r="L27" s="39"/>
      <c r="M27" s="39"/>
      <c r="N27" s="39"/>
      <c r="O27" s="39"/>
      <c r="P27" s="39"/>
      <c r="Q27" s="39"/>
      <c r="R27" s="39"/>
      <c r="S27" s="39"/>
      <c r="T27" s="39"/>
      <c r="U27" s="39"/>
      <c r="V27" s="39"/>
      <c r="W27" s="40"/>
      <c r="X27" s="51"/>
      <c r="Y27" s="407" t="s">
        <v>64</v>
      </c>
      <c r="Z27" s="407"/>
      <c r="AA27" s="407"/>
      <c r="AB27" s="407"/>
      <c r="AC27" s="52" t="s">
        <v>573</v>
      </c>
      <c r="AD27" s="54"/>
      <c r="AE27" s="54" t="s">
        <v>65</v>
      </c>
      <c r="AF27" s="407"/>
      <c r="AG27" s="407"/>
      <c r="AH27" s="407"/>
      <c r="AI27" s="407"/>
      <c r="AJ27" s="407" t="s">
        <v>66</v>
      </c>
      <c r="AK27" s="407"/>
      <c r="AL27" s="407"/>
      <c r="AM27" s="407"/>
      <c r="AN27" s="407"/>
      <c r="AO27" s="407" t="s">
        <v>25</v>
      </c>
      <c r="AP27" s="407"/>
      <c r="AQ27" s="407"/>
      <c r="AR27" s="407" t="s">
        <v>573</v>
      </c>
      <c r="AS27" s="578"/>
      <c r="AT27" s="595"/>
      <c r="AU27" s="595"/>
      <c r="AV27" s="595"/>
      <c r="AW27" s="595"/>
      <c r="AX27" s="595"/>
      <c r="AY27" s="595"/>
      <c r="AZ27" s="595"/>
      <c r="BA27" s="595"/>
      <c r="BB27" s="595"/>
      <c r="BC27" s="595"/>
      <c r="BD27" s="407" t="s">
        <v>572</v>
      </c>
      <c r="BE27" s="407"/>
      <c r="BF27" s="407" t="s">
        <v>52</v>
      </c>
      <c r="BG27" s="407"/>
      <c r="BH27" s="407"/>
      <c r="BI27" s="53"/>
    </row>
    <row r="28" spans="1:61">
      <c r="A28" s="412"/>
      <c r="B28" s="413"/>
      <c r="C28" s="413"/>
      <c r="D28" s="413"/>
      <c r="E28" s="413"/>
      <c r="F28" s="413"/>
      <c r="G28" s="414"/>
      <c r="H28" s="38"/>
      <c r="I28" s="39"/>
      <c r="J28" s="39"/>
      <c r="K28" s="39"/>
      <c r="L28" s="39"/>
      <c r="M28" s="39"/>
      <c r="N28" s="39"/>
      <c r="O28" s="39"/>
      <c r="P28" s="39"/>
      <c r="Q28" s="39"/>
      <c r="R28" s="39"/>
      <c r="S28" s="39"/>
      <c r="T28" s="39"/>
      <c r="U28" s="39"/>
      <c r="V28" s="39"/>
      <c r="W28" s="40"/>
      <c r="X28" s="51"/>
      <c r="Y28" s="407" t="s">
        <v>67</v>
      </c>
      <c r="Z28" s="407"/>
      <c r="AA28" s="407"/>
      <c r="AB28" s="407"/>
      <c r="AC28" s="407"/>
      <c r="AD28" s="407"/>
      <c r="AE28" s="52"/>
      <c r="AG28" s="407" t="s">
        <v>573</v>
      </c>
      <c r="AH28" s="578"/>
      <c r="AI28" s="578"/>
      <c r="AJ28" s="578"/>
      <c r="AK28" s="578"/>
      <c r="AL28" s="578"/>
      <c r="AM28" s="578"/>
      <c r="AN28" s="578"/>
      <c r="AO28" s="578"/>
      <c r="AP28" s="578"/>
      <c r="AQ28" s="578"/>
      <c r="AR28" s="578"/>
      <c r="AS28" s="578"/>
      <c r="AT28" s="578"/>
      <c r="AU28" s="578"/>
      <c r="AV28" s="578"/>
      <c r="AW28" s="578"/>
      <c r="AX28" s="578"/>
      <c r="AY28" s="578"/>
      <c r="AZ28" s="578"/>
      <c r="BA28" s="578"/>
      <c r="BB28" s="578"/>
      <c r="BC28" s="578"/>
      <c r="BD28" s="578"/>
      <c r="BE28" s="578"/>
      <c r="BF28" s="578"/>
      <c r="BG28" s="578"/>
      <c r="BH28" s="578"/>
      <c r="BI28" s="53" t="s">
        <v>572</v>
      </c>
    </row>
    <row r="29" spans="1:61">
      <c r="A29" s="412"/>
      <c r="B29" s="413"/>
      <c r="C29" s="413"/>
      <c r="D29" s="413"/>
      <c r="E29" s="413"/>
      <c r="F29" s="413"/>
      <c r="G29" s="414"/>
      <c r="H29" s="38"/>
      <c r="I29" s="39"/>
      <c r="J29" s="39"/>
      <c r="K29" s="39"/>
      <c r="L29" s="39"/>
      <c r="M29" s="39"/>
      <c r="N29" s="39"/>
      <c r="O29" s="39"/>
      <c r="P29" s="39"/>
      <c r="Q29" s="39"/>
      <c r="R29" s="39"/>
      <c r="S29" s="39"/>
      <c r="T29" s="39"/>
      <c r="U29" s="39"/>
      <c r="V29" s="39"/>
      <c r="W29" s="40"/>
      <c r="X29" s="51"/>
      <c r="Y29" s="407" t="s">
        <v>68</v>
      </c>
      <c r="Z29" s="407"/>
      <c r="AA29" s="407"/>
      <c r="AB29" s="407"/>
      <c r="AC29" s="407"/>
      <c r="AD29" s="407"/>
      <c r="AE29" s="407"/>
      <c r="AF29" s="407"/>
      <c r="AG29" s="407"/>
      <c r="AH29" s="407"/>
      <c r="AI29" s="407" t="s">
        <v>574</v>
      </c>
      <c r="AJ29" s="407"/>
      <c r="AK29" s="602"/>
      <c r="AL29" s="602"/>
      <c r="AM29" s="407" t="s">
        <v>575</v>
      </c>
      <c r="AN29" s="407"/>
      <c r="AO29" s="407"/>
      <c r="AP29" s="407"/>
      <c r="AQ29" s="407"/>
      <c r="AR29" s="407"/>
      <c r="AS29" s="407"/>
      <c r="AT29" s="407"/>
      <c r="AU29" s="407"/>
      <c r="AV29" s="407"/>
      <c r="AW29" s="407"/>
      <c r="AX29" s="407"/>
      <c r="AY29" s="407"/>
      <c r="AZ29" s="407"/>
      <c r="BA29" s="407"/>
      <c r="BB29" s="407"/>
      <c r="BC29" s="407"/>
      <c r="BD29" s="407"/>
      <c r="BE29" s="407"/>
      <c r="BF29" s="407"/>
      <c r="BG29" s="407"/>
      <c r="BH29" s="407"/>
      <c r="BI29" s="53"/>
    </row>
    <row r="30" spans="1:61">
      <c r="A30" s="412"/>
      <c r="B30" s="413"/>
      <c r="C30" s="413"/>
      <c r="D30" s="413"/>
      <c r="E30" s="413"/>
      <c r="F30" s="413"/>
      <c r="G30" s="414"/>
      <c r="H30" s="38"/>
      <c r="I30" s="39"/>
      <c r="J30" s="39"/>
      <c r="K30" s="39"/>
      <c r="L30" s="39"/>
      <c r="M30" s="39"/>
      <c r="N30" s="39"/>
      <c r="O30" s="39"/>
      <c r="P30" s="39"/>
      <c r="Q30" s="39"/>
      <c r="R30" s="39"/>
      <c r="S30" s="39"/>
      <c r="T30" s="39"/>
      <c r="U30" s="39"/>
      <c r="V30" s="39"/>
      <c r="W30" s="40"/>
      <c r="X30" s="38"/>
      <c r="Y30" s="407" t="s">
        <v>69</v>
      </c>
      <c r="Z30" s="407"/>
      <c r="AA30" s="407"/>
      <c r="AB30" s="407"/>
      <c r="AC30" s="407"/>
      <c r="AD30" s="407"/>
      <c r="AE30" s="407"/>
      <c r="AG30" s="407" t="s">
        <v>568</v>
      </c>
      <c r="AH30" s="610"/>
      <c r="AI30" s="610"/>
      <c r="AJ30" s="610"/>
      <c r="AK30" s="610"/>
      <c r="AL30" s="610"/>
      <c r="AM30" s="610"/>
      <c r="AN30" s="610"/>
      <c r="AO30" s="610"/>
      <c r="AP30" s="610"/>
      <c r="AQ30" s="610"/>
      <c r="AR30" s="610"/>
      <c r="AS30" s="610"/>
      <c r="AT30" s="610"/>
      <c r="AU30" s="610"/>
      <c r="AV30" s="610"/>
      <c r="AW30" s="610"/>
      <c r="AX30" s="610"/>
      <c r="AY30" s="610"/>
      <c r="AZ30" s="610"/>
      <c r="BA30" s="610"/>
      <c r="BB30" s="610"/>
      <c r="BC30" s="610"/>
      <c r="BD30" s="610"/>
      <c r="BE30" s="610"/>
      <c r="BF30" s="610"/>
      <c r="BG30" s="610"/>
      <c r="BH30" s="610"/>
      <c r="BI30" s="53" t="s">
        <v>569</v>
      </c>
    </row>
    <row r="31" spans="1:61">
      <c r="A31" s="412"/>
      <c r="B31" s="413"/>
      <c r="C31" s="413"/>
      <c r="D31" s="413"/>
      <c r="E31" s="413"/>
      <c r="F31" s="413"/>
      <c r="G31" s="414"/>
      <c r="H31" s="38"/>
      <c r="I31" s="39" t="s">
        <v>25</v>
      </c>
      <c r="J31" s="39"/>
      <c r="K31" s="39"/>
      <c r="L31" s="39" t="s">
        <v>568</v>
      </c>
      <c r="M31" s="578"/>
      <c r="N31" s="578"/>
      <c r="O31" s="578"/>
      <c r="P31" s="578"/>
      <c r="Q31" s="578"/>
      <c r="R31" s="578"/>
      <c r="S31" s="578"/>
      <c r="T31" s="578"/>
      <c r="U31" s="578"/>
      <c r="V31" s="578"/>
      <c r="W31" s="40" t="s">
        <v>569</v>
      </c>
      <c r="X31" s="38"/>
      <c r="Y31" s="407" t="s">
        <v>25</v>
      </c>
      <c r="Z31" s="407"/>
      <c r="AA31" s="407"/>
      <c r="AB31" s="407" t="s">
        <v>568</v>
      </c>
      <c r="AC31" s="578"/>
      <c r="AD31" s="578"/>
      <c r="AE31" s="578"/>
      <c r="AF31" s="578"/>
      <c r="AG31" s="578"/>
      <c r="AH31" s="578"/>
      <c r="AI31" s="578"/>
      <c r="AJ31" s="578"/>
      <c r="AK31" s="578"/>
      <c r="AL31" s="578"/>
      <c r="AM31" s="578"/>
      <c r="AN31" s="578"/>
      <c r="AO31" s="578"/>
      <c r="AP31" s="578"/>
      <c r="AQ31" s="578"/>
      <c r="AR31" s="578"/>
      <c r="AS31" s="578"/>
      <c r="AT31" s="578"/>
      <c r="AU31" s="578"/>
      <c r="AV31" s="578"/>
      <c r="AW31" s="578"/>
      <c r="AX31" s="578"/>
      <c r="AY31" s="578"/>
      <c r="AZ31" s="578"/>
      <c r="BA31" s="578"/>
      <c r="BB31" s="578"/>
      <c r="BC31" s="578"/>
      <c r="BD31" s="578"/>
      <c r="BE31" s="578"/>
      <c r="BF31" s="578"/>
      <c r="BG31" s="578"/>
      <c r="BH31" s="578"/>
      <c r="BI31" s="53" t="s">
        <v>569</v>
      </c>
    </row>
    <row r="32" spans="1:61">
      <c r="A32" s="55"/>
      <c r="B32" s="56"/>
      <c r="C32" s="56"/>
      <c r="D32" s="56"/>
      <c r="E32" s="56"/>
      <c r="F32" s="56"/>
      <c r="G32" s="57"/>
      <c r="H32" s="45"/>
      <c r="I32" s="46"/>
      <c r="J32" s="46"/>
      <c r="K32" s="46"/>
      <c r="L32" s="46"/>
      <c r="M32" s="46"/>
      <c r="N32" s="46"/>
      <c r="O32" s="46"/>
      <c r="P32" s="46"/>
      <c r="Q32" s="46"/>
      <c r="R32" s="46"/>
      <c r="S32" s="46"/>
      <c r="T32" s="46"/>
      <c r="U32" s="46"/>
      <c r="V32" s="46"/>
      <c r="W32" s="47"/>
      <c r="X32" s="45"/>
      <c r="Y32" s="56"/>
      <c r="Z32" s="56"/>
      <c r="AA32" s="56"/>
      <c r="AB32" s="56"/>
      <c r="AC32" s="56"/>
      <c r="AD32" s="56"/>
      <c r="AE32" s="56"/>
      <c r="AF32" s="56"/>
      <c r="AG32" s="56"/>
      <c r="AH32" s="56"/>
      <c r="AI32" s="56"/>
      <c r="AJ32" s="56"/>
      <c r="AK32" s="56"/>
      <c r="AL32" s="56"/>
      <c r="AM32" s="56"/>
      <c r="AN32" s="56"/>
      <c r="AO32" s="56"/>
      <c r="AP32" s="56"/>
      <c r="AQ32" s="56"/>
      <c r="AR32" s="56"/>
      <c r="AS32" s="56"/>
      <c r="AT32" s="56"/>
      <c r="AU32" s="56"/>
      <c r="AV32" s="56"/>
      <c r="AW32" s="56"/>
      <c r="AX32" s="56"/>
      <c r="AY32" s="56"/>
      <c r="AZ32" s="56"/>
      <c r="BA32" s="56"/>
      <c r="BB32" s="56"/>
      <c r="BC32" s="56"/>
      <c r="BD32" s="56"/>
      <c r="BE32" s="56"/>
      <c r="BF32" s="56"/>
      <c r="BG32" s="56"/>
      <c r="BH32" s="56"/>
      <c r="BI32" s="57"/>
    </row>
    <row r="33" spans="1:61">
      <c r="A33" s="583" t="s">
        <v>70</v>
      </c>
      <c r="B33" s="603"/>
      <c r="C33" s="603"/>
      <c r="D33" s="603"/>
      <c r="E33" s="603"/>
      <c r="F33" s="603"/>
      <c r="G33" s="604"/>
      <c r="H33" s="35"/>
      <c r="I33" s="36" t="s">
        <v>71</v>
      </c>
      <c r="J33" s="36"/>
      <c r="K33" s="36"/>
      <c r="L33" s="36"/>
      <c r="M33" s="36"/>
      <c r="N33" s="36"/>
      <c r="O33" s="36"/>
      <c r="P33" s="36"/>
      <c r="Q33" s="36"/>
      <c r="R33" s="36"/>
      <c r="S33" s="36"/>
      <c r="T33" s="36"/>
      <c r="U33" s="36"/>
      <c r="V33" s="36"/>
      <c r="W33" s="37"/>
      <c r="X33" s="35"/>
      <c r="Y33" s="416" t="s">
        <v>72</v>
      </c>
      <c r="Z33" s="416"/>
      <c r="AA33" s="416"/>
      <c r="AB33" s="416"/>
      <c r="AC33" s="416"/>
      <c r="AD33" s="416"/>
      <c r="AE33" s="416"/>
      <c r="AF33" s="416"/>
      <c r="AG33" s="416"/>
      <c r="AH33" s="416"/>
      <c r="AI33" s="416"/>
      <c r="AJ33" s="416"/>
      <c r="AK33" s="416"/>
      <c r="AL33" s="416"/>
      <c r="AM33" s="416"/>
      <c r="AN33" s="416"/>
      <c r="AO33" s="416"/>
      <c r="AP33" s="416"/>
      <c r="AQ33" s="416"/>
      <c r="AR33" s="416"/>
      <c r="AS33" s="416"/>
      <c r="AT33" s="416"/>
      <c r="AU33" s="416"/>
      <c r="AV33" s="416"/>
      <c r="AW33" s="416"/>
      <c r="AX33" s="416"/>
      <c r="AY33" s="416"/>
      <c r="AZ33" s="416"/>
      <c r="BA33" s="416"/>
      <c r="BB33" s="416"/>
      <c r="BC33" s="416"/>
      <c r="BD33" s="416"/>
      <c r="BE33" s="416"/>
      <c r="BF33" s="416"/>
      <c r="BG33" s="416"/>
      <c r="BH33" s="416"/>
      <c r="BI33" s="50"/>
    </row>
    <row r="34" spans="1:61">
      <c r="A34" s="58"/>
      <c r="B34" s="407"/>
      <c r="C34" s="407"/>
      <c r="D34" s="407"/>
      <c r="E34" s="407"/>
      <c r="F34" s="407"/>
      <c r="G34" s="53"/>
      <c r="H34" s="38"/>
      <c r="I34" s="39"/>
      <c r="J34" s="39"/>
      <c r="K34" s="39"/>
      <c r="L34" s="39"/>
      <c r="M34" s="39"/>
      <c r="N34" s="39"/>
      <c r="O34" s="39"/>
      <c r="P34" s="39"/>
      <c r="Q34" s="39"/>
      <c r="R34" s="39"/>
      <c r="S34" s="39"/>
      <c r="T34" s="39"/>
      <c r="U34" s="39"/>
      <c r="V34" s="39"/>
      <c r="W34" s="40"/>
      <c r="X34" s="38"/>
      <c r="Y34" s="407"/>
      <c r="Z34" s="407" t="s">
        <v>73</v>
      </c>
      <c r="AA34" s="407"/>
      <c r="AB34" s="407"/>
      <c r="AC34" s="407"/>
      <c r="AD34" s="407" t="s">
        <v>74</v>
      </c>
      <c r="AE34" s="407"/>
      <c r="AF34" s="407"/>
      <c r="AG34" s="407"/>
      <c r="AH34" s="407" t="s">
        <v>75</v>
      </c>
      <c r="AI34" s="407"/>
      <c r="AJ34" s="407"/>
      <c r="AK34" s="407"/>
      <c r="AL34" s="407" t="s">
        <v>76</v>
      </c>
      <c r="AM34" s="407"/>
      <c r="AN34" s="407"/>
      <c r="AO34" s="407"/>
      <c r="AP34" s="407" t="s">
        <v>77</v>
      </c>
      <c r="AQ34" s="407"/>
      <c r="AR34" s="407"/>
      <c r="AS34" s="407"/>
      <c r="AT34" s="407"/>
      <c r="AU34" s="407" t="s">
        <v>25</v>
      </c>
      <c r="AV34" s="407"/>
      <c r="AW34" s="407"/>
      <c r="AX34" s="407" t="s">
        <v>568</v>
      </c>
      <c r="AY34" s="578"/>
      <c r="AZ34" s="578"/>
      <c r="BA34" s="578"/>
      <c r="BB34" s="578"/>
      <c r="BC34" s="578"/>
      <c r="BD34" s="578"/>
      <c r="BE34" s="578"/>
      <c r="BF34" s="578"/>
      <c r="BG34" s="578"/>
      <c r="BH34" s="578"/>
      <c r="BI34" s="53" t="s">
        <v>569</v>
      </c>
    </row>
    <row r="35" spans="1:61">
      <c r="A35" s="58"/>
      <c r="B35" s="407"/>
      <c r="C35" s="407"/>
      <c r="D35" s="407"/>
      <c r="E35" s="407"/>
      <c r="F35" s="407"/>
      <c r="G35" s="53"/>
      <c r="H35" s="38"/>
      <c r="I35" s="39"/>
      <c r="J35" s="39"/>
      <c r="K35" s="39"/>
      <c r="L35" s="39"/>
      <c r="M35" s="39"/>
      <c r="N35" s="39"/>
      <c r="O35" s="39"/>
      <c r="P35" s="39"/>
      <c r="Q35" s="39"/>
      <c r="R35" s="39"/>
      <c r="S35" s="39"/>
      <c r="T35" s="39"/>
      <c r="U35" s="39"/>
      <c r="V35" s="39"/>
      <c r="W35" s="40"/>
      <c r="X35" s="38"/>
      <c r="Y35" s="407" t="s">
        <v>55</v>
      </c>
      <c r="Z35" s="407"/>
      <c r="AA35" s="407"/>
      <c r="AB35" s="407"/>
      <c r="AC35" s="407"/>
      <c r="AD35" s="407"/>
      <c r="AE35" s="407"/>
      <c r="AF35" s="407"/>
      <c r="AG35" s="407"/>
      <c r="AH35" s="407"/>
      <c r="AI35" s="407"/>
      <c r="AJ35" s="407"/>
      <c r="AK35" s="407"/>
      <c r="AL35" s="407"/>
      <c r="AM35" s="407"/>
      <c r="AN35" s="407"/>
      <c r="AO35" s="407"/>
      <c r="AP35" s="407"/>
      <c r="AQ35" s="407"/>
      <c r="AR35" s="407"/>
      <c r="AS35" s="407"/>
      <c r="AT35" s="407"/>
      <c r="AU35" s="407"/>
      <c r="AV35" s="407"/>
      <c r="AW35" s="407"/>
      <c r="AX35" s="407"/>
      <c r="AY35" s="407"/>
      <c r="AZ35" s="407"/>
      <c r="BA35" s="407"/>
      <c r="BB35" s="407"/>
      <c r="BC35" s="407"/>
      <c r="BD35" s="407"/>
      <c r="BE35" s="407"/>
      <c r="BF35" s="407"/>
      <c r="BG35" s="407"/>
      <c r="BH35" s="407"/>
      <c r="BI35" s="53"/>
    </row>
    <row r="36" spans="1:61">
      <c r="A36" s="58"/>
      <c r="B36" s="407"/>
      <c r="C36" s="407"/>
      <c r="D36" s="407"/>
      <c r="E36" s="407"/>
      <c r="F36" s="407"/>
      <c r="G36" s="53"/>
      <c r="H36" s="38"/>
      <c r="I36" s="39"/>
      <c r="J36" s="39"/>
      <c r="K36" s="39"/>
      <c r="L36" s="39"/>
      <c r="M36" s="39"/>
      <c r="N36" s="39"/>
      <c r="O36" s="39"/>
      <c r="P36" s="39"/>
      <c r="Q36" s="39"/>
      <c r="R36" s="39"/>
      <c r="S36" s="39"/>
      <c r="T36" s="39"/>
      <c r="U36" s="39"/>
      <c r="V36" s="39"/>
      <c r="W36" s="40"/>
      <c r="X36" s="38"/>
      <c r="Y36" s="407"/>
      <c r="Z36" s="407" t="s">
        <v>78</v>
      </c>
      <c r="AA36" s="407"/>
      <c r="AB36" s="407"/>
      <c r="AC36" s="407"/>
      <c r="AD36" s="407"/>
      <c r="AE36" s="407" t="s">
        <v>568</v>
      </c>
      <c r="AF36" s="578"/>
      <c r="AG36" s="578"/>
      <c r="AH36" s="578"/>
      <c r="AI36" s="578"/>
      <c r="AJ36" s="578"/>
      <c r="AK36" s="578"/>
      <c r="AL36" s="407" t="s">
        <v>569</v>
      </c>
      <c r="AM36" s="407"/>
      <c r="AN36" s="407" t="s">
        <v>25</v>
      </c>
      <c r="AO36" s="407"/>
      <c r="AP36" s="407"/>
      <c r="AQ36" s="407" t="s">
        <v>568</v>
      </c>
      <c r="AR36" s="607" t="s">
        <v>576</v>
      </c>
      <c r="AS36" s="608"/>
      <c r="AT36" s="608"/>
      <c r="AU36" s="608"/>
      <c r="AV36" s="608"/>
      <c r="AW36" s="608"/>
      <c r="AX36" s="608"/>
      <c r="AY36" s="608"/>
      <c r="AZ36" s="608"/>
      <c r="BA36" s="608"/>
      <c r="BB36" s="608"/>
      <c r="BC36" s="608"/>
      <c r="BD36" s="407" t="s">
        <v>569</v>
      </c>
      <c r="BE36" s="407"/>
      <c r="BF36" s="407" t="s">
        <v>52</v>
      </c>
      <c r="BG36" s="407"/>
      <c r="BH36" s="407"/>
      <c r="BI36" s="53"/>
    </row>
    <row r="37" spans="1:61">
      <c r="A37" s="58"/>
      <c r="B37" s="407"/>
      <c r="C37" s="407"/>
      <c r="D37" s="407"/>
      <c r="E37" s="407"/>
      <c r="F37" s="407"/>
      <c r="G37" s="53"/>
      <c r="H37" s="38"/>
      <c r="I37" s="39" t="s">
        <v>577</v>
      </c>
      <c r="J37" s="39"/>
      <c r="K37" s="39"/>
      <c r="L37" s="39"/>
      <c r="M37" s="39"/>
      <c r="N37" s="39"/>
      <c r="O37" s="39"/>
      <c r="P37" s="39"/>
      <c r="Q37" s="39"/>
      <c r="R37" s="39"/>
      <c r="S37" s="39"/>
      <c r="T37" s="39"/>
      <c r="U37" s="39"/>
      <c r="V37" s="39"/>
      <c r="W37" s="40"/>
      <c r="X37" s="38"/>
      <c r="Y37" s="407" t="s">
        <v>79</v>
      </c>
      <c r="Z37" s="407"/>
      <c r="AA37" s="407"/>
      <c r="AB37" s="407"/>
      <c r="AC37" s="407"/>
      <c r="AD37" s="407"/>
      <c r="AE37" s="407"/>
      <c r="AF37" s="407"/>
      <c r="AG37" s="407"/>
      <c r="AH37" s="407"/>
      <c r="AI37" s="407"/>
      <c r="AJ37" s="407"/>
      <c r="AK37" s="407"/>
      <c r="AL37" s="407"/>
      <c r="AM37" s="407"/>
      <c r="AN37" s="407"/>
      <c r="AO37" s="407"/>
      <c r="AP37" s="407"/>
      <c r="AQ37" s="407"/>
      <c r="AR37" s="609" t="s">
        <v>578</v>
      </c>
      <c r="AS37" s="609"/>
      <c r="AT37" s="609"/>
      <c r="AU37" s="609"/>
      <c r="AV37" s="609"/>
      <c r="AW37" s="609"/>
      <c r="AX37" s="609"/>
      <c r="AY37" s="609"/>
      <c r="AZ37" s="609"/>
      <c r="BA37" s="609"/>
      <c r="BB37" s="609"/>
      <c r="BC37" s="609"/>
      <c r="BD37" s="407"/>
      <c r="BE37" s="407"/>
      <c r="BF37" s="407"/>
      <c r="BG37" s="407"/>
      <c r="BH37" s="407"/>
      <c r="BI37" s="53"/>
    </row>
    <row r="38" spans="1:61">
      <c r="A38" s="58"/>
      <c r="B38" s="407"/>
      <c r="C38" s="407"/>
      <c r="D38" s="407"/>
      <c r="E38" s="407"/>
      <c r="F38" s="407"/>
      <c r="G38" s="53"/>
      <c r="H38" s="38"/>
      <c r="I38" s="39"/>
      <c r="J38" s="39"/>
      <c r="K38" s="39"/>
      <c r="L38" s="39"/>
      <c r="M38" s="39"/>
      <c r="N38" s="39"/>
      <c r="O38" s="39"/>
      <c r="P38" s="39"/>
      <c r="Q38" s="39"/>
      <c r="R38" s="39"/>
      <c r="S38" s="39"/>
      <c r="T38" s="39"/>
      <c r="U38" s="39"/>
      <c r="V38" s="39"/>
      <c r="W38" s="40"/>
      <c r="X38" s="38"/>
      <c r="Y38" s="407"/>
      <c r="Z38" s="407" t="s">
        <v>80</v>
      </c>
      <c r="AA38" s="407"/>
      <c r="AB38" s="407"/>
      <c r="AC38" s="407"/>
      <c r="AD38" s="407"/>
      <c r="AE38" s="407" t="s">
        <v>81</v>
      </c>
      <c r="AF38" s="407"/>
      <c r="AG38" s="407"/>
      <c r="AH38" s="407"/>
      <c r="AI38" s="407"/>
      <c r="AJ38" s="407" t="s">
        <v>82</v>
      </c>
      <c r="AK38" s="407"/>
      <c r="AL38" s="407"/>
      <c r="AM38" s="407"/>
      <c r="AN38" s="407"/>
      <c r="AO38" s="407" t="s">
        <v>83</v>
      </c>
      <c r="AP38" s="407"/>
      <c r="AQ38" s="407"/>
      <c r="AR38" s="407"/>
      <c r="AS38" s="407"/>
      <c r="AT38" s="407"/>
      <c r="AU38" s="407"/>
      <c r="AV38" s="407"/>
      <c r="AW38" s="407"/>
      <c r="AX38" s="407"/>
      <c r="AY38" s="407"/>
      <c r="AZ38" s="407" t="s">
        <v>84</v>
      </c>
      <c r="BA38" s="407"/>
      <c r="BB38" s="407"/>
      <c r="BC38" s="407"/>
      <c r="BD38" s="407"/>
      <c r="BE38" s="407"/>
      <c r="BF38" s="407"/>
      <c r="BG38" s="407"/>
      <c r="BH38" s="407"/>
      <c r="BI38" s="53"/>
    </row>
    <row r="39" spans="1:61">
      <c r="A39" s="58"/>
      <c r="B39" s="407"/>
      <c r="C39" s="407"/>
      <c r="D39" s="407"/>
      <c r="E39" s="407"/>
      <c r="F39" s="407"/>
      <c r="G39" s="53"/>
      <c r="H39" s="38"/>
      <c r="I39" s="39"/>
      <c r="J39" s="39"/>
      <c r="K39" s="39"/>
      <c r="L39" s="39"/>
      <c r="M39" s="39"/>
      <c r="N39" s="39"/>
      <c r="O39" s="39"/>
      <c r="P39" s="39"/>
      <c r="Q39" s="39"/>
      <c r="R39" s="39"/>
      <c r="S39" s="39"/>
      <c r="T39" s="39"/>
      <c r="U39" s="39"/>
      <c r="V39" s="39"/>
      <c r="W39" s="40"/>
      <c r="X39" s="38"/>
      <c r="Y39" s="407"/>
      <c r="Z39" s="407" t="s">
        <v>85</v>
      </c>
      <c r="AA39" s="407"/>
      <c r="AB39" s="407"/>
      <c r="AC39" s="407"/>
      <c r="AD39" s="407"/>
      <c r="AE39" s="407"/>
      <c r="AF39" s="407"/>
      <c r="AG39" s="407"/>
      <c r="AH39" s="407"/>
      <c r="AI39" s="407" t="s">
        <v>25</v>
      </c>
      <c r="AJ39" s="407"/>
      <c r="AK39" s="407"/>
      <c r="AL39" s="407" t="s">
        <v>568</v>
      </c>
      <c r="AM39" s="578"/>
      <c r="AN39" s="578"/>
      <c r="AO39" s="578"/>
      <c r="AP39" s="578"/>
      <c r="AQ39" s="578"/>
      <c r="AR39" s="578"/>
      <c r="AS39" s="578"/>
      <c r="AT39" s="578"/>
      <c r="AU39" s="578"/>
      <c r="AV39" s="578"/>
      <c r="AW39" s="578"/>
      <c r="AX39" s="578"/>
      <c r="AY39" s="578"/>
      <c r="AZ39" s="578"/>
      <c r="BA39" s="578"/>
      <c r="BB39" s="578"/>
      <c r="BC39" s="578"/>
      <c r="BD39" s="407" t="s">
        <v>569</v>
      </c>
      <c r="BE39" s="407"/>
      <c r="BF39" s="407" t="s">
        <v>579</v>
      </c>
      <c r="BG39" s="407"/>
      <c r="BH39" s="407"/>
      <c r="BI39" s="53"/>
    </row>
    <row r="40" spans="1:61">
      <c r="A40" s="58"/>
      <c r="B40" s="407"/>
      <c r="C40" s="407"/>
      <c r="D40" s="407"/>
      <c r="E40" s="407"/>
      <c r="F40" s="407"/>
      <c r="G40" s="53"/>
      <c r="H40" s="38"/>
      <c r="I40" s="39"/>
      <c r="J40" s="39"/>
      <c r="K40" s="39"/>
      <c r="L40" s="39"/>
      <c r="M40" s="39"/>
      <c r="N40" s="39"/>
      <c r="O40" s="39"/>
      <c r="P40" s="39"/>
      <c r="Q40" s="39"/>
      <c r="R40" s="39"/>
      <c r="S40" s="39"/>
      <c r="T40" s="39"/>
      <c r="U40" s="39"/>
      <c r="V40" s="39"/>
      <c r="W40" s="40"/>
      <c r="X40" s="38"/>
      <c r="Y40" s="407" t="s">
        <v>86</v>
      </c>
      <c r="Z40" s="407"/>
      <c r="AA40" s="407"/>
      <c r="AB40" s="407"/>
      <c r="AC40" s="407"/>
      <c r="AD40" s="407"/>
      <c r="AE40" s="407"/>
      <c r="AF40" s="407"/>
      <c r="AG40" s="407"/>
      <c r="AH40" s="407"/>
      <c r="AI40" s="407"/>
      <c r="AJ40" s="407"/>
      <c r="AK40" s="407"/>
      <c r="AL40" s="407"/>
      <c r="AM40" s="407"/>
      <c r="AN40" s="407"/>
      <c r="AO40" s="407"/>
      <c r="AP40" s="407"/>
      <c r="AQ40" s="407"/>
      <c r="AR40" s="407"/>
      <c r="AS40" s="407"/>
      <c r="AT40" s="407"/>
      <c r="AU40" s="407"/>
      <c r="AV40" s="407"/>
      <c r="AW40" s="407"/>
      <c r="AX40" s="407"/>
      <c r="AY40" s="407"/>
      <c r="AZ40" s="407"/>
      <c r="BA40" s="407"/>
      <c r="BB40" s="407"/>
      <c r="BC40" s="407"/>
      <c r="BD40" s="407"/>
      <c r="BE40" s="407"/>
      <c r="BF40" s="407"/>
      <c r="BG40" s="407"/>
      <c r="BH40" s="407"/>
      <c r="BI40" s="53"/>
    </row>
    <row r="41" spans="1:61">
      <c r="A41" s="58"/>
      <c r="B41" s="407"/>
      <c r="C41" s="407"/>
      <c r="D41" s="407"/>
      <c r="E41" s="407"/>
      <c r="F41" s="407"/>
      <c r="G41" s="53"/>
      <c r="H41" s="38"/>
      <c r="I41" s="39"/>
      <c r="J41" s="39"/>
      <c r="K41" s="39"/>
      <c r="L41" s="39"/>
      <c r="M41" s="39"/>
      <c r="N41" s="39"/>
      <c r="O41" s="39"/>
      <c r="P41" s="39"/>
      <c r="Q41" s="39"/>
      <c r="R41" s="39"/>
      <c r="S41" s="39"/>
      <c r="T41" s="39"/>
      <c r="U41" s="39"/>
      <c r="V41" s="39"/>
      <c r="W41" s="40"/>
      <c r="X41" s="38"/>
      <c r="Y41" s="407"/>
      <c r="Z41" s="407" t="s">
        <v>87</v>
      </c>
      <c r="AA41" s="407"/>
      <c r="AB41" s="407"/>
      <c r="AC41" s="407"/>
      <c r="AD41" s="407"/>
      <c r="AE41" s="407"/>
      <c r="AF41" s="407" t="s">
        <v>25</v>
      </c>
      <c r="AG41" s="407"/>
      <c r="AH41" s="407"/>
      <c r="AI41" s="407" t="s">
        <v>568</v>
      </c>
      <c r="AJ41" s="578"/>
      <c r="AK41" s="578"/>
      <c r="AL41" s="578"/>
      <c r="AM41" s="578"/>
      <c r="AN41" s="578"/>
      <c r="AO41" s="578"/>
      <c r="AP41" s="578"/>
      <c r="AQ41" s="578"/>
      <c r="AR41" s="578"/>
      <c r="AS41" s="578"/>
      <c r="AT41" s="578"/>
      <c r="AU41" s="578"/>
      <c r="AV41" s="578"/>
      <c r="AW41" s="578"/>
      <c r="AX41" s="578"/>
      <c r="AY41" s="578"/>
      <c r="AZ41" s="578"/>
      <c r="BA41" s="578"/>
      <c r="BB41" s="578"/>
      <c r="BC41" s="578"/>
      <c r="BD41" s="407" t="s">
        <v>569</v>
      </c>
      <c r="BE41" s="407"/>
      <c r="BF41" s="407" t="s">
        <v>579</v>
      </c>
      <c r="BG41" s="407"/>
      <c r="BH41" s="407"/>
      <c r="BI41" s="53"/>
    </row>
    <row r="42" spans="1:61">
      <c r="A42" s="58"/>
      <c r="B42" s="407"/>
      <c r="C42" s="407"/>
      <c r="D42" s="407"/>
      <c r="E42" s="407"/>
      <c r="F42" s="407"/>
      <c r="G42" s="53"/>
      <c r="H42" s="38"/>
      <c r="I42" s="39" t="s">
        <v>25</v>
      </c>
      <c r="J42" s="39"/>
      <c r="K42" s="39"/>
      <c r="L42" s="39" t="s">
        <v>568</v>
      </c>
      <c r="M42" s="578"/>
      <c r="N42" s="578"/>
      <c r="O42" s="578"/>
      <c r="P42" s="578"/>
      <c r="Q42" s="578"/>
      <c r="R42" s="578"/>
      <c r="S42" s="578"/>
      <c r="T42" s="578"/>
      <c r="U42" s="578"/>
      <c r="V42" s="578"/>
      <c r="W42" s="40" t="s">
        <v>569</v>
      </c>
      <c r="X42" s="38"/>
      <c r="Y42" s="407" t="s">
        <v>25</v>
      </c>
      <c r="Z42" s="407"/>
      <c r="AA42" s="407"/>
      <c r="AB42" s="407" t="s">
        <v>568</v>
      </c>
      <c r="AC42" s="578"/>
      <c r="AD42" s="578"/>
      <c r="AE42" s="578"/>
      <c r="AF42" s="578"/>
      <c r="AG42" s="578"/>
      <c r="AH42" s="578"/>
      <c r="AI42" s="578"/>
      <c r="AJ42" s="578"/>
      <c r="AK42" s="578"/>
      <c r="AL42" s="578"/>
      <c r="AM42" s="578"/>
      <c r="AN42" s="578"/>
      <c r="AO42" s="578"/>
      <c r="AP42" s="578"/>
      <c r="AQ42" s="578"/>
      <c r="AR42" s="578"/>
      <c r="AS42" s="578"/>
      <c r="AT42" s="578"/>
      <c r="AU42" s="578"/>
      <c r="AV42" s="578"/>
      <c r="AW42" s="578"/>
      <c r="AX42" s="578"/>
      <c r="AY42" s="578"/>
      <c r="AZ42" s="578"/>
      <c r="BA42" s="578"/>
      <c r="BB42" s="578"/>
      <c r="BC42" s="578"/>
      <c r="BD42" s="578"/>
      <c r="BE42" s="578"/>
      <c r="BF42" s="578"/>
      <c r="BG42" s="578"/>
      <c r="BH42" s="578"/>
      <c r="BI42" s="53" t="s">
        <v>569</v>
      </c>
    </row>
    <row r="43" spans="1:61">
      <c r="A43" s="58"/>
      <c r="B43" s="407"/>
      <c r="C43" s="407"/>
      <c r="D43" s="407"/>
      <c r="E43" s="407"/>
      <c r="F43" s="407"/>
      <c r="G43" s="53"/>
      <c r="H43" s="38"/>
      <c r="I43" s="39"/>
      <c r="J43" s="39"/>
      <c r="K43" s="39"/>
      <c r="L43" s="39"/>
      <c r="M43" s="406"/>
      <c r="N43" s="406"/>
      <c r="O43" s="406"/>
      <c r="P43" s="406"/>
      <c r="Q43" s="406"/>
      <c r="R43" s="406"/>
      <c r="S43" s="406"/>
      <c r="T43" s="406"/>
      <c r="U43" s="406"/>
      <c r="V43" s="406"/>
      <c r="W43" s="40"/>
      <c r="X43" s="38"/>
      <c r="Y43" s="407"/>
      <c r="Z43" s="407"/>
      <c r="AA43" s="407"/>
      <c r="AB43" s="407"/>
      <c r="AC43" s="406"/>
      <c r="AD43" s="406"/>
      <c r="AE43" s="406"/>
      <c r="AF43" s="406"/>
      <c r="AG43" s="406"/>
      <c r="AH43" s="406"/>
      <c r="AI43" s="406"/>
      <c r="AJ43" s="406"/>
      <c r="AK43" s="406"/>
      <c r="AL43" s="406"/>
      <c r="AM43" s="406"/>
      <c r="AN43" s="406"/>
      <c r="AO43" s="406"/>
      <c r="AP43" s="406"/>
      <c r="AQ43" s="406"/>
      <c r="AR43" s="406"/>
      <c r="AS43" s="406"/>
      <c r="AT43" s="406"/>
      <c r="AU43" s="406"/>
      <c r="AV43" s="406"/>
      <c r="AW43" s="406"/>
      <c r="AX43" s="406"/>
      <c r="AY43" s="406"/>
      <c r="AZ43" s="406"/>
      <c r="BA43" s="406"/>
      <c r="BB43" s="406"/>
      <c r="BC43" s="406"/>
      <c r="BD43" s="406"/>
      <c r="BE43" s="406"/>
      <c r="BF43" s="406"/>
      <c r="BG43" s="406"/>
      <c r="BH43" s="406"/>
      <c r="BI43" s="53"/>
    </row>
    <row r="44" spans="1:61">
      <c r="A44" s="55"/>
      <c r="B44" s="56"/>
      <c r="C44" s="56"/>
      <c r="D44" s="56"/>
      <c r="E44" s="56"/>
      <c r="F44" s="56"/>
      <c r="G44" s="57"/>
      <c r="H44" s="45"/>
      <c r="I44" s="46"/>
      <c r="J44" s="46"/>
      <c r="K44" s="46"/>
      <c r="L44" s="46"/>
      <c r="M44" s="46"/>
      <c r="N44" s="46"/>
      <c r="O44" s="46"/>
      <c r="P44" s="46"/>
      <c r="Q44" s="46"/>
      <c r="R44" s="46"/>
      <c r="S44" s="46"/>
      <c r="T44" s="46"/>
      <c r="U44" s="46"/>
      <c r="V44" s="46"/>
      <c r="W44" s="47"/>
      <c r="X44" s="45"/>
      <c r="Y44" s="56"/>
      <c r="Z44" s="56"/>
      <c r="AA44" s="56"/>
      <c r="AB44" s="56"/>
      <c r="AC44" s="56"/>
      <c r="AD44" s="56"/>
      <c r="AE44" s="56"/>
      <c r="AF44" s="56"/>
      <c r="AG44" s="56"/>
      <c r="AH44" s="56"/>
      <c r="AI44" s="56"/>
      <c r="AJ44" s="56"/>
      <c r="AK44" s="56"/>
      <c r="AL44" s="56"/>
      <c r="AM44" s="56"/>
      <c r="AN44" s="56"/>
      <c r="AO44" s="56"/>
      <c r="AP44" s="56"/>
      <c r="AQ44" s="56"/>
      <c r="AR44" s="56"/>
      <c r="AS44" s="56"/>
      <c r="AT44" s="56"/>
      <c r="AU44" s="56"/>
      <c r="AV44" s="56"/>
      <c r="AW44" s="56"/>
      <c r="AX44" s="56"/>
      <c r="AY44" s="56"/>
      <c r="AZ44" s="56"/>
      <c r="BA44" s="56"/>
      <c r="BB44" s="56"/>
      <c r="BC44" s="56"/>
      <c r="BD44" s="56"/>
      <c r="BE44" s="56"/>
      <c r="BF44" s="56"/>
      <c r="BG44" s="56"/>
      <c r="BH44" s="56"/>
      <c r="BI44" s="57"/>
    </row>
    <row r="45" spans="1:61" ht="15" customHeight="1">
      <c r="A45" s="583" t="s">
        <v>88</v>
      </c>
      <c r="B45" s="603"/>
      <c r="C45" s="603"/>
      <c r="D45" s="603"/>
      <c r="E45" s="603"/>
      <c r="F45" s="603"/>
      <c r="G45" s="604"/>
      <c r="H45" s="35"/>
      <c r="I45" s="36" t="s">
        <v>580</v>
      </c>
      <c r="J45" s="36"/>
      <c r="K45" s="36"/>
      <c r="L45" s="36"/>
      <c r="M45" s="36"/>
      <c r="N45" s="36"/>
      <c r="O45" s="36"/>
      <c r="P45" s="36"/>
      <c r="Q45" s="36"/>
      <c r="R45" s="36"/>
      <c r="S45" s="36"/>
      <c r="T45" s="36"/>
      <c r="U45" s="36"/>
      <c r="V45" s="36"/>
      <c r="W45" s="36"/>
      <c r="X45" s="35"/>
      <c r="Y45" s="416" t="s">
        <v>18</v>
      </c>
      <c r="Z45" s="416"/>
      <c r="AA45" s="416"/>
      <c r="AB45" s="416"/>
      <c r="AC45" s="416"/>
      <c r="AD45" s="416"/>
      <c r="AE45" s="416"/>
      <c r="AF45" s="416"/>
      <c r="AG45" s="416"/>
      <c r="AH45" s="416"/>
      <c r="AI45" s="416"/>
      <c r="AJ45" s="416"/>
      <c r="AK45" s="416"/>
      <c r="AL45" s="416"/>
      <c r="AM45" s="416"/>
      <c r="AN45" s="416"/>
      <c r="AO45" s="416"/>
      <c r="AP45" s="416"/>
      <c r="AQ45" s="416"/>
      <c r="AR45" s="416"/>
      <c r="AS45" s="416"/>
      <c r="AT45" s="416"/>
      <c r="AU45" s="416"/>
      <c r="AV45" s="416"/>
      <c r="AW45" s="416"/>
      <c r="AX45" s="416"/>
      <c r="AY45" s="416"/>
      <c r="AZ45" s="416"/>
      <c r="BA45" s="416"/>
      <c r="BB45" s="416"/>
      <c r="BC45" s="416"/>
      <c r="BD45" s="416"/>
      <c r="BE45" s="416"/>
      <c r="BF45" s="416"/>
      <c r="BG45" s="416"/>
      <c r="BH45" s="416"/>
      <c r="BI45" s="50"/>
    </row>
    <row r="46" spans="1:61">
      <c r="A46" s="412"/>
      <c r="B46" s="413"/>
      <c r="C46" s="413"/>
      <c r="D46" s="413"/>
      <c r="E46" s="413"/>
      <c r="F46" s="413"/>
      <c r="G46" s="414"/>
      <c r="H46" s="38"/>
      <c r="I46" s="39"/>
      <c r="J46" s="39"/>
      <c r="K46" s="39"/>
      <c r="L46" s="39"/>
      <c r="M46" s="39"/>
      <c r="N46" s="39"/>
      <c r="O46" s="39"/>
      <c r="P46" s="39"/>
      <c r="Q46" s="39"/>
      <c r="R46" s="39"/>
      <c r="S46" s="39"/>
      <c r="T46" s="39"/>
      <c r="U46" s="39"/>
      <c r="V46" s="39"/>
      <c r="W46" s="39"/>
      <c r="X46" s="38"/>
      <c r="Y46" s="407"/>
      <c r="Z46" s="407" t="s">
        <v>89</v>
      </c>
      <c r="AA46" s="407"/>
      <c r="AB46" s="407"/>
      <c r="AC46" s="407"/>
      <c r="AD46" s="407"/>
      <c r="AE46" s="407"/>
      <c r="AF46" s="407" t="s">
        <v>25</v>
      </c>
      <c r="AG46" s="407"/>
      <c r="AH46" s="407"/>
      <c r="AI46" s="407" t="s">
        <v>581</v>
      </c>
      <c r="AJ46" s="578"/>
      <c r="AK46" s="595"/>
      <c r="AL46" s="595"/>
      <c r="AM46" s="595"/>
      <c r="AN46" s="595"/>
      <c r="AO46" s="595"/>
      <c r="AP46" s="595"/>
      <c r="AQ46" s="595"/>
      <c r="AR46" s="595"/>
      <c r="AS46" s="595"/>
      <c r="AT46" s="595"/>
      <c r="AU46" s="595"/>
      <c r="AV46" s="595"/>
      <c r="AW46" s="595"/>
      <c r="AX46" s="595"/>
      <c r="AY46" s="595"/>
      <c r="AZ46" s="595"/>
      <c r="BA46" s="595"/>
      <c r="BB46" s="595"/>
      <c r="BC46" s="595"/>
      <c r="BD46" s="407" t="s">
        <v>569</v>
      </c>
      <c r="BE46" s="407"/>
      <c r="BF46" s="407" t="s">
        <v>52</v>
      </c>
      <c r="BG46" s="407"/>
      <c r="BH46" s="407"/>
      <c r="BI46" s="53"/>
    </row>
    <row r="47" spans="1:61">
      <c r="A47" s="412"/>
      <c r="B47" s="413"/>
      <c r="C47" s="413"/>
      <c r="D47" s="413"/>
      <c r="E47" s="413"/>
      <c r="F47" s="413"/>
      <c r="G47" s="414"/>
      <c r="H47" s="38"/>
      <c r="I47" s="39"/>
      <c r="J47" s="39"/>
      <c r="K47" s="39"/>
      <c r="L47" s="39"/>
      <c r="M47" s="39"/>
      <c r="N47" s="39"/>
      <c r="O47" s="39"/>
      <c r="P47" s="39"/>
      <c r="Q47" s="39"/>
      <c r="R47" s="39"/>
      <c r="S47" s="39"/>
      <c r="T47" s="39"/>
      <c r="U47" s="39"/>
      <c r="V47" s="39"/>
      <c r="W47" s="39"/>
      <c r="X47" s="38"/>
      <c r="Y47" s="407" t="s">
        <v>90</v>
      </c>
      <c r="Z47" s="407"/>
      <c r="AA47" s="407"/>
      <c r="AB47" s="407"/>
      <c r="AC47" s="407"/>
      <c r="AD47" s="407"/>
      <c r="AE47" s="407"/>
      <c r="AF47" s="407"/>
      <c r="AG47" s="407"/>
      <c r="AH47" s="407"/>
      <c r="AI47" s="407"/>
      <c r="AJ47" s="407"/>
      <c r="AK47" s="407"/>
      <c r="AL47" s="407"/>
      <c r="AM47" s="407"/>
      <c r="AN47" s="407"/>
      <c r="AO47" s="407"/>
      <c r="AP47" s="407"/>
      <c r="AQ47" s="407"/>
      <c r="AR47" s="407"/>
      <c r="AS47" s="407"/>
      <c r="AT47" s="407"/>
      <c r="AU47" s="407"/>
      <c r="AV47" s="407"/>
      <c r="AW47" s="407"/>
      <c r="AX47" s="407"/>
      <c r="AY47" s="407"/>
      <c r="AZ47" s="407"/>
      <c r="BA47" s="407"/>
      <c r="BB47" s="407"/>
      <c r="BC47" s="407"/>
      <c r="BD47" s="407"/>
      <c r="BE47" s="407"/>
      <c r="BF47" s="407"/>
      <c r="BG47" s="407"/>
      <c r="BH47" s="407"/>
      <c r="BI47" s="53"/>
    </row>
    <row r="48" spans="1:61">
      <c r="A48" s="412"/>
      <c r="B48" s="413"/>
      <c r="C48" s="413"/>
      <c r="D48" s="413"/>
      <c r="E48" s="413"/>
      <c r="F48" s="413"/>
      <c r="G48" s="414"/>
      <c r="H48" s="38"/>
      <c r="I48" s="39"/>
      <c r="J48" s="39"/>
      <c r="K48" s="39"/>
      <c r="L48" s="39"/>
      <c r="M48" s="39"/>
      <c r="N48" s="39"/>
      <c r="O48" s="39"/>
      <c r="P48" s="39"/>
      <c r="Q48" s="39"/>
      <c r="R48" s="39"/>
      <c r="S48" s="39"/>
      <c r="T48" s="39"/>
      <c r="U48" s="39"/>
      <c r="V48" s="39"/>
      <c r="W48" s="39"/>
      <c r="X48" s="38"/>
      <c r="Y48" s="407"/>
      <c r="Z48" s="407" t="s">
        <v>89</v>
      </c>
      <c r="AA48" s="407"/>
      <c r="AB48" s="407"/>
      <c r="AC48" s="407"/>
      <c r="AD48" s="407"/>
      <c r="AE48" s="407"/>
      <c r="AF48" s="407" t="s">
        <v>25</v>
      </c>
      <c r="AG48" s="407"/>
      <c r="AH48" s="407"/>
      <c r="AI48" s="407" t="s">
        <v>581</v>
      </c>
      <c r="AJ48" s="578"/>
      <c r="AK48" s="595"/>
      <c r="AL48" s="595"/>
      <c r="AM48" s="595"/>
      <c r="AN48" s="595"/>
      <c r="AO48" s="595"/>
      <c r="AP48" s="595"/>
      <c r="AQ48" s="595"/>
      <c r="AR48" s="595"/>
      <c r="AS48" s="595"/>
      <c r="AT48" s="595"/>
      <c r="AU48" s="595"/>
      <c r="AV48" s="595"/>
      <c r="AW48" s="595"/>
      <c r="AX48" s="407" t="s">
        <v>582</v>
      </c>
      <c r="AY48" s="407"/>
      <c r="AZ48" s="407" t="s">
        <v>52</v>
      </c>
      <c r="BB48" s="407"/>
      <c r="BC48" s="407"/>
      <c r="BD48" s="407"/>
      <c r="BE48" s="407" t="s">
        <v>91</v>
      </c>
      <c r="BG48" s="407"/>
      <c r="BH48" s="407"/>
      <c r="BI48" s="53"/>
    </row>
    <row r="49" spans="1:61">
      <c r="A49" s="412"/>
      <c r="B49" s="413"/>
      <c r="C49" s="413"/>
      <c r="D49" s="413"/>
      <c r="E49" s="413"/>
      <c r="F49" s="413"/>
      <c r="G49" s="414"/>
      <c r="H49" s="38"/>
      <c r="I49" s="39"/>
      <c r="J49" s="39"/>
      <c r="K49" s="39"/>
      <c r="L49" s="39"/>
      <c r="M49" s="39"/>
      <c r="N49" s="39"/>
      <c r="O49" s="39"/>
      <c r="P49" s="39"/>
      <c r="Q49" s="39"/>
      <c r="R49" s="39"/>
      <c r="S49" s="39"/>
      <c r="T49" s="39"/>
      <c r="U49" s="39"/>
      <c r="V49" s="39"/>
      <c r="W49" s="39"/>
      <c r="X49" s="38"/>
      <c r="Y49" s="407"/>
      <c r="Z49" s="407" t="s">
        <v>92</v>
      </c>
      <c r="AA49" s="407"/>
      <c r="AB49" s="407"/>
      <c r="AC49" s="407"/>
      <c r="AD49" s="407"/>
      <c r="AE49" s="407" t="s">
        <v>581</v>
      </c>
      <c r="AF49" s="578">
        <v>4</v>
      </c>
      <c r="AG49" s="578"/>
      <c r="AH49" s="578"/>
      <c r="AI49" s="407" t="s">
        <v>93</v>
      </c>
      <c r="AK49" s="407"/>
      <c r="AL49" s="407"/>
      <c r="AM49" s="407"/>
      <c r="AN49" s="407"/>
      <c r="AO49" s="407"/>
      <c r="AP49" s="407"/>
      <c r="AQ49" s="407"/>
      <c r="AR49" s="407"/>
      <c r="AS49" s="407"/>
      <c r="AT49" s="407"/>
      <c r="AU49" s="407"/>
      <c r="AV49" s="407"/>
      <c r="AW49" s="407"/>
      <c r="AX49" s="407"/>
      <c r="AY49" s="407"/>
      <c r="AZ49" s="407"/>
      <c r="BA49" s="407"/>
      <c r="BB49" s="407"/>
      <c r="BC49" s="407"/>
      <c r="BD49" s="407"/>
      <c r="BE49" s="407"/>
      <c r="BF49" s="407"/>
      <c r="BG49" s="407"/>
      <c r="BH49" s="407"/>
      <c r="BI49" s="53"/>
    </row>
    <row r="50" spans="1:61">
      <c r="A50" s="412"/>
      <c r="B50" s="413"/>
      <c r="C50" s="413"/>
      <c r="D50" s="413"/>
      <c r="E50" s="413"/>
      <c r="F50" s="413"/>
      <c r="G50" s="414"/>
      <c r="H50" s="38"/>
      <c r="I50" s="39"/>
      <c r="J50" s="39"/>
      <c r="K50" s="39"/>
      <c r="L50" s="39"/>
      <c r="M50" s="39"/>
      <c r="N50" s="39"/>
      <c r="O50" s="39"/>
      <c r="P50" s="39"/>
      <c r="Q50" s="39"/>
      <c r="R50" s="39"/>
      <c r="S50" s="39"/>
      <c r="T50" s="39"/>
      <c r="U50" s="39"/>
      <c r="V50" s="39"/>
      <c r="W50" s="39"/>
      <c r="X50" s="38"/>
      <c r="Y50" s="407"/>
      <c r="Z50" s="407" t="s">
        <v>94</v>
      </c>
      <c r="AA50" s="407"/>
      <c r="AB50" s="407"/>
      <c r="AC50" s="407"/>
      <c r="AD50" s="407"/>
      <c r="AE50" s="407"/>
      <c r="AF50" s="407"/>
      <c r="AG50" s="407"/>
      <c r="AH50" s="407"/>
      <c r="AI50" s="407"/>
      <c r="AJ50" s="407"/>
      <c r="AK50" s="407"/>
      <c r="AL50" s="407"/>
      <c r="AM50" s="407"/>
      <c r="AN50" s="407"/>
      <c r="AO50" s="407"/>
      <c r="AP50" s="407"/>
      <c r="AQ50" s="407"/>
      <c r="AR50" s="407"/>
      <c r="AS50" s="407"/>
      <c r="AT50" s="407"/>
      <c r="AU50" s="407"/>
      <c r="AV50" s="407"/>
      <c r="AW50" s="407"/>
      <c r="AX50" s="407"/>
      <c r="AY50" s="407"/>
      <c r="AZ50" s="407"/>
      <c r="BA50" s="407"/>
      <c r="BB50" s="407"/>
      <c r="BC50" s="407"/>
      <c r="BD50" s="407"/>
      <c r="BE50" s="407"/>
      <c r="BF50" s="407"/>
      <c r="BG50" s="407"/>
      <c r="BH50" s="407"/>
      <c r="BI50" s="53"/>
    </row>
    <row r="51" spans="1:61">
      <c r="A51" s="412"/>
      <c r="B51" s="413"/>
      <c r="C51" s="413"/>
      <c r="D51" s="413"/>
      <c r="E51" s="413"/>
      <c r="F51" s="413"/>
      <c r="G51" s="414"/>
      <c r="H51" s="38"/>
      <c r="I51" s="39"/>
      <c r="J51" s="39"/>
      <c r="K51" s="39"/>
      <c r="L51" s="39"/>
      <c r="M51" s="39"/>
      <c r="N51" s="39"/>
      <c r="O51" s="39"/>
      <c r="P51" s="39"/>
      <c r="Q51" s="39"/>
      <c r="R51" s="39"/>
      <c r="S51" s="39"/>
      <c r="T51" s="39"/>
      <c r="U51" s="39"/>
      <c r="V51" s="39"/>
      <c r="W51" s="39"/>
      <c r="X51" s="38"/>
      <c r="Y51" s="407"/>
      <c r="Z51" s="407" t="s">
        <v>95</v>
      </c>
      <c r="AA51" s="407"/>
      <c r="AB51" s="407"/>
      <c r="AC51" s="407"/>
      <c r="AD51" s="407"/>
      <c r="AE51" s="407"/>
      <c r="AF51" s="407"/>
      <c r="AG51" s="407"/>
      <c r="AH51" s="407"/>
      <c r="AI51" s="407"/>
      <c r="AJ51" s="407"/>
      <c r="AK51" s="407"/>
      <c r="AL51" s="407"/>
      <c r="AM51" s="407"/>
      <c r="AN51" s="407"/>
      <c r="AO51" s="407"/>
      <c r="AP51" s="407"/>
      <c r="AQ51" s="407"/>
      <c r="AR51" s="407"/>
      <c r="AS51" s="407"/>
      <c r="AT51" s="407"/>
      <c r="AU51" s="407"/>
      <c r="AV51" s="407"/>
      <c r="AW51" s="407"/>
      <c r="AX51" s="407"/>
      <c r="AY51" s="407"/>
      <c r="AZ51" s="407"/>
      <c r="BA51" s="407"/>
      <c r="BB51" s="407"/>
      <c r="BC51" s="407"/>
      <c r="BD51" s="407"/>
      <c r="BE51" s="407"/>
      <c r="BF51" s="407"/>
      <c r="BG51" s="407"/>
      <c r="BH51" s="407"/>
      <c r="BI51" s="53"/>
    </row>
    <row r="52" spans="1:61">
      <c r="A52" s="412"/>
      <c r="B52" s="413"/>
      <c r="C52" s="413"/>
      <c r="D52" s="413"/>
      <c r="E52" s="413"/>
      <c r="F52" s="413"/>
      <c r="G52" s="414"/>
      <c r="H52" s="38"/>
      <c r="I52" s="39"/>
      <c r="J52" s="39"/>
      <c r="K52" s="39"/>
      <c r="L52" s="39"/>
      <c r="M52" s="39"/>
      <c r="N52" s="39"/>
      <c r="O52" s="39"/>
      <c r="P52" s="39"/>
      <c r="Q52" s="39"/>
      <c r="R52" s="39"/>
      <c r="S52" s="39"/>
      <c r="T52" s="39"/>
      <c r="U52" s="39"/>
      <c r="V52" s="39"/>
      <c r="W52" s="39"/>
      <c r="X52" s="38"/>
      <c r="Y52" s="407"/>
      <c r="Z52" s="407"/>
      <c r="AA52" s="407"/>
      <c r="AB52" s="407"/>
      <c r="AC52" s="407"/>
      <c r="AD52" s="407"/>
      <c r="AE52" s="407"/>
      <c r="AF52" s="407"/>
      <c r="AG52" s="407"/>
      <c r="AH52" s="407"/>
      <c r="AI52" s="407"/>
      <c r="AJ52" s="407"/>
      <c r="AK52" s="407"/>
      <c r="AL52" s="407"/>
      <c r="AM52" s="407"/>
      <c r="AN52" s="407"/>
      <c r="AO52" s="407"/>
      <c r="AP52" s="407"/>
      <c r="AQ52" s="407"/>
      <c r="AR52" s="407"/>
      <c r="AS52" s="407"/>
      <c r="AT52" s="407"/>
      <c r="AU52" s="407"/>
      <c r="AV52" s="407"/>
      <c r="AW52" s="407"/>
      <c r="AX52" s="407"/>
      <c r="AY52" s="407"/>
      <c r="AZ52" s="407"/>
      <c r="BA52" s="407"/>
      <c r="BB52" s="407"/>
      <c r="BC52" s="407"/>
      <c r="BD52" s="407"/>
      <c r="BE52" s="407"/>
      <c r="BF52" s="407"/>
      <c r="BG52" s="407"/>
      <c r="BH52" s="407"/>
      <c r="BI52" s="53"/>
    </row>
    <row r="53" spans="1:61">
      <c r="A53" s="412"/>
      <c r="B53" s="413"/>
      <c r="C53" s="413"/>
      <c r="D53" s="413"/>
      <c r="E53" s="413"/>
      <c r="F53" s="413"/>
      <c r="G53" s="414"/>
      <c r="H53" s="38"/>
      <c r="I53" s="39" t="s">
        <v>96</v>
      </c>
      <c r="J53" s="39"/>
      <c r="K53" s="39"/>
      <c r="L53" s="39"/>
      <c r="M53" s="39"/>
      <c r="N53" s="39"/>
      <c r="O53" s="39"/>
      <c r="P53" s="39"/>
      <c r="Q53" s="39"/>
      <c r="R53" s="39"/>
      <c r="S53" s="39"/>
      <c r="T53" s="39"/>
      <c r="U53" s="39"/>
      <c r="V53" s="39"/>
      <c r="W53" s="39"/>
      <c r="X53" s="38"/>
      <c r="Y53" s="407" t="s">
        <v>97</v>
      </c>
      <c r="Z53" s="407"/>
      <c r="AA53" s="407"/>
      <c r="AB53" s="407"/>
      <c r="AC53" s="407"/>
      <c r="AD53" s="407"/>
      <c r="AE53" s="407"/>
      <c r="AF53" s="407"/>
      <c r="AG53" s="407"/>
      <c r="AH53" s="407"/>
      <c r="AI53" s="407"/>
      <c r="AJ53" s="407"/>
      <c r="AK53" s="407"/>
      <c r="AL53" s="407"/>
      <c r="AM53" s="407"/>
      <c r="AN53" s="407"/>
      <c r="AO53" s="407"/>
      <c r="AP53" s="407"/>
      <c r="AQ53" s="407"/>
      <c r="AR53" s="407"/>
      <c r="AS53" s="407"/>
      <c r="AT53" s="407"/>
      <c r="AU53" s="407"/>
      <c r="AV53" s="407"/>
      <c r="AW53" s="407"/>
      <c r="AX53" s="407"/>
      <c r="AY53" s="407"/>
      <c r="AZ53" s="407"/>
      <c r="BA53" s="407"/>
      <c r="BB53" s="407"/>
      <c r="BC53" s="407"/>
      <c r="BD53" s="407"/>
      <c r="BE53" s="407"/>
      <c r="BF53" s="407"/>
      <c r="BG53" s="407"/>
      <c r="BH53" s="407"/>
      <c r="BI53" s="53"/>
    </row>
    <row r="54" spans="1:61">
      <c r="A54" s="412"/>
      <c r="B54" s="413"/>
      <c r="C54" s="413"/>
      <c r="D54" s="413"/>
      <c r="E54" s="413"/>
      <c r="F54" s="413"/>
      <c r="G54" s="414"/>
      <c r="H54" s="38"/>
      <c r="I54" s="39"/>
      <c r="J54" s="39"/>
      <c r="K54" s="39"/>
      <c r="L54" s="39"/>
      <c r="M54" s="39"/>
      <c r="N54" s="39"/>
      <c r="O54" s="39"/>
      <c r="P54" s="39"/>
      <c r="Q54" s="39"/>
      <c r="R54" s="39"/>
      <c r="S54" s="39"/>
      <c r="T54" s="39"/>
      <c r="U54" s="39"/>
      <c r="V54" s="39"/>
      <c r="W54" s="39"/>
      <c r="X54" s="38"/>
      <c r="Y54" s="407" t="s">
        <v>98</v>
      </c>
      <c r="Z54" s="407"/>
      <c r="AA54" s="407"/>
      <c r="AB54" s="407"/>
      <c r="AC54" s="407"/>
      <c r="AD54" s="407"/>
      <c r="AE54" s="407"/>
      <c r="AF54" s="407"/>
      <c r="AG54" s="407"/>
      <c r="AH54" s="407"/>
      <c r="AI54" s="407"/>
      <c r="AJ54" s="407"/>
      <c r="AK54" s="407"/>
      <c r="AL54" s="407"/>
      <c r="AM54" s="407"/>
      <c r="AN54" s="407"/>
      <c r="AO54" s="407"/>
      <c r="AP54" s="407"/>
      <c r="AQ54" s="407"/>
      <c r="AR54" s="407"/>
      <c r="AS54" s="407"/>
      <c r="AT54" s="407"/>
      <c r="AU54" s="407"/>
      <c r="AV54" s="407"/>
      <c r="AW54" s="407"/>
      <c r="AX54" s="407"/>
      <c r="AY54" s="407"/>
      <c r="AZ54" s="407"/>
      <c r="BA54" s="407"/>
      <c r="BB54" s="407"/>
      <c r="BC54" s="407"/>
      <c r="BD54" s="407"/>
      <c r="BE54" s="407"/>
      <c r="BF54" s="407"/>
      <c r="BG54" s="407"/>
      <c r="BH54" s="407"/>
      <c r="BI54" s="53"/>
    </row>
    <row r="55" spans="1:61">
      <c r="A55" s="412"/>
      <c r="B55" s="413"/>
      <c r="C55" s="413"/>
      <c r="D55" s="413"/>
      <c r="E55" s="413"/>
      <c r="F55" s="413"/>
      <c r="G55" s="414"/>
      <c r="H55" s="38"/>
      <c r="I55" s="39"/>
      <c r="J55" s="39"/>
      <c r="K55" s="39"/>
      <c r="L55" s="39"/>
      <c r="M55" s="39"/>
      <c r="N55" s="39"/>
      <c r="O55" s="39"/>
      <c r="P55" s="39"/>
      <c r="Q55" s="39"/>
      <c r="R55" s="39"/>
      <c r="S55" s="39"/>
      <c r="T55" s="39"/>
      <c r="U55" s="39"/>
      <c r="V55" s="39"/>
      <c r="W55" s="39"/>
      <c r="X55" s="38"/>
      <c r="Y55" s="407" t="s">
        <v>99</v>
      </c>
      <c r="Z55" s="407"/>
      <c r="AA55" s="407"/>
      <c r="AB55" s="407"/>
      <c r="AC55" s="407"/>
      <c r="AD55" s="407"/>
      <c r="AE55" s="407"/>
      <c r="AF55" s="407"/>
      <c r="AG55" s="407"/>
      <c r="AH55" s="407" t="s">
        <v>100</v>
      </c>
      <c r="AI55" s="407"/>
      <c r="AJ55" s="407"/>
      <c r="AK55" s="407"/>
      <c r="AL55" s="407" t="s">
        <v>101</v>
      </c>
      <c r="AM55" s="407"/>
      <c r="AN55" s="407"/>
      <c r="AO55" s="407"/>
      <c r="AP55" s="407" t="s">
        <v>102</v>
      </c>
      <c r="AQ55" s="407"/>
      <c r="AR55" s="407"/>
      <c r="AS55" s="407"/>
      <c r="AT55" s="407" t="s">
        <v>103</v>
      </c>
      <c r="AU55" s="407"/>
      <c r="AV55" s="407"/>
      <c r="AW55" s="407"/>
      <c r="AX55" s="407" t="s">
        <v>583</v>
      </c>
      <c r="AY55" s="407"/>
      <c r="AZ55" s="407"/>
      <c r="BA55" s="407"/>
      <c r="BB55" s="407" t="s">
        <v>25</v>
      </c>
      <c r="BC55" s="407"/>
      <c r="BD55" s="407"/>
      <c r="BE55" s="407" t="s">
        <v>584</v>
      </c>
      <c r="BF55" s="578"/>
      <c r="BG55" s="578"/>
      <c r="BH55" s="578"/>
      <c r="BI55" s="53" t="s">
        <v>585</v>
      </c>
    </row>
    <row r="56" spans="1:61">
      <c r="A56" s="412"/>
      <c r="B56" s="413"/>
      <c r="C56" s="413"/>
      <c r="D56" s="413"/>
      <c r="E56" s="413"/>
      <c r="F56" s="413"/>
      <c r="G56" s="414"/>
      <c r="H56" s="38"/>
      <c r="I56" s="39"/>
      <c r="J56" s="39"/>
      <c r="K56" s="39"/>
      <c r="L56" s="39"/>
      <c r="M56" s="39"/>
      <c r="N56" s="39"/>
      <c r="O56" s="39"/>
      <c r="P56" s="39"/>
      <c r="Q56" s="39"/>
      <c r="R56" s="39"/>
      <c r="S56" s="39"/>
      <c r="T56" s="39"/>
      <c r="U56" s="39"/>
      <c r="V56" s="39"/>
      <c r="W56" s="39"/>
      <c r="X56" s="38"/>
      <c r="Y56" s="407" t="s">
        <v>104</v>
      </c>
      <c r="Z56" s="407"/>
      <c r="AA56" s="407"/>
      <c r="AB56" s="407"/>
      <c r="AC56" s="407"/>
      <c r="AD56" s="407"/>
      <c r="AE56" s="407"/>
      <c r="AF56" s="407" t="s">
        <v>586</v>
      </c>
      <c r="AG56" s="578"/>
      <c r="AH56" s="578"/>
      <c r="AI56" s="578"/>
      <c r="AJ56" s="578"/>
      <c r="AK56" s="578"/>
      <c r="AL56" s="578"/>
      <c r="AM56" s="578"/>
      <c r="AN56" s="578"/>
      <c r="AO56" s="578"/>
      <c r="AP56" s="578"/>
      <c r="AQ56" s="578"/>
      <c r="AR56" s="578"/>
      <c r="AS56" s="578"/>
      <c r="AT56" s="578"/>
      <c r="AU56" s="578"/>
      <c r="AV56" s="578"/>
      <c r="AW56" s="578"/>
      <c r="AX56" s="578"/>
      <c r="AY56" s="578"/>
      <c r="AZ56" s="578"/>
      <c r="BA56" s="578"/>
      <c r="BB56" s="578"/>
      <c r="BC56" s="578"/>
      <c r="BD56" s="578"/>
      <c r="BE56" s="578"/>
      <c r="BF56" s="578"/>
      <c r="BG56" s="578"/>
      <c r="BH56" s="578"/>
      <c r="BI56" s="53" t="s">
        <v>587</v>
      </c>
    </row>
    <row r="57" spans="1:61">
      <c r="A57" s="412"/>
      <c r="B57" s="413"/>
      <c r="C57" s="413"/>
      <c r="D57" s="413"/>
      <c r="E57" s="413"/>
      <c r="F57" s="413"/>
      <c r="G57" s="414"/>
      <c r="H57" s="38"/>
      <c r="I57" s="39"/>
      <c r="J57" s="39"/>
      <c r="K57" s="39"/>
      <c r="L57" s="39"/>
      <c r="M57" s="39"/>
      <c r="N57" s="39"/>
      <c r="O57" s="39"/>
      <c r="P57" s="39"/>
      <c r="Q57" s="39"/>
      <c r="R57" s="39"/>
      <c r="S57" s="39"/>
      <c r="T57" s="39"/>
      <c r="U57" s="39"/>
      <c r="V57" s="39"/>
      <c r="W57" s="39"/>
      <c r="X57" s="38"/>
      <c r="Y57" s="407" t="s">
        <v>105</v>
      </c>
      <c r="Z57" s="407"/>
      <c r="AA57" s="407"/>
      <c r="AB57" s="407"/>
      <c r="AC57" s="407"/>
      <c r="AD57" s="407"/>
      <c r="AE57" s="407"/>
      <c r="AF57" s="407" t="s">
        <v>586</v>
      </c>
      <c r="AG57" s="605"/>
      <c r="AH57" s="605"/>
      <c r="AI57" s="605"/>
      <c r="AJ57" s="605"/>
      <c r="AK57" s="605"/>
      <c r="AL57" s="605"/>
      <c r="AM57" s="605"/>
      <c r="AN57" s="605"/>
      <c r="AO57" s="605"/>
      <c r="AP57" s="605"/>
      <c r="AQ57" s="605"/>
      <c r="AR57" s="605"/>
      <c r="AS57" s="605"/>
      <c r="AT57" s="605"/>
      <c r="AU57" s="605"/>
      <c r="AV57" s="605"/>
      <c r="AW57" s="605"/>
      <c r="AX57" s="605"/>
      <c r="AY57" s="605"/>
      <c r="AZ57" s="605"/>
      <c r="BA57" s="605"/>
      <c r="BB57" s="605"/>
      <c r="BC57" s="605"/>
      <c r="BD57" s="605"/>
      <c r="BE57" s="605"/>
      <c r="BF57" s="605"/>
      <c r="BG57" s="605"/>
      <c r="BH57" s="605"/>
      <c r="BI57" s="53" t="s">
        <v>587</v>
      </c>
    </row>
    <row r="58" spans="1:61">
      <c r="A58" s="412"/>
      <c r="B58" s="413"/>
      <c r="C58" s="413"/>
      <c r="D58" s="413"/>
      <c r="E58" s="413"/>
      <c r="F58" s="413"/>
      <c r="G58" s="414"/>
      <c r="H58" s="38"/>
      <c r="I58" s="580" t="s">
        <v>588</v>
      </c>
      <c r="J58" s="580"/>
      <c r="K58" s="580"/>
      <c r="L58" s="580"/>
      <c r="M58" s="580"/>
      <c r="N58" s="580"/>
      <c r="O58" s="580"/>
      <c r="P58" s="580"/>
      <c r="Q58" s="580"/>
      <c r="R58" s="580"/>
      <c r="S58" s="580"/>
      <c r="T58" s="580"/>
      <c r="U58" s="580"/>
      <c r="V58" s="580"/>
      <c r="W58" s="606"/>
      <c r="X58" s="38"/>
      <c r="Y58" s="407" t="s">
        <v>106</v>
      </c>
      <c r="Z58" s="407"/>
      <c r="AA58" s="407"/>
      <c r="AB58" s="407"/>
      <c r="AC58" s="407"/>
      <c r="AD58" s="407"/>
      <c r="AE58" s="407"/>
      <c r="AF58" s="407"/>
      <c r="AG58" s="407"/>
      <c r="AH58" s="407"/>
      <c r="AI58" s="407"/>
      <c r="AJ58" s="407"/>
      <c r="AK58" s="407"/>
      <c r="AL58" s="407"/>
      <c r="AM58" s="407"/>
      <c r="AN58" s="407"/>
      <c r="AO58" s="407"/>
      <c r="AP58" s="407"/>
      <c r="AQ58" s="407"/>
      <c r="AR58" s="407"/>
      <c r="AS58" s="407"/>
      <c r="AT58" s="407"/>
      <c r="AU58" s="407"/>
      <c r="AV58" s="407"/>
      <c r="AW58" s="407"/>
      <c r="AX58" s="407"/>
      <c r="AY58" s="407"/>
      <c r="AZ58" s="407"/>
      <c r="BA58" s="407"/>
      <c r="BB58" s="407"/>
      <c r="BC58" s="407"/>
      <c r="BD58" s="407"/>
      <c r="BE58" s="407"/>
      <c r="BF58" s="407"/>
      <c r="BG58" s="407"/>
      <c r="BH58" s="407"/>
      <c r="BI58" s="53"/>
    </row>
    <row r="59" spans="1:61">
      <c r="A59" s="412"/>
      <c r="B59" s="413"/>
      <c r="C59" s="413"/>
      <c r="D59" s="413"/>
      <c r="E59" s="413"/>
      <c r="F59" s="413"/>
      <c r="G59" s="414"/>
      <c r="H59" s="38"/>
      <c r="I59" s="580"/>
      <c r="J59" s="580"/>
      <c r="K59" s="580"/>
      <c r="L59" s="580"/>
      <c r="M59" s="580"/>
      <c r="N59" s="580"/>
      <c r="O59" s="580"/>
      <c r="P59" s="580"/>
      <c r="Q59" s="580"/>
      <c r="R59" s="580"/>
      <c r="S59" s="580"/>
      <c r="T59" s="580"/>
      <c r="U59" s="580"/>
      <c r="V59" s="580"/>
      <c r="W59" s="606"/>
      <c r="X59" s="38"/>
      <c r="Y59" s="407"/>
      <c r="Z59" s="407" t="s">
        <v>89</v>
      </c>
      <c r="AA59" s="407"/>
      <c r="AB59" s="407"/>
      <c r="AC59" s="407"/>
      <c r="AD59" s="407"/>
      <c r="AE59" s="407"/>
      <c r="AF59" s="407" t="s">
        <v>25</v>
      </c>
      <c r="AG59" s="407"/>
      <c r="AH59" s="407"/>
      <c r="AI59" s="407" t="s">
        <v>581</v>
      </c>
      <c r="AJ59" s="578"/>
      <c r="AK59" s="578"/>
      <c r="AL59" s="578"/>
      <c r="AM59" s="578"/>
      <c r="AN59" s="578"/>
      <c r="AO59" s="578"/>
      <c r="AP59" s="578"/>
      <c r="AQ59" s="578"/>
      <c r="AR59" s="578"/>
      <c r="AS59" s="578"/>
      <c r="AT59" s="578"/>
      <c r="AU59" s="578"/>
      <c r="AV59" s="578"/>
      <c r="AW59" s="578"/>
      <c r="AX59" s="578"/>
      <c r="AY59" s="578"/>
      <c r="AZ59" s="578"/>
      <c r="BA59" s="578"/>
      <c r="BB59" s="578"/>
      <c r="BC59" s="578"/>
      <c r="BD59" s="407" t="s">
        <v>569</v>
      </c>
      <c r="BE59" s="407"/>
      <c r="BF59" s="407" t="s">
        <v>52</v>
      </c>
      <c r="BG59" s="407"/>
      <c r="BH59" s="407"/>
      <c r="BI59" s="53"/>
    </row>
    <row r="60" spans="1:61">
      <c r="A60" s="412"/>
      <c r="B60" s="413"/>
      <c r="C60" s="413"/>
      <c r="D60" s="413"/>
      <c r="E60" s="413"/>
      <c r="F60" s="413"/>
      <c r="G60" s="414"/>
      <c r="H60" s="38"/>
      <c r="I60" s="39"/>
      <c r="J60" s="39"/>
      <c r="K60" s="39"/>
      <c r="L60" s="39"/>
      <c r="M60" s="39"/>
      <c r="N60" s="39"/>
      <c r="O60" s="39"/>
      <c r="P60" s="39"/>
      <c r="Q60" s="39"/>
      <c r="R60" s="39"/>
      <c r="S60" s="39"/>
      <c r="T60" s="39"/>
      <c r="U60" s="39"/>
      <c r="V60" s="39"/>
      <c r="W60" s="39"/>
      <c r="X60" s="38"/>
      <c r="Y60" s="407" t="s">
        <v>107</v>
      </c>
      <c r="Z60" s="407"/>
      <c r="AA60" s="407"/>
      <c r="AB60" s="407"/>
      <c r="AC60" s="407"/>
      <c r="AD60" s="407"/>
      <c r="AE60" s="407"/>
      <c r="AF60" s="407"/>
      <c r="AG60" s="407"/>
      <c r="AH60" s="407"/>
      <c r="AI60" s="407"/>
      <c r="AJ60" s="407"/>
      <c r="AK60" s="407"/>
      <c r="AL60" s="407"/>
      <c r="AM60" s="407"/>
      <c r="AN60" s="407"/>
      <c r="AO60" s="407"/>
      <c r="AP60" s="407"/>
      <c r="AQ60" s="407"/>
      <c r="AR60" s="407"/>
      <c r="AS60" s="407"/>
      <c r="AT60" s="407"/>
      <c r="AU60" s="407"/>
      <c r="AV60" s="407"/>
      <c r="AW60" s="407"/>
      <c r="AX60" s="407"/>
      <c r="AY60" s="407"/>
      <c r="AZ60" s="407"/>
      <c r="BA60" s="407"/>
      <c r="BB60" s="407"/>
      <c r="BC60" s="407"/>
      <c r="BD60" s="407"/>
      <c r="BE60" s="407"/>
      <c r="BF60" s="407"/>
      <c r="BG60" s="407"/>
      <c r="BH60" s="407"/>
      <c r="BI60" s="53"/>
    </row>
    <row r="61" spans="1:61">
      <c r="A61" s="412"/>
      <c r="B61" s="413"/>
      <c r="C61" s="413"/>
      <c r="D61" s="413"/>
      <c r="E61" s="413"/>
      <c r="F61" s="413"/>
      <c r="G61" s="414"/>
      <c r="H61" s="38"/>
      <c r="I61" s="39"/>
      <c r="J61" s="39"/>
      <c r="K61" s="39"/>
      <c r="L61" s="39"/>
      <c r="M61" s="39"/>
      <c r="N61" s="39"/>
      <c r="O61" s="39"/>
      <c r="P61" s="39"/>
      <c r="Q61" s="39"/>
      <c r="R61" s="39"/>
      <c r="S61" s="39"/>
      <c r="T61" s="39"/>
      <c r="U61" s="39"/>
      <c r="V61" s="39"/>
      <c r="W61" s="39"/>
      <c r="X61" s="38"/>
      <c r="Y61" s="407"/>
      <c r="Z61" s="407" t="s">
        <v>89</v>
      </c>
      <c r="AA61" s="407"/>
      <c r="AB61" s="407"/>
      <c r="AC61" s="407"/>
      <c r="AD61" s="407"/>
      <c r="AE61" s="407"/>
      <c r="AF61" s="407" t="s">
        <v>25</v>
      </c>
      <c r="AG61" s="407"/>
      <c r="AH61" s="407"/>
      <c r="AI61" s="407" t="s">
        <v>581</v>
      </c>
      <c r="AJ61" s="578"/>
      <c r="AK61" s="578"/>
      <c r="AL61" s="578"/>
      <c r="AM61" s="578"/>
      <c r="AN61" s="578"/>
      <c r="AO61" s="578"/>
      <c r="AP61" s="578"/>
      <c r="AQ61" s="578"/>
      <c r="AR61" s="578"/>
      <c r="AS61" s="578"/>
      <c r="AT61" s="578"/>
      <c r="AU61" s="578"/>
      <c r="AV61" s="578"/>
      <c r="AW61" s="578"/>
      <c r="AX61" s="578"/>
      <c r="AY61" s="578"/>
      <c r="AZ61" s="578"/>
      <c r="BA61" s="578"/>
      <c r="BB61" s="578"/>
      <c r="BC61" s="578"/>
      <c r="BD61" s="407" t="s">
        <v>569</v>
      </c>
      <c r="BE61" s="407"/>
      <c r="BF61" s="407" t="s">
        <v>52</v>
      </c>
      <c r="BG61" s="407"/>
      <c r="BH61" s="407"/>
      <c r="BI61" s="53"/>
    </row>
    <row r="62" spans="1:61">
      <c r="A62" s="412"/>
      <c r="B62" s="413"/>
      <c r="C62" s="413"/>
      <c r="D62" s="413"/>
      <c r="E62" s="413"/>
      <c r="F62" s="413"/>
      <c r="G62" s="414"/>
      <c r="H62" s="38"/>
      <c r="I62" s="39" t="s">
        <v>589</v>
      </c>
      <c r="J62" s="39"/>
      <c r="K62" s="39"/>
      <c r="L62" s="39"/>
      <c r="M62" s="39"/>
      <c r="N62" s="39"/>
      <c r="O62" s="39"/>
      <c r="P62" s="39"/>
      <c r="Q62" s="39"/>
      <c r="R62" s="39"/>
      <c r="S62" s="39"/>
      <c r="T62" s="39"/>
      <c r="U62" s="39"/>
      <c r="V62" s="39"/>
      <c r="W62" s="39"/>
      <c r="X62" s="38"/>
      <c r="Y62" s="407" t="s">
        <v>19</v>
      </c>
      <c r="Z62" s="407"/>
      <c r="AA62" s="407"/>
      <c r="AB62" s="407"/>
      <c r="AC62" s="407"/>
      <c r="AD62" s="407"/>
      <c r="AE62" s="407"/>
      <c r="AF62" s="407"/>
      <c r="AG62" s="407"/>
      <c r="AH62" s="407"/>
      <c r="AI62" s="407" t="s">
        <v>581</v>
      </c>
      <c r="AJ62" s="578"/>
      <c r="AK62" s="578"/>
      <c r="AL62" s="578"/>
      <c r="AM62" s="578"/>
      <c r="AN62" s="578"/>
      <c r="AO62" s="578"/>
      <c r="AP62" s="578"/>
      <c r="AQ62" s="578"/>
      <c r="AR62" s="578"/>
      <c r="AS62" s="578"/>
      <c r="AT62" s="578"/>
      <c r="AU62" s="578"/>
      <c r="AV62" s="578"/>
      <c r="AW62" s="578"/>
      <c r="AX62" s="578"/>
      <c r="AY62" s="578"/>
      <c r="AZ62" s="578"/>
      <c r="BA62" s="578"/>
      <c r="BB62" s="578"/>
      <c r="BC62" s="578"/>
      <c r="BD62" s="578"/>
      <c r="BE62" s="578"/>
      <c r="BF62" s="578"/>
      <c r="BG62" s="578"/>
      <c r="BH62" s="578"/>
      <c r="BI62" s="53" t="s">
        <v>582</v>
      </c>
    </row>
    <row r="63" spans="1:61">
      <c r="A63" s="412"/>
      <c r="B63" s="413"/>
      <c r="C63" s="413"/>
      <c r="D63" s="413"/>
      <c r="E63" s="413"/>
      <c r="F63" s="413"/>
      <c r="G63" s="414"/>
      <c r="H63" s="38"/>
      <c r="I63" s="39"/>
      <c r="J63" s="39"/>
      <c r="K63" s="39"/>
      <c r="L63" s="39"/>
      <c r="M63" s="39"/>
      <c r="N63" s="39"/>
      <c r="O63" s="39"/>
      <c r="P63" s="39"/>
      <c r="Q63" s="39"/>
      <c r="R63" s="39"/>
      <c r="S63" s="39"/>
      <c r="T63" s="39"/>
      <c r="U63" s="39"/>
      <c r="V63" s="39"/>
      <c r="W63" s="39"/>
      <c r="X63" s="38"/>
      <c r="Y63" s="407" t="s">
        <v>20</v>
      </c>
      <c r="Z63" s="407"/>
      <c r="AA63" s="407"/>
      <c r="AB63" s="407"/>
      <c r="AC63" s="407"/>
      <c r="AD63" s="407"/>
      <c r="AE63" s="407"/>
      <c r="AF63" s="407"/>
      <c r="AG63" s="407"/>
      <c r="AH63" s="407"/>
      <c r="AI63" s="407" t="s">
        <v>581</v>
      </c>
      <c r="AJ63" s="578"/>
      <c r="AK63" s="578"/>
      <c r="AL63" s="578"/>
      <c r="AM63" s="578"/>
      <c r="AN63" s="578"/>
      <c r="AO63" s="578"/>
      <c r="AP63" s="578"/>
      <c r="AQ63" s="578"/>
      <c r="AR63" s="578"/>
      <c r="AS63" s="578"/>
      <c r="AT63" s="578"/>
      <c r="AU63" s="578"/>
      <c r="AV63" s="578"/>
      <c r="AW63" s="578"/>
      <c r="AX63" s="578"/>
      <c r="AY63" s="578"/>
      <c r="AZ63" s="578"/>
      <c r="BA63" s="578"/>
      <c r="BB63" s="578"/>
      <c r="BC63" s="578"/>
      <c r="BD63" s="578"/>
      <c r="BE63" s="578"/>
      <c r="BF63" s="578"/>
      <c r="BG63" s="578"/>
      <c r="BH63" s="578"/>
      <c r="BI63" s="53" t="s">
        <v>582</v>
      </c>
    </row>
    <row r="64" spans="1:61">
      <c r="A64" s="412"/>
      <c r="B64" s="413"/>
      <c r="C64" s="413"/>
      <c r="D64" s="413"/>
      <c r="E64" s="413"/>
      <c r="F64" s="413"/>
      <c r="G64" s="414"/>
      <c r="H64" s="38"/>
      <c r="I64" s="39" t="s">
        <v>25</v>
      </c>
      <c r="J64" s="39"/>
      <c r="K64" s="39"/>
      <c r="L64" s="39" t="s">
        <v>568</v>
      </c>
      <c r="M64" s="578"/>
      <c r="N64" s="578"/>
      <c r="O64" s="578"/>
      <c r="P64" s="578"/>
      <c r="Q64" s="578"/>
      <c r="R64" s="578"/>
      <c r="S64" s="578"/>
      <c r="T64" s="578"/>
      <c r="U64" s="578"/>
      <c r="V64" s="578"/>
      <c r="W64" s="39" t="s">
        <v>569</v>
      </c>
      <c r="X64" s="38"/>
      <c r="Y64" s="407" t="s">
        <v>25</v>
      </c>
      <c r="Z64" s="407"/>
      <c r="AA64" s="407"/>
      <c r="AB64" s="407" t="s">
        <v>581</v>
      </c>
      <c r="AC64" s="578"/>
      <c r="AD64" s="578"/>
      <c r="AE64" s="578"/>
      <c r="AF64" s="578"/>
      <c r="AG64" s="578"/>
      <c r="AH64" s="578"/>
      <c r="AI64" s="578"/>
      <c r="AJ64" s="578"/>
      <c r="AK64" s="578"/>
      <c r="AL64" s="578"/>
      <c r="AM64" s="578"/>
      <c r="AN64" s="578"/>
      <c r="AO64" s="578"/>
      <c r="AP64" s="578"/>
      <c r="AQ64" s="578"/>
      <c r="AR64" s="578"/>
      <c r="AS64" s="578"/>
      <c r="AT64" s="578"/>
      <c r="AU64" s="578"/>
      <c r="AV64" s="578"/>
      <c r="AW64" s="578"/>
      <c r="AX64" s="578"/>
      <c r="AY64" s="578"/>
      <c r="AZ64" s="578"/>
      <c r="BA64" s="578"/>
      <c r="BB64" s="578"/>
      <c r="BC64" s="578"/>
      <c r="BD64" s="578"/>
      <c r="BE64" s="578"/>
      <c r="BF64" s="578"/>
      <c r="BG64" s="578"/>
      <c r="BH64" s="578"/>
      <c r="BI64" s="53" t="s">
        <v>582</v>
      </c>
    </row>
    <row r="65" spans="1:61">
      <c r="A65" s="42"/>
      <c r="B65" s="43"/>
      <c r="C65" s="43"/>
      <c r="D65" s="43"/>
      <c r="E65" s="43"/>
      <c r="F65" s="43"/>
      <c r="G65" s="44"/>
      <c r="H65" s="45"/>
      <c r="I65" s="46"/>
      <c r="J65" s="46"/>
      <c r="K65" s="46"/>
      <c r="L65" s="46"/>
      <c r="M65" s="46"/>
      <c r="N65" s="46"/>
      <c r="O65" s="46"/>
      <c r="P65" s="46"/>
      <c r="Q65" s="46"/>
      <c r="R65" s="46"/>
      <c r="S65" s="46"/>
      <c r="T65" s="46"/>
      <c r="U65" s="46"/>
      <c r="V65" s="46"/>
      <c r="W65" s="46"/>
      <c r="X65" s="45"/>
      <c r="Y65" s="56"/>
      <c r="Z65" s="56"/>
      <c r="AA65" s="56"/>
      <c r="AB65" s="56"/>
      <c r="AC65" s="56"/>
      <c r="AD65" s="56"/>
      <c r="AE65" s="56"/>
      <c r="AF65" s="56"/>
      <c r="AG65" s="56"/>
      <c r="AH65" s="56"/>
      <c r="AI65" s="56"/>
      <c r="AJ65" s="56"/>
      <c r="AK65" s="56"/>
      <c r="AL65" s="56"/>
      <c r="AM65" s="56"/>
      <c r="AN65" s="56"/>
      <c r="AO65" s="56"/>
      <c r="AP65" s="56"/>
      <c r="AQ65" s="56"/>
      <c r="AR65" s="56"/>
      <c r="AS65" s="56"/>
      <c r="AT65" s="56"/>
      <c r="AU65" s="56"/>
      <c r="AV65" s="56"/>
      <c r="AW65" s="56"/>
      <c r="AX65" s="56"/>
      <c r="AY65" s="56"/>
      <c r="AZ65" s="56"/>
      <c r="BA65" s="56"/>
      <c r="BB65" s="56"/>
      <c r="BC65" s="56"/>
      <c r="BD65" s="56"/>
      <c r="BE65" s="56"/>
      <c r="BF65" s="56"/>
      <c r="BG65" s="56"/>
      <c r="BH65" s="56"/>
      <c r="BI65" s="57"/>
    </row>
    <row r="66" spans="1:61">
      <c r="A66" s="583" t="s">
        <v>590</v>
      </c>
      <c r="B66" s="603"/>
      <c r="C66" s="603"/>
      <c r="D66" s="603"/>
      <c r="E66" s="603"/>
      <c r="F66" s="603"/>
      <c r="G66" s="604"/>
      <c r="H66" s="35"/>
      <c r="I66" s="36" t="s">
        <v>108</v>
      </c>
      <c r="J66" s="36"/>
      <c r="K66" s="36"/>
      <c r="L66" s="36"/>
      <c r="M66" s="36"/>
      <c r="N66" s="36"/>
      <c r="O66" s="36"/>
      <c r="P66" s="36"/>
      <c r="Q66" s="36"/>
      <c r="R66" s="36"/>
      <c r="S66" s="36"/>
      <c r="T66" s="36"/>
      <c r="U66" s="36"/>
      <c r="V66" s="36"/>
      <c r="W66" s="36"/>
      <c r="X66" s="35"/>
      <c r="Y66" s="416" t="s">
        <v>109</v>
      </c>
      <c r="Z66" s="416"/>
      <c r="AA66" s="416"/>
      <c r="AB66" s="416"/>
      <c r="AC66" s="416"/>
      <c r="AD66" s="416"/>
      <c r="AE66" s="416"/>
      <c r="AF66" s="416"/>
      <c r="AG66" s="416"/>
      <c r="AH66" s="416"/>
      <c r="AI66" s="416"/>
      <c r="AJ66" s="416"/>
      <c r="AK66" s="416"/>
      <c r="AL66" s="416"/>
      <c r="AM66" s="416"/>
      <c r="AN66" s="416"/>
      <c r="AO66" s="416"/>
      <c r="AP66" s="416"/>
      <c r="AQ66" s="416"/>
      <c r="AR66" s="416"/>
      <c r="AS66" s="416"/>
      <c r="AT66" s="416"/>
      <c r="AU66" s="416"/>
      <c r="AV66" s="416"/>
      <c r="AW66" s="416"/>
      <c r="AX66" s="416"/>
      <c r="AY66" s="416"/>
      <c r="AZ66" s="416"/>
      <c r="BA66" s="416"/>
      <c r="BB66" s="416"/>
      <c r="BC66" s="416"/>
      <c r="BD66" s="416"/>
      <c r="BE66" s="416"/>
      <c r="BF66" s="416"/>
      <c r="BG66" s="416"/>
      <c r="BH66" s="416"/>
      <c r="BI66" s="50"/>
    </row>
    <row r="67" spans="1:61">
      <c r="A67" s="412"/>
      <c r="B67" s="413"/>
      <c r="C67" s="413"/>
      <c r="D67" s="413"/>
      <c r="E67" s="413"/>
      <c r="F67" s="413"/>
      <c r="G67" s="414"/>
      <c r="H67" s="38"/>
      <c r="I67" s="39"/>
      <c r="J67" s="39"/>
      <c r="K67" s="39"/>
      <c r="L67" s="39"/>
      <c r="M67" s="39"/>
      <c r="N67" s="39"/>
      <c r="O67" s="39"/>
      <c r="P67" s="39"/>
      <c r="Q67" s="39"/>
      <c r="R67" s="39"/>
      <c r="S67" s="39"/>
      <c r="T67" s="39"/>
      <c r="U67" s="39"/>
      <c r="V67" s="39"/>
      <c r="W67" s="39"/>
      <c r="X67" s="38"/>
      <c r="Y67" s="407"/>
      <c r="Z67" s="407" t="s">
        <v>110</v>
      </c>
      <c r="AA67" s="407"/>
      <c r="AB67" s="407"/>
      <c r="AC67" s="407"/>
      <c r="AD67" s="407"/>
      <c r="AE67" s="407"/>
      <c r="AF67" s="407" t="s">
        <v>25</v>
      </c>
      <c r="AG67" s="407"/>
      <c r="AH67" s="407"/>
      <c r="AI67" s="407" t="s">
        <v>568</v>
      </c>
      <c r="AJ67" s="578"/>
      <c r="AK67" s="578"/>
      <c r="AL67" s="578"/>
      <c r="AM67" s="578"/>
      <c r="AN67" s="578"/>
      <c r="AO67" s="578"/>
      <c r="AP67" s="578"/>
      <c r="AQ67" s="578"/>
      <c r="AR67" s="578"/>
      <c r="AS67" s="595"/>
      <c r="AT67" s="595"/>
      <c r="AU67" s="595"/>
      <c r="AV67" s="595"/>
      <c r="AW67" s="595"/>
      <c r="AX67" s="595"/>
      <c r="AY67" s="595"/>
      <c r="AZ67" s="595"/>
      <c r="BA67" s="595"/>
      <c r="BB67" s="595"/>
      <c r="BC67" s="595"/>
      <c r="BD67" s="407" t="s">
        <v>569</v>
      </c>
      <c r="BE67" s="407"/>
      <c r="BF67" s="407" t="s">
        <v>52</v>
      </c>
      <c r="BG67" s="407"/>
      <c r="BH67" s="407"/>
      <c r="BI67" s="53"/>
    </row>
    <row r="68" spans="1:61">
      <c r="A68" s="412"/>
      <c r="B68" s="413"/>
      <c r="C68" s="413"/>
      <c r="D68" s="413"/>
      <c r="E68" s="413"/>
      <c r="F68" s="413"/>
      <c r="G68" s="414"/>
      <c r="H68" s="38"/>
      <c r="I68" s="39"/>
      <c r="J68" s="39"/>
      <c r="K68" s="39"/>
      <c r="L68" s="39"/>
      <c r="M68" s="39"/>
      <c r="N68" s="39"/>
      <c r="O68" s="39"/>
      <c r="P68" s="39"/>
      <c r="Q68" s="39"/>
      <c r="R68" s="39"/>
      <c r="S68" s="39"/>
      <c r="T68" s="39"/>
      <c r="U68" s="39"/>
      <c r="V68" s="39"/>
      <c r="W68" s="39"/>
      <c r="X68" s="38"/>
      <c r="Y68" s="407" t="s">
        <v>111</v>
      </c>
      <c r="Z68" s="407"/>
      <c r="AA68" s="407"/>
      <c r="AC68" s="407" t="s">
        <v>568</v>
      </c>
      <c r="AD68" s="602"/>
      <c r="AE68" s="602"/>
      <c r="AF68" s="407" t="s">
        <v>112</v>
      </c>
      <c r="AG68" s="407"/>
      <c r="AH68" s="407"/>
      <c r="AI68" s="407"/>
      <c r="AJ68" s="407"/>
      <c r="AK68" s="407"/>
      <c r="AL68" s="407"/>
      <c r="AM68" s="407"/>
      <c r="AN68" s="407"/>
      <c r="AO68" s="407"/>
      <c r="AP68" s="407"/>
      <c r="AQ68" s="407"/>
      <c r="AR68" s="407"/>
      <c r="AS68" s="407"/>
      <c r="AT68" s="407"/>
      <c r="AU68" s="407"/>
      <c r="AV68" s="407"/>
      <c r="AW68" s="407"/>
      <c r="AX68" s="407"/>
      <c r="AY68" s="407"/>
      <c r="AZ68" s="407"/>
      <c r="BA68" s="407"/>
      <c r="BB68" s="407"/>
      <c r="BC68" s="407"/>
      <c r="BD68" s="407"/>
      <c r="BE68" s="407"/>
      <c r="BF68" s="407"/>
      <c r="BG68" s="407"/>
      <c r="BH68" s="407"/>
      <c r="BI68" s="53"/>
    </row>
    <row r="69" spans="1:61">
      <c r="A69" s="412"/>
      <c r="B69" s="413"/>
      <c r="C69" s="413"/>
      <c r="D69" s="413"/>
      <c r="E69" s="413"/>
      <c r="F69" s="413"/>
      <c r="G69" s="414"/>
      <c r="H69" s="38"/>
      <c r="I69" s="39"/>
      <c r="J69" s="39"/>
      <c r="K69" s="39"/>
      <c r="L69" s="39"/>
      <c r="M69" s="39"/>
      <c r="N69" s="39"/>
      <c r="O69" s="39"/>
      <c r="P69" s="39"/>
      <c r="Q69" s="39"/>
      <c r="R69" s="39"/>
      <c r="S69" s="39"/>
      <c r="T69" s="39"/>
      <c r="U69" s="39"/>
      <c r="V69" s="39"/>
      <c r="W69" s="39"/>
      <c r="X69" s="38"/>
      <c r="Y69" s="407" t="s">
        <v>113</v>
      </c>
      <c r="Z69" s="407"/>
      <c r="AA69" s="407"/>
      <c r="AB69" s="407"/>
      <c r="AC69" s="406" t="s">
        <v>568</v>
      </c>
      <c r="AD69" s="602"/>
      <c r="AE69" s="602"/>
      <c r="AF69" s="602"/>
      <c r="AG69" s="602"/>
      <c r="AH69" s="602"/>
      <c r="AI69" s="602"/>
      <c r="AJ69" s="602"/>
      <c r="AK69" s="602"/>
      <c r="AL69" s="602"/>
      <c r="AM69" s="602"/>
      <c r="AN69" s="602"/>
      <c r="AO69" s="602"/>
      <c r="AP69" s="602"/>
      <c r="AQ69" s="602"/>
      <c r="AR69" s="602"/>
      <c r="AS69" s="602"/>
      <c r="AT69" s="602"/>
      <c r="AU69" s="602"/>
      <c r="AV69" s="602"/>
      <c r="AW69" s="602"/>
      <c r="AX69" s="602"/>
      <c r="AY69" s="602"/>
      <c r="AZ69" s="602"/>
      <c r="BA69" s="602"/>
      <c r="BB69" s="602"/>
      <c r="BC69" s="602"/>
      <c r="BD69" s="602"/>
      <c r="BE69" s="602"/>
      <c r="BF69" s="602"/>
      <c r="BG69" s="602"/>
      <c r="BH69" s="602"/>
      <c r="BI69" s="53" t="s">
        <v>569</v>
      </c>
    </row>
    <row r="70" spans="1:61">
      <c r="A70" s="412"/>
      <c r="B70" s="413"/>
      <c r="C70" s="413"/>
      <c r="D70" s="413"/>
      <c r="E70" s="413"/>
      <c r="F70" s="413"/>
      <c r="G70" s="414"/>
      <c r="H70" s="38"/>
      <c r="I70" s="39"/>
      <c r="J70" s="39"/>
      <c r="K70" s="39"/>
      <c r="L70" s="39"/>
      <c r="M70" s="39"/>
      <c r="N70" s="39"/>
      <c r="O70" s="39"/>
      <c r="P70" s="39"/>
      <c r="Q70" s="39"/>
      <c r="R70" s="39"/>
      <c r="S70" s="39"/>
      <c r="T70" s="39"/>
      <c r="U70" s="39"/>
      <c r="V70" s="39"/>
      <c r="W70" s="39"/>
      <c r="X70" s="38"/>
      <c r="Y70" s="407" t="s">
        <v>25</v>
      </c>
      <c r="Z70" s="407"/>
      <c r="AA70" s="407"/>
      <c r="AB70" s="407" t="s">
        <v>568</v>
      </c>
      <c r="AC70" s="578"/>
      <c r="AD70" s="578"/>
      <c r="AE70" s="578"/>
      <c r="AF70" s="578"/>
      <c r="AG70" s="578"/>
      <c r="AH70" s="578"/>
      <c r="AI70" s="578"/>
      <c r="AJ70" s="578"/>
      <c r="AK70" s="578"/>
      <c r="AL70" s="578"/>
      <c r="AM70" s="578"/>
      <c r="AN70" s="578"/>
      <c r="AO70" s="578"/>
      <c r="AP70" s="578"/>
      <c r="AQ70" s="578"/>
      <c r="AR70" s="578"/>
      <c r="AS70" s="578"/>
      <c r="AT70" s="578"/>
      <c r="AU70" s="578"/>
      <c r="AV70" s="578"/>
      <c r="AW70" s="578"/>
      <c r="AX70" s="578"/>
      <c r="AY70" s="578"/>
      <c r="AZ70" s="578"/>
      <c r="BA70" s="578"/>
      <c r="BB70" s="578"/>
      <c r="BC70" s="578"/>
      <c r="BD70" s="578"/>
      <c r="BE70" s="578"/>
      <c r="BF70" s="578"/>
      <c r="BG70" s="578"/>
      <c r="BH70" s="578"/>
      <c r="BI70" s="53" t="s">
        <v>569</v>
      </c>
    </row>
    <row r="71" spans="1:61">
      <c r="A71" s="412"/>
      <c r="B71" s="413"/>
      <c r="C71" s="413"/>
      <c r="D71" s="413"/>
      <c r="E71" s="413"/>
      <c r="F71" s="413"/>
      <c r="G71" s="414"/>
      <c r="H71" s="38"/>
      <c r="I71" s="39" t="s">
        <v>114</v>
      </c>
      <c r="J71" s="39"/>
      <c r="K71" s="39"/>
      <c r="L71" s="39"/>
      <c r="M71" s="39"/>
      <c r="N71" s="39"/>
      <c r="O71" s="39"/>
      <c r="P71" s="39"/>
      <c r="Q71" s="39"/>
      <c r="R71" s="39"/>
      <c r="S71" s="39"/>
      <c r="T71" s="39"/>
      <c r="U71" s="39"/>
      <c r="V71" s="39"/>
      <c r="W71" s="39"/>
      <c r="X71" s="38"/>
      <c r="Y71" s="407" t="s">
        <v>115</v>
      </c>
      <c r="Z71" s="407"/>
      <c r="AA71" s="407"/>
      <c r="AB71" s="407"/>
      <c r="AC71" s="407"/>
      <c r="AD71" s="407"/>
      <c r="AE71" s="407"/>
      <c r="AF71" s="407"/>
      <c r="AG71" s="407"/>
      <c r="AH71" s="407"/>
      <c r="AI71" s="407"/>
      <c r="AJ71" s="407"/>
      <c r="AK71" s="407"/>
      <c r="AL71" s="407"/>
      <c r="AM71" s="407"/>
      <c r="AN71" s="407"/>
      <c r="AO71" s="407"/>
      <c r="AP71" s="407"/>
      <c r="AQ71" s="407"/>
      <c r="AR71" s="407"/>
      <c r="AS71" s="407"/>
      <c r="AT71" s="407"/>
      <c r="AU71" s="407"/>
      <c r="AV71" s="407"/>
      <c r="AW71" s="407"/>
      <c r="AX71" s="407"/>
      <c r="AY71" s="407"/>
      <c r="AZ71" s="407"/>
      <c r="BA71" s="407"/>
      <c r="BB71" s="407"/>
      <c r="BC71" s="407"/>
      <c r="BD71" s="407"/>
      <c r="BE71" s="407"/>
      <c r="BF71" s="407"/>
      <c r="BG71" s="407"/>
      <c r="BH71" s="407"/>
      <c r="BI71" s="53"/>
    </row>
    <row r="72" spans="1:61">
      <c r="A72" s="412"/>
      <c r="B72" s="413"/>
      <c r="C72" s="413"/>
      <c r="D72" s="413"/>
      <c r="E72" s="413"/>
      <c r="F72" s="413"/>
      <c r="G72" s="414"/>
      <c r="H72" s="38"/>
      <c r="I72" s="39"/>
      <c r="J72" s="39"/>
      <c r="K72" s="39"/>
      <c r="L72" s="39"/>
      <c r="M72" s="39"/>
      <c r="N72" s="39"/>
      <c r="O72" s="39"/>
      <c r="P72" s="39"/>
      <c r="Q72" s="39"/>
      <c r="R72" s="39"/>
      <c r="S72" s="39"/>
      <c r="T72" s="39"/>
      <c r="U72" s="39"/>
      <c r="V72" s="39"/>
      <c r="W72" s="39"/>
      <c r="X72" s="38"/>
      <c r="Y72" s="407"/>
      <c r="Z72" s="407" t="s">
        <v>110</v>
      </c>
      <c r="AA72" s="407"/>
      <c r="AB72" s="407"/>
      <c r="AC72" s="407"/>
      <c r="AD72" s="407"/>
      <c r="AE72" s="407"/>
      <c r="AF72" s="407" t="s">
        <v>25</v>
      </c>
      <c r="AG72" s="407"/>
      <c r="AH72" s="407"/>
      <c r="AI72" s="407" t="s">
        <v>568</v>
      </c>
      <c r="AJ72" s="578"/>
      <c r="AK72" s="595"/>
      <c r="AL72" s="595"/>
      <c r="AM72" s="595"/>
      <c r="AN72" s="595"/>
      <c r="AO72" s="595"/>
      <c r="AP72" s="595"/>
      <c r="AQ72" s="595"/>
      <c r="AR72" s="595"/>
      <c r="AS72" s="595"/>
      <c r="AT72" s="595"/>
      <c r="AU72" s="595"/>
      <c r="AV72" s="595"/>
      <c r="AW72" s="595"/>
      <c r="AX72" s="595"/>
      <c r="AY72" s="595"/>
      <c r="AZ72" s="595"/>
      <c r="BA72" s="595"/>
      <c r="BB72" s="595"/>
      <c r="BC72" s="595"/>
      <c r="BD72" s="407" t="s">
        <v>569</v>
      </c>
      <c r="BE72" s="407"/>
      <c r="BF72" s="407" t="s">
        <v>52</v>
      </c>
      <c r="BG72" s="407"/>
      <c r="BH72" s="407"/>
      <c r="BI72" s="53"/>
    </row>
    <row r="73" spans="1:61">
      <c r="A73" s="412"/>
      <c r="B73" s="413"/>
      <c r="C73" s="413"/>
      <c r="D73" s="413"/>
      <c r="E73" s="413"/>
      <c r="F73" s="413"/>
      <c r="G73" s="414"/>
      <c r="H73" s="38"/>
      <c r="I73" s="39"/>
      <c r="J73" s="39"/>
      <c r="K73" s="39"/>
      <c r="L73" s="39"/>
      <c r="M73" s="39"/>
      <c r="N73" s="39"/>
      <c r="O73" s="39"/>
      <c r="P73" s="39"/>
      <c r="Q73" s="39"/>
      <c r="R73" s="39"/>
      <c r="S73" s="39"/>
      <c r="T73" s="39"/>
      <c r="U73" s="39"/>
      <c r="V73" s="39"/>
      <c r="W73" s="39"/>
      <c r="X73" s="38"/>
      <c r="Y73" s="407" t="s">
        <v>55</v>
      </c>
      <c r="Z73" s="407"/>
      <c r="AA73" s="407"/>
      <c r="AB73" s="407"/>
      <c r="AC73" s="407"/>
      <c r="AD73" s="407"/>
      <c r="AE73" s="407"/>
      <c r="AF73" s="407"/>
      <c r="AG73" s="407"/>
      <c r="AH73" s="407"/>
      <c r="AI73" s="407"/>
      <c r="AJ73" s="407"/>
      <c r="AK73" s="407"/>
      <c r="AL73" s="407"/>
      <c r="AM73" s="407"/>
      <c r="AN73" s="407"/>
      <c r="AO73" s="407"/>
      <c r="AP73" s="407"/>
      <c r="AQ73" s="407"/>
      <c r="AR73" s="407"/>
      <c r="AS73" s="407"/>
      <c r="AT73" s="407"/>
      <c r="AU73" s="407"/>
      <c r="AV73" s="407"/>
      <c r="AW73" s="407"/>
      <c r="AX73" s="407"/>
      <c r="AY73" s="407"/>
      <c r="AZ73" s="407"/>
      <c r="BA73" s="407"/>
      <c r="BB73" s="407"/>
      <c r="BC73" s="407"/>
      <c r="BD73" s="407"/>
      <c r="BE73" s="407"/>
      <c r="BF73" s="407"/>
      <c r="BG73" s="407"/>
      <c r="BH73" s="407"/>
      <c r="BI73" s="53"/>
    </row>
    <row r="74" spans="1:61">
      <c r="A74" s="412"/>
      <c r="B74" s="413"/>
      <c r="C74" s="413"/>
      <c r="D74" s="413"/>
      <c r="E74" s="413"/>
      <c r="F74" s="413"/>
      <c r="G74" s="414"/>
      <c r="H74" s="38"/>
      <c r="I74" s="39"/>
      <c r="J74" s="39"/>
      <c r="K74" s="39"/>
      <c r="L74" s="39"/>
      <c r="M74" s="39"/>
      <c r="N74" s="39"/>
      <c r="O74" s="39"/>
      <c r="P74" s="39"/>
      <c r="Q74" s="39"/>
      <c r="R74" s="39"/>
      <c r="S74" s="39"/>
      <c r="T74" s="39"/>
      <c r="U74" s="39"/>
      <c r="V74" s="39"/>
      <c r="W74" s="39"/>
      <c r="X74" s="38"/>
      <c r="Y74" s="407" t="s">
        <v>25</v>
      </c>
      <c r="Z74" s="407"/>
      <c r="AA74" s="407"/>
      <c r="AB74" s="407" t="s">
        <v>568</v>
      </c>
      <c r="AC74" s="578"/>
      <c r="AD74" s="578"/>
      <c r="AE74" s="578"/>
      <c r="AF74" s="578"/>
      <c r="AG74" s="578"/>
      <c r="AH74" s="578"/>
      <c r="AI74" s="578"/>
      <c r="AJ74" s="578"/>
      <c r="AK74" s="578"/>
      <c r="AL74" s="578"/>
      <c r="AM74" s="578"/>
      <c r="AN74" s="578"/>
      <c r="AO74" s="578"/>
      <c r="AP74" s="578"/>
      <c r="AQ74" s="578"/>
      <c r="AR74" s="578"/>
      <c r="AS74" s="578"/>
      <c r="AT74" s="578"/>
      <c r="AU74" s="578"/>
      <c r="AV74" s="578"/>
      <c r="AW74" s="578"/>
      <c r="AX74" s="578"/>
      <c r="AY74" s="578"/>
      <c r="AZ74" s="578"/>
      <c r="BA74" s="578"/>
      <c r="BB74" s="578"/>
      <c r="BC74" s="578"/>
      <c r="BD74" s="578"/>
      <c r="BE74" s="578"/>
      <c r="BF74" s="578"/>
      <c r="BG74" s="578"/>
      <c r="BH74" s="578"/>
      <c r="BI74" s="53" t="s">
        <v>569</v>
      </c>
    </row>
    <row r="75" spans="1:61">
      <c r="A75" s="412"/>
      <c r="B75" s="413"/>
      <c r="C75" s="413"/>
      <c r="D75" s="413"/>
      <c r="E75" s="413"/>
      <c r="F75" s="413"/>
      <c r="G75" s="414"/>
      <c r="H75" s="38"/>
      <c r="I75" s="39"/>
      <c r="J75" s="39"/>
      <c r="K75" s="39"/>
      <c r="L75" s="39"/>
      <c r="M75" s="39"/>
      <c r="N75" s="39"/>
      <c r="O75" s="39"/>
      <c r="P75" s="39"/>
      <c r="Q75" s="39"/>
      <c r="R75" s="39"/>
      <c r="S75" s="39"/>
      <c r="T75" s="39"/>
      <c r="U75" s="39"/>
      <c r="V75" s="39"/>
      <c r="W75" s="39"/>
      <c r="X75" s="38"/>
      <c r="Y75" s="407"/>
      <c r="Z75" s="407"/>
      <c r="AA75" s="407"/>
      <c r="AB75" s="407"/>
      <c r="AC75" s="406"/>
      <c r="AD75" s="406"/>
      <c r="AE75" s="406"/>
      <c r="AF75" s="406"/>
      <c r="AG75" s="406"/>
      <c r="AH75" s="406"/>
      <c r="AI75" s="406"/>
      <c r="AJ75" s="406"/>
      <c r="AK75" s="406"/>
      <c r="AL75" s="406"/>
      <c r="AM75" s="406"/>
      <c r="AN75" s="406"/>
      <c r="AO75" s="406"/>
      <c r="AP75" s="406"/>
      <c r="AQ75" s="406"/>
      <c r="AR75" s="406"/>
      <c r="AS75" s="406"/>
      <c r="AT75" s="406"/>
      <c r="AU75" s="406"/>
      <c r="AV75" s="406"/>
      <c r="AW75" s="406"/>
      <c r="AX75" s="406"/>
      <c r="AY75" s="406"/>
      <c r="AZ75" s="406"/>
      <c r="BA75" s="406"/>
      <c r="BB75" s="406"/>
      <c r="BC75" s="406"/>
      <c r="BD75" s="406"/>
      <c r="BE75" s="406"/>
      <c r="BF75" s="406"/>
      <c r="BG75" s="406"/>
      <c r="BH75" s="406"/>
      <c r="BI75" s="53"/>
    </row>
    <row r="76" spans="1:61">
      <c r="A76" s="58"/>
      <c r="B76" s="407"/>
      <c r="C76" s="407"/>
      <c r="D76" s="407"/>
      <c r="E76" s="407"/>
      <c r="F76" s="407"/>
      <c r="G76" s="53"/>
      <c r="H76" s="38"/>
      <c r="I76" s="39"/>
      <c r="J76" s="39"/>
      <c r="K76" s="39"/>
      <c r="L76" s="39"/>
      <c r="M76" s="39"/>
      <c r="N76" s="39"/>
      <c r="O76" s="39"/>
      <c r="P76" s="39"/>
      <c r="Q76" s="39"/>
      <c r="R76" s="39"/>
      <c r="S76" s="39"/>
      <c r="T76" s="39"/>
      <c r="U76" s="39"/>
      <c r="V76" s="39"/>
      <c r="W76" s="39"/>
      <c r="X76" s="38"/>
      <c r="Y76" s="407"/>
      <c r="Z76" s="407"/>
      <c r="AA76" s="407"/>
      <c r="AB76" s="407"/>
      <c r="AC76" s="407"/>
      <c r="AD76" s="407"/>
      <c r="AE76" s="407"/>
      <c r="AF76" s="407"/>
      <c r="AG76" s="407"/>
      <c r="AH76" s="407"/>
      <c r="AI76" s="407"/>
      <c r="AJ76" s="407"/>
      <c r="AK76" s="407"/>
      <c r="AL76" s="407"/>
      <c r="AM76" s="407"/>
      <c r="AN76" s="407"/>
      <c r="AO76" s="407"/>
      <c r="AP76" s="407"/>
      <c r="AQ76" s="407"/>
      <c r="AR76" s="407"/>
      <c r="AS76" s="407"/>
      <c r="AT76" s="407"/>
      <c r="AU76" s="407"/>
      <c r="AV76" s="407"/>
      <c r="AW76" s="407"/>
      <c r="AX76" s="407"/>
      <c r="AY76" s="407"/>
      <c r="AZ76" s="407"/>
      <c r="BA76" s="407"/>
      <c r="BB76" s="407"/>
      <c r="BC76" s="407"/>
      <c r="BD76" s="407"/>
      <c r="BE76" s="407"/>
      <c r="BF76" s="407"/>
      <c r="BG76" s="407"/>
      <c r="BH76" s="407"/>
      <c r="BI76" s="53"/>
    </row>
    <row r="77" spans="1:61">
      <c r="A77" s="55"/>
      <c r="B77" s="56"/>
      <c r="C77" s="56"/>
      <c r="D77" s="56"/>
      <c r="E77" s="56"/>
      <c r="F77" s="56"/>
      <c r="G77" s="56"/>
      <c r="H77" s="45"/>
      <c r="I77" s="46"/>
      <c r="J77" s="46"/>
      <c r="K77" s="46"/>
      <c r="L77" s="46"/>
      <c r="M77" s="46"/>
      <c r="N77" s="46"/>
      <c r="O77" s="46"/>
      <c r="P77" s="46"/>
      <c r="Q77" s="46"/>
      <c r="R77" s="46"/>
      <c r="S77" s="46"/>
      <c r="T77" s="46"/>
      <c r="U77" s="46"/>
      <c r="V77" s="46"/>
      <c r="W77" s="47"/>
      <c r="X77" s="46"/>
      <c r="Y77" s="56"/>
      <c r="Z77" s="56"/>
      <c r="AA77" s="56"/>
      <c r="AB77" s="56"/>
      <c r="AC77" s="56"/>
      <c r="AD77" s="56"/>
      <c r="AE77" s="56"/>
      <c r="AF77" s="56"/>
      <c r="AG77" s="56"/>
      <c r="AH77" s="56"/>
      <c r="AI77" s="56"/>
      <c r="AJ77" s="56"/>
      <c r="AK77" s="56"/>
      <c r="AL77" s="56"/>
      <c r="AM77" s="56"/>
      <c r="AN77" s="56"/>
      <c r="AO77" s="56"/>
      <c r="AP77" s="56"/>
      <c r="AQ77" s="56"/>
      <c r="AR77" s="56"/>
      <c r="AS77" s="56"/>
      <c r="AT77" s="56"/>
      <c r="AU77" s="56"/>
      <c r="AV77" s="56"/>
      <c r="AW77" s="56"/>
      <c r="AX77" s="56"/>
      <c r="AY77" s="56"/>
      <c r="AZ77" s="56"/>
      <c r="BA77" s="56"/>
      <c r="BB77" s="56"/>
      <c r="BC77" s="56"/>
      <c r="BD77" s="56"/>
      <c r="BE77" s="56"/>
      <c r="BF77" s="56"/>
      <c r="BG77" s="56"/>
      <c r="BH77" s="56"/>
      <c r="BI77" s="57"/>
    </row>
    <row r="78" spans="1:61">
      <c r="A78" s="407"/>
      <c r="B78" s="407"/>
      <c r="C78" s="407"/>
      <c r="D78" s="407"/>
      <c r="E78" s="407"/>
      <c r="F78" s="407"/>
      <c r="G78" s="407"/>
      <c r="H78" s="39"/>
      <c r="I78" s="39"/>
      <c r="J78" s="39"/>
      <c r="K78" s="39"/>
      <c r="L78" s="39"/>
      <c r="M78" s="39"/>
      <c r="N78" s="39"/>
      <c r="O78" s="39"/>
      <c r="P78" s="39"/>
      <c r="Q78" s="39"/>
      <c r="R78" s="39"/>
      <c r="S78" s="39"/>
      <c r="T78" s="39"/>
      <c r="U78" s="39"/>
      <c r="V78" s="39"/>
      <c r="W78" s="39"/>
      <c r="X78" s="39"/>
      <c r="Y78" s="407"/>
      <c r="Z78" s="407"/>
      <c r="AA78" s="407"/>
      <c r="AB78" s="407"/>
      <c r="AC78" s="407"/>
      <c r="AD78" s="407"/>
      <c r="AE78" s="407"/>
      <c r="AF78" s="407"/>
      <c r="AG78" s="407"/>
      <c r="AH78" s="407"/>
      <c r="AI78" s="407"/>
      <c r="AJ78" s="407"/>
      <c r="AK78" s="407"/>
      <c r="AL78" s="407"/>
      <c r="AM78" s="407"/>
      <c r="AN78" s="407"/>
      <c r="AO78" s="407"/>
      <c r="AP78" s="407"/>
      <c r="AQ78" s="407"/>
      <c r="AR78" s="407"/>
      <c r="AS78" s="407"/>
      <c r="AT78" s="407"/>
      <c r="AU78" s="407"/>
      <c r="AV78" s="407"/>
      <c r="AW78" s="407"/>
      <c r="AX78" s="407"/>
      <c r="AY78" s="407"/>
      <c r="AZ78" s="407"/>
      <c r="BA78" s="407"/>
      <c r="BB78" s="407"/>
      <c r="BC78" s="407"/>
      <c r="BD78" s="407"/>
      <c r="BE78" s="407"/>
      <c r="BF78" s="407"/>
      <c r="BG78" s="407"/>
      <c r="BH78" s="407"/>
      <c r="BI78" s="407"/>
    </row>
    <row r="79" spans="1:61">
      <c r="A79" s="407"/>
      <c r="B79" s="407"/>
      <c r="C79" s="407"/>
      <c r="D79" s="407"/>
      <c r="E79" s="407"/>
      <c r="F79" s="407"/>
      <c r="G79" s="407"/>
      <c r="H79" s="39"/>
      <c r="I79" s="39"/>
      <c r="J79" s="39"/>
      <c r="K79" s="39"/>
      <c r="L79" s="39"/>
      <c r="M79" s="39"/>
      <c r="N79" s="39"/>
      <c r="O79" s="39"/>
      <c r="P79" s="39"/>
      <c r="Q79" s="39"/>
      <c r="R79" s="39"/>
      <c r="S79" s="39"/>
      <c r="T79" s="39"/>
      <c r="U79" s="39"/>
      <c r="V79" s="39"/>
      <c r="W79" s="39"/>
      <c r="X79" s="39"/>
      <c r="Y79" s="407"/>
      <c r="Z79" s="407"/>
      <c r="AA79" s="407"/>
      <c r="AB79" s="407"/>
      <c r="AC79" s="407"/>
      <c r="AD79" s="407"/>
      <c r="AE79" s="407"/>
      <c r="AF79" s="407"/>
      <c r="AG79" s="407"/>
      <c r="AH79" s="407"/>
      <c r="AI79" s="407"/>
      <c r="AJ79" s="407"/>
      <c r="AK79" s="407"/>
      <c r="AL79" s="407"/>
      <c r="AM79" s="407"/>
      <c r="AN79" s="407"/>
      <c r="AO79" s="407"/>
      <c r="AP79" s="407"/>
      <c r="AQ79" s="407"/>
      <c r="AR79" s="407"/>
      <c r="AS79" s="407"/>
      <c r="AT79" s="407"/>
      <c r="AU79" s="407"/>
      <c r="AV79" s="407"/>
      <c r="AW79" s="407"/>
      <c r="AX79" s="407"/>
      <c r="AY79" s="407"/>
      <c r="AZ79" s="407"/>
      <c r="BA79" s="407"/>
      <c r="BB79" s="407"/>
      <c r="BC79" s="407"/>
      <c r="BD79" s="407"/>
      <c r="BE79" s="407"/>
      <c r="BF79" s="407"/>
      <c r="BG79" s="407"/>
      <c r="BH79" s="407"/>
      <c r="BI79" s="407"/>
    </row>
    <row r="80" spans="1:61">
      <c r="A80" s="407"/>
      <c r="B80" s="407"/>
      <c r="C80" s="407"/>
      <c r="D80" s="407"/>
      <c r="E80" s="407"/>
      <c r="F80" s="407"/>
      <c r="G80" s="407"/>
      <c r="H80" s="39"/>
      <c r="I80" s="39"/>
      <c r="J80" s="39"/>
      <c r="K80" s="39"/>
      <c r="L80" s="39"/>
      <c r="M80" s="39"/>
      <c r="N80" s="39"/>
      <c r="O80" s="39"/>
      <c r="P80" s="39"/>
      <c r="Q80" s="39"/>
      <c r="R80" s="39"/>
      <c r="S80" s="39"/>
      <c r="T80" s="39"/>
      <c r="U80" s="39"/>
      <c r="V80" s="39"/>
      <c r="W80" s="39"/>
      <c r="X80" s="39"/>
      <c r="Y80" s="407"/>
      <c r="Z80" s="407"/>
      <c r="AA80" s="407"/>
      <c r="AB80" s="407"/>
      <c r="AC80" s="407"/>
      <c r="AD80" s="407"/>
      <c r="AE80" s="407"/>
      <c r="AF80" s="407"/>
      <c r="AG80" s="407"/>
      <c r="AH80" s="407"/>
      <c r="AI80" s="407"/>
      <c r="AJ80" s="407"/>
      <c r="AK80" s="407"/>
      <c r="AL80" s="407"/>
      <c r="AM80" s="407"/>
      <c r="AN80" s="407"/>
      <c r="AO80" s="407"/>
      <c r="AP80" s="407"/>
      <c r="AQ80" s="407"/>
      <c r="AR80" s="407"/>
      <c r="AS80" s="407"/>
      <c r="AT80" s="407"/>
      <c r="AU80" s="407"/>
      <c r="AV80" s="407"/>
      <c r="AW80" s="407"/>
      <c r="AX80" s="407"/>
      <c r="AY80" s="407"/>
      <c r="AZ80" s="407"/>
      <c r="BA80" s="407"/>
      <c r="BB80" s="407"/>
      <c r="BC80" s="407"/>
      <c r="BD80" s="407"/>
      <c r="BE80" s="407"/>
      <c r="BF80" s="407"/>
      <c r="BG80" s="407"/>
      <c r="BH80" s="407"/>
      <c r="BI80" s="407"/>
    </row>
    <row r="81" spans="1:61">
      <c r="A81" s="407"/>
      <c r="B81" s="407"/>
      <c r="C81" s="407"/>
      <c r="D81" s="407"/>
      <c r="E81" s="407"/>
      <c r="F81" s="407"/>
      <c r="G81" s="407"/>
      <c r="H81" s="39"/>
      <c r="I81" s="39"/>
      <c r="J81" s="39"/>
      <c r="K81" s="39"/>
      <c r="L81" s="39"/>
      <c r="M81" s="39"/>
      <c r="N81" s="39"/>
      <c r="O81" s="39"/>
      <c r="P81" s="39"/>
      <c r="Q81" s="39"/>
      <c r="R81" s="39"/>
      <c r="S81" s="39"/>
      <c r="T81" s="39"/>
      <c r="U81" s="39"/>
      <c r="V81" s="39"/>
      <c r="W81" s="39"/>
      <c r="X81" s="39"/>
      <c r="Y81" s="407"/>
      <c r="Z81" s="407"/>
      <c r="AA81" s="407"/>
      <c r="AB81" s="407"/>
      <c r="AC81" s="407"/>
      <c r="AD81" s="407"/>
      <c r="AE81" s="407"/>
      <c r="AF81" s="407"/>
      <c r="AG81" s="407"/>
      <c r="AH81" s="407"/>
      <c r="AI81" s="407"/>
      <c r="AJ81" s="407"/>
      <c r="AK81" s="407"/>
      <c r="AL81" s="407"/>
      <c r="AM81" s="407"/>
      <c r="AN81" s="407"/>
      <c r="AO81" s="407"/>
      <c r="AP81" s="407"/>
      <c r="AQ81" s="407"/>
      <c r="AR81" s="407"/>
      <c r="AS81" s="407"/>
      <c r="AT81" s="407"/>
      <c r="AU81" s="407"/>
      <c r="AV81" s="407"/>
      <c r="AW81" s="407"/>
      <c r="AX81" s="407"/>
      <c r="AY81" s="407"/>
      <c r="AZ81" s="407"/>
      <c r="BA81" s="407"/>
      <c r="BB81" s="407"/>
      <c r="BC81" s="407"/>
      <c r="BD81" s="407"/>
      <c r="BE81" s="407"/>
      <c r="BF81" s="407"/>
      <c r="BG81" s="407"/>
      <c r="BH81" s="407"/>
      <c r="BI81" s="407"/>
    </row>
    <row r="82" spans="1:61" s="425" customFormat="1">
      <c r="A82" s="617" t="s">
        <v>116</v>
      </c>
      <c r="B82" s="618"/>
      <c r="C82" s="618"/>
      <c r="D82" s="618"/>
      <c r="E82" s="618"/>
      <c r="F82" s="618"/>
      <c r="G82" s="619"/>
      <c r="H82" s="420"/>
      <c r="I82" s="421" t="s">
        <v>117</v>
      </c>
      <c r="J82" s="421"/>
      <c r="K82" s="421"/>
      <c r="L82" s="421"/>
      <c r="M82" s="421" t="s">
        <v>629</v>
      </c>
      <c r="N82" s="421"/>
      <c r="O82" s="421"/>
      <c r="P82" s="421"/>
      <c r="Q82" s="422"/>
      <c r="R82" s="422"/>
      <c r="S82" s="422"/>
      <c r="T82" s="422"/>
      <c r="U82" s="422"/>
      <c r="V82" s="422"/>
      <c r="W82" s="423"/>
      <c r="X82" s="424"/>
      <c r="Y82" s="422" t="s">
        <v>118</v>
      </c>
      <c r="Z82" s="422"/>
      <c r="AA82" s="422"/>
      <c r="AB82" s="422"/>
      <c r="AC82" s="422"/>
      <c r="AD82" s="422"/>
      <c r="AE82" s="422" t="s">
        <v>119</v>
      </c>
      <c r="AF82" s="422"/>
      <c r="AG82" s="422"/>
      <c r="AH82" s="422"/>
      <c r="AI82" s="422" t="s">
        <v>630</v>
      </c>
      <c r="AJ82" s="422"/>
      <c r="AK82" s="422"/>
      <c r="AL82" s="422"/>
      <c r="AM82" s="422"/>
      <c r="AN82" s="422"/>
      <c r="AO82" s="422"/>
      <c r="AP82" s="422"/>
      <c r="AQ82" s="422"/>
      <c r="AR82" s="422"/>
      <c r="AS82" s="422"/>
      <c r="AT82" s="422"/>
      <c r="AU82" s="422"/>
      <c r="AV82" s="422"/>
      <c r="AW82" s="422"/>
      <c r="AX82" s="422"/>
      <c r="AY82" s="422"/>
      <c r="AZ82" s="422"/>
      <c r="BA82" s="422"/>
      <c r="BB82" s="422"/>
      <c r="BC82" s="422"/>
      <c r="BD82" s="422"/>
      <c r="BE82" s="422"/>
      <c r="BF82" s="422"/>
      <c r="BG82" s="422"/>
      <c r="BH82" s="422"/>
      <c r="BI82" s="423"/>
    </row>
    <row r="83" spans="1:61" s="425" customFormat="1">
      <c r="A83" s="426"/>
      <c r="B83" s="427"/>
      <c r="C83" s="427"/>
      <c r="D83" s="427"/>
      <c r="E83" s="427"/>
      <c r="F83" s="427"/>
      <c r="G83" s="427"/>
      <c r="H83" s="428"/>
      <c r="I83" s="429" t="s">
        <v>117</v>
      </c>
      <c r="J83" s="429"/>
      <c r="K83" s="429"/>
      <c r="L83" s="429"/>
      <c r="M83" s="430" t="s">
        <v>631</v>
      </c>
      <c r="N83" s="430"/>
      <c r="O83" s="430"/>
      <c r="P83" s="429"/>
      <c r="Q83" s="431"/>
      <c r="R83" s="431"/>
      <c r="S83" s="431"/>
      <c r="T83" s="431"/>
      <c r="U83" s="431"/>
      <c r="V83" s="431"/>
      <c r="W83" s="432"/>
      <c r="X83" s="424"/>
      <c r="Y83" s="431" t="s">
        <v>118</v>
      </c>
      <c r="Z83" s="431"/>
      <c r="AA83" s="431"/>
      <c r="AB83" s="431"/>
      <c r="AC83" s="431"/>
      <c r="AD83" s="431"/>
      <c r="AE83" s="431" t="s">
        <v>119</v>
      </c>
      <c r="AF83" s="431"/>
      <c r="AG83" s="431"/>
      <c r="AH83" s="431"/>
      <c r="AI83" s="431" t="s">
        <v>632</v>
      </c>
      <c r="AJ83" s="431"/>
      <c r="AK83" s="431"/>
      <c r="AL83" s="431">
        <v>8</v>
      </c>
      <c r="AM83" s="431" t="s">
        <v>633</v>
      </c>
      <c r="AN83" s="431"/>
      <c r="AO83" s="431"/>
      <c r="AP83" s="431"/>
      <c r="AQ83" s="431" t="s">
        <v>634</v>
      </c>
      <c r="AR83" s="431"/>
      <c r="AS83" s="431"/>
      <c r="AT83" s="431"/>
      <c r="AU83" s="431"/>
      <c r="AV83" s="431"/>
      <c r="AW83" s="431"/>
      <c r="AX83" s="431"/>
      <c r="AY83" s="431"/>
      <c r="AZ83" s="431"/>
      <c r="BA83" s="431"/>
      <c r="BB83" s="431"/>
      <c r="BC83" s="431"/>
      <c r="BD83" s="431"/>
      <c r="BE83" s="431"/>
      <c r="BF83" s="431"/>
      <c r="BG83" s="431"/>
      <c r="BH83" s="431"/>
      <c r="BI83" s="432"/>
    </row>
    <row r="84" spans="1:61" s="425" customFormat="1">
      <c r="A84" s="433"/>
      <c r="B84" s="427"/>
      <c r="C84" s="620" t="s">
        <v>635</v>
      </c>
      <c r="D84" s="620"/>
      <c r="E84" s="620"/>
      <c r="F84" s="427"/>
      <c r="G84" s="427"/>
      <c r="H84" s="428"/>
      <c r="I84" s="434" t="s">
        <v>123</v>
      </c>
      <c r="J84" s="434"/>
      <c r="K84" s="434"/>
      <c r="L84" s="434"/>
      <c r="M84" s="430"/>
      <c r="N84" s="431"/>
      <c r="O84" s="431"/>
      <c r="P84" s="431"/>
      <c r="Q84" s="431"/>
      <c r="R84" s="431"/>
      <c r="S84" s="431"/>
      <c r="T84" s="431"/>
      <c r="U84" s="431"/>
      <c r="V84" s="431"/>
      <c r="W84" s="432"/>
      <c r="X84" s="424"/>
      <c r="Y84" s="431" t="s">
        <v>121</v>
      </c>
      <c r="Z84" s="431"/>
      <c r="AA84" s="431"/>
      <c r="AB84" s="431"/>
      <c r="AC84" s="431"/>
      <c r="AD84" s="431"/>
      <c r="AE84" s="431"/>
      <c r="AF84" s="431"/>
      <c r="AG84" s="431"/>
      <c r="AH84" s="431"/>
      <c r="AI84" s="431"/>
      <c r="AJ84" s="431"/>
      <c r="AK84" s="431"/>
      <c r="AL84" s="431"/>
      <c r="AM84" s="431"/>
      <c r="AN84" s="431"/>
      <c r="AO84" s="431"/>
      <c r="AP84" s="431"/>
      <c r="AQ84" s="431"/>
      <c r="AR84" s="431"/>
      <c r="AS84" s="431"/>
      <c r="AT84" s="431"/>
      <c r="AU84" s="431"/>
      <c r="AV84" s="431"/>
      <c r="AW84" s="431"/>
      <c r="AX84" s="431"/>
      <c r="AY84" s="431"/>
      <c r="AZ84" s="431"/>
      <c r="BA84" s="431"/>
      <c r="BB84" s="431"/>
      <c r="BC84" s="431"/>
      <c r="BD84" s="431"/>
      <c r="BE84" s="431"/>
      <c r="BF84" s="431"/>
      <c r="BG84" s="431"/>
      <c r="BH84" s="431"/>
      <c r="BI84" s="432"/>
    </row>
    <row r="85" spans="1:61" s="425" customFormat="1">
      <c r="A85" s="433"/>
      <c r="B85" s="427"/>
      <c r="C85" s="427"/>
      <c r="D85" s="427"/>
      <c r="E85" s="427"/>
      <c r="F85" s="427"/>
      <c r="G85" s="427"/>
      <c r="H85" s="428"/>
      <c r="I85" s="434"/>
      <c r="J85" s="434"/>
      <c r="K85" s="434"/>
      <c r="L85" s="434"/>
      <c r="M85" s="429"/>
      <c r="N85" s="431"/>
      <c r="O85" s="431"/>
      <c r="P85" s="431"/>
      <c r="Q85" s="431"/>
      <c r="R85" s="431"/>
      <c r="S85" s="431"/>
      <c r="T85" s="431"/>
      <c r="U85" s="431"/>
      <c r="V85" s="431"/>
      <c r="W85" s="432"/>
      <c r="X85" s="424"/>
      <c r="Y85" s="431"/>
      <c r="Z85" s="431" t="s">
        <v>122</v>
      </c>
      <c r="AA85" s="431"/>
      <c r="AB85" s="431"/>
      <c r="AC85" s="431"/>
      <c r="AD85" s="431"/>
      <c r="AE85" s="431" t="s">
        <v>25</v>
      </c>
      <c r="AF85" s="431"/>
      <c r="AG85" s="431"/>
      <c r="AH85" s="431" t="s">
        <v>636</v>
      </c>
      <c r="AI85" s="431"/>
      <c r="AJ85" s="431"/>
      <c r="AK85" s="431"/>
      <c r="AL85" s="431"/>
      <c r="AM85" s="431"/>
      <c r="AN85" s="431"/>
      <c r="AO85" s="431"/>
      <c r="AP85" s="431"/>
      <c r="AQ85" s="431"/>
      <c r="AR85" s="431"/>
      <c r="AS85" s="431"/>
      <c r="AT85" s="431"/>
      <c r="AU85" s="431" t="s">
        <v>637</v>
      </c>
      <c r="AV85" s="431"/>
      <c r="AW85" s="431"/>
      <c r="AX85" s="431"/>
      <c r="AY85" s="431"/>
      <c r="AZ85" s="431"/>
      <c r="BA85" s="431"/>
      <c r="BB85" s="431"/>
      <c r="BC85" s="431"/>
      <c r="BD85" s="431"/>
      <c r="BE85" s="431"/>
      <c r="BF85" s="431"/>
      <c r="BG85" s="431"/>
      <c r="BH85" s="431"/>
      <c r="BI85" s="432"/>
    </row>
    <row r="86" spans="1:61" s="425" customFormat="1">
      <c r="A86" s="433"/>
      <c r="B86" s="427"/>
      <c r="C86" s="427"/>
      <c r="D86" s="427"/>
      <c r="E86" s="427"/>
      <c r="F86" s="427"/>
      <c r="G86" s="427"/>
      <c r="H86" s="428"/>
      <c r="I86" s="434" t="s">
        <v>124</v>
      </c>
      <c r="J86" s="434"/>
      <c r="K86" s="434"/>
      <c r="L86" s="434"/>
      <c r="M86" s="429"/>
      <c r="N86" s="431"/>
      <c r="O86" s="431"/>
      <c r="P86" s="431"/>
      <c r="Q86" s="431"/>
      <c r="R86" s="431"/>
      <c r="S86" s="431"/>
      <c r="T86" s="431"/>
      <c r="U86" s="431"/>
      <c r="V86" s="431"/>
      <c r="W86" s="432"/>
      <c r="X86" s="424"/>
      <c r="Y86" s="431" t="s">
        <v>125</v>
      </c>
      <c r="Z86" s="431"/>
      <c r="AA86" s="431"/>
      <c r="AB86" s="431"/>
      <c r="AC86" s="431"/>
      <c r="AD86" s="431"/>
      <c r="AE86" s="431"/>
      <c r="AF86" s="431"/>
      <c r="AG86" s="431"/>
      <c r="AH86" s="431"/>
      <c r="AI86" s="431"/>
      <c r="AJ86" s="431"/>
      <c r="AK86" s="431"/>
      <c r="AL86" s="431"/>
      <c r="AM86" s="431"/>
      <c r="AN86" s="431"/>
      <c r="AO86" s="431"/>
      <c r="AP86" s="431"/>
      <c r="AQ86" s="431"/>
      <c r="AR86" s="431"/>
      <c r="AS86" s="431"/>
      <c r="AT86" s="431"/>
      <c r="AU86" s="431"/>
      <c r="AV86" s="431"/>
      <c r="AW86" s="431"/>
      <c r="AX86" s="431"/>
      <c r="AY86" s="431"/>
      <c r="AZ86" s="431"/>
      <c r="BA86" s="431"/>
      <c r="BB86" s="431"/>
      <c r="BC86" s="431"/>
      <c r="BD86" s="431"/>
      <c r="BE86" s="431"/>
      <c r="BF86" s="431"/>
      <c r="BG86" s="431"/>
      <c r="BH86" s="431"/>
      <c r="BI86" s="432"/>
    </row>
    <row r="87" spans="1:61" s="425" customFormat="1">
      <c r="A87" s="433"/>
      <c r="B87" s="427"/>
      <c r="C87" s="427"/>
      <c r="D87" s="427"/>
      <c r="E87" s="427"/>
      <c r="F87" s="427"/>
      <c r="G87" s="427"/>
      <c r="H87" s="428"/>
      <c r="I87" s="429"/>
      <c r="J87" s="429"/>
      <c r="K87" s="429"/>
      <c r="L87" s="429"/>
      <c r="M87" s="429"/>
      <c r="N87" s="431"/>
      <c r="O87" s="431"/>
      <c r="P87" s="431"/>
      <c r="Q87" s="431"/>
      <c r="R87" s="431"/>
      <c r="S87" s="431"/>
      <c r="T87" s="431"/>
      <c r="U87" s="431"/>
      <c r="V87" s="431"/>
      <c r="W87" s="432"/>
      <c r="X87" s="424"/>
      <c r="Y87" s="431"/>
      <c r="Z87" s="431" t="s">
        <v>126</v>
      </c>
      <c r="AA87" s="431"/>
      <c r="AB87" s="431"/>
      <c r="AC87" s="431"/>
      <c r="AD87" s="431" t="s">
        <v>127</v>
      </c>
      <c r="AE87" s="431"/>
      <c r="AF87" s="431"/>
      <c r="AG87" s="431"/>
      <c r="AH87" s="431" t="s">
        <v>128</v>
      </c>
      <c r="AI87" s="431"/>
      <c r="AJ87" s="431"/>
      <c r="AK87" s="431"/>
      <c r="AL87" s="431" t="s">
        <v>129</v>
      </c>
      <c r="AM87" s="431"/>
      <c r="AN87" s="431"/>
      <c r="AO87" s="431"/>
      <c r="AP87" s="431" t="s">
        <v>638</v>
      </c>
      <c r="AQ87" s="431"/>
      <c r="AR87" s="431"/>
      <c r="AS87" s="431"/>
      <c r="AT87" s="621" t="s">
        <v>25</v>
      </c>
      <c r="AU87" s="621"/>
      <c r="AV87" s="621"/>
      <c r="AW87" s="435" t="s">
        <v>639</v>
      </c>
      <c r="AX87" s="435"/>
      <c r="AY87" s="435"/>
      <c r="AZ87" s="435"/>
      <c r="BA87" s="435"/>
      <c r="BB87" s="435"/>
      <c r="BC87" s="435"/>
      <c r="BD87" s="435"/>
      <c r="BE87" s="435"/>
      <c r="BF87" s="435"/>
      <c r="BG87" s="435"/>
      <c r="BH87" s="435"/>
      <c r="BI87" s="432" t="s">
        <v>640</v>
      </c>
    </row>
    <row r="88" spans="1:61" s="425" customFormat="1">
      <c r="A88" s="433"/>
      <c r="B88" s="427"/>
      <c r="C88" s="427"/>
      <c r="D88" s="427"/>
      <c r="E88" s="427"/>
      <c r="F88" s="427"/>
      <c r="G88" s="427"/>
      <c r="H88" s="428"/>
      <c r="I88" s="429"/>
      <c r="J88" s="429"/>
      <c r="K88" s="429"/>
      <c r="L88" s="429"/>
      <c r="M88" s="429"/>
      <c r="N88" s="431"/>
      <c r="O88" s="431"/>
      <c r="P88" s="431"/>
      <c r="Q88" s="431"/>
      <c r="R88" s="431"/>
      <c r="S88" s="431"/>
      <c r="T88" s="431"/>
      <c r="U88" s="431"/>
      <c r="V88" s="431"/>
      <c r="W88" s="432"/>
      <c r="X88" s="424"/>
      <c r="Y88" s="431" t="s">
        <v>130</v>
      </c>
      <c r="Z88" s="431"/>
      <c r="AA88" s="431"/>
      <c r="AB88" s="431"/>
      <c r="AC88" s="431"/>
      <c r="AD88" s="431"/>
      <c r="AE88" s="431"/>
      <c r="AF88" s="431"/>
      <c r="AG88" s="431"/>
      <c r="AH88" s="431"/>
      <c r="AI88" s="431"/>
      <c r="AJ88" s="431"/>
      <c r="AK88" s="431"/>
      <c r="AL88" s="431"/>
      <c r="AM88" s="431"/>
      <c r="AN88" s="622"/>
      <c r="AO88" s="622"/>
      <c r="AP88" s="431"/>
      <c r="AQ88" s="431"/>
      <c r="AR88" s="431"/>
      <c r="AS88" s="431"/>
      <c r="AT88" s="431"/>
      <c r="AU88" s="431"/>
      <c r="AV88" s="431"/>
      <c r="AW88" s="431"/>
      <c r="AX88" s="431"/>
      <c r="AY88" s="431"/>
      <c r="AZ88" s="431"/>
      <c r="BA88" s="431"/>
      <c r="BB88" s="431"/>
      <c r="BC88" s="431"/>
      <c r="BD88" s="431"/>
      <c r="BE88" s="431"/>
      <c r="BF88" s="431"/>
      <c r="BG88" s="431"/>
      <c r="BH88" s="431"/>
      <c r="BI88" s="432"/>
    </row>
    <row r="89" spans="1:61" s="425" customFormat="1">
      <c r="A89" s="433"/>
      <c r="B89" s="427"/>
      <c r="C89" s="427"/>
      <c r="D89" s="427"/>
      <c r="E89" s="427"/>
      <c r="F89" s="427"/>
      <c r="G89" s="427"/>
      <c r="H89" s="428"/>
      <c r="I89" s="429"/>
      <c r="J89" s="429"/>
      <c r="K89" s="429"/>
      <c r="L89" s="429"/>
      <c r="M89" s="429"/>
      <c r="N89" s="431"/>
      <c r="O89" s="431"/>
      <c r="P89" s="431"/>
      <c r="Q89" s="431"/>
      <c r="R89" s="431"/>
      <c r="S89" s="431"/>
      <c r="T89" s="431"/>
      <c r="U89" s="431"/>
      <c r="V89" s="431"/>
      <c r="W89" s="432"/>
      <c r="X89" s="424"/>
      <c r="Y89" s="431"/>
      <c r="Z89" s="431" t="s">
        <v>641</v>
      </c>
      <c r="AA89" s="431"/>
      <c r="AB89" s="431"/>
      <c r="AC89" s="431"/>
      <c r="AE89" s="431"/>
      <c r="AF89" s="431"/>
      <c r="AG89" s="620"/>
      <c r="AH89" s="620"/>
      <c r="AI89" s="620"/>
      <c r="AJ89" s="431"/>
      <c r="AK89" s="431"/>
      <c r="AL89" s="431"/>
      <c r="AM89" s="431"/>
      <c r="AN89" s="431"/>
      <c r="AO89" s="425" t="s">
        <v>642</v>
      </c>
      <c r="AQ89" s="431"/>
      <c r="AR89" s="431"/>
      <c r="AT89" s="431"/>
      <c r="AU89" s="431"/>
      <c r="AV89" s="431"/>
      <c r="AW89" s="431"/>
      <c r="AX89" s="431"/>
      <c r="AY89" s="431"/>
      <c r="AZ89" s="431"/>
      <c r="BA89" s="431"/>
      <c r="BB89" s="431"/>
      <c r="BC89" s="431"/>
      <c r="BD89" s="431"/>
      <c r="BE89" s="431"/>
      <c r="BF89" s="431"/>
      <c r="BG89" s="431"/>
      <c r="BH89" s="431"/>
      <c r="BI89" s="432"/>
    </row>
    <row r="90" spans="1:61" s="425" customFormat="1">
      <c r="A90" s="433"/>
      <c r="B90" s="427"/>
      <c r="C90" s="427"/>
      <c r="D90" s="427"/>
      <c r="E90" s="427"/>
      <c r="F90" s="427"/>
      <c r="G90" s="427"/>
      <c r="H90" s="428"/>
      <c r="I90" s="429"/>
      <c r="J90" s="429"/>
      <c r="K90" s="429"/>
      <c r="L90" s="429"/>
      <c r="M90" s="429"/>
      <c r="N90" s="431"/>
      <c r="O90" s="431"/>
      <c r="P90" s="431"/>
      <c r="Q90" s="431"/>
      <c r="R90" s="431"/>
      <c r="S90" s="431"/>
      <c r="T90" s="431"/>
      <c r="U90" s="431"/>
      <c r="V90" s="431"/>
      <c r="W90" s="432"/>
      <c r="X90" s="424"/>
      <c r="Y90" s="431"/>
      <c r="Z90" s="431" t="s">
        <v>638</v>
      </c>
      <c r="AB90" s="431"/>
      <c r="AC90" s="431"/>
      <c r="AE90" s="431"/>
      <c r="AF90" s="431"/>
      <c r="AG90" s="431"/>
      <c r="AH90" s="431"/>
      <c r="AI90" s="431"/>
      <c r="AJ90" s="431"/>
      <c r="AK90" s="431"/>
      <c r="AM90" s="431"/>
      <c r="AN90" s="431"/>
      <c r="AO90" s="431" t="s">
        <v>129</v>
      </c>
      <c r="AP90" s="431"/>
      <c r="AQ90" s="431"/>
      <c r="AS90" s="431"/>
      <c r="AT90" s="431"/>
      <c r="AU90" s="431"/>
      <c r="BB90" s="431"/>
      <c r="BC90" s="431"/>
      <c r="BD90" s="431"/>
      <c r="BE90" s="431"/>
      <c r="BF90" s="431"/>
      <c r="BG90" s="431"/>
      <c r="BH90" s="431"/>
      <c r="BI90" s="432"/>
    </row>
    <row r="91" spans="1:61" s="425" customFormat="1">
      <c r="A91" s="433"/>
      <c r="B91" s="427"/>
      <c r="C91" s="427"/>
      <c r="D91" s="427"/>
      <c r="E91" s="427"/>
      <c r="F91" s="427"/>
      <c r="G91" s="427"/>
      <c r="H91" s="428"/>
      <c r="I91" s="429"/>
      <c r="J91" s="429"/>
      <c r="K91" s="429"/>
      <c r="L91" s="429"/>
      <c r="M91" s="429"/>
      <c r="N91" s="431"/>
      <c r="O91" s="431"/>
      <c r="P91" s="431"/>
      <c r="Q91" s="431"/>
      <c r="R91" s="431"/>
      <c r="S91" s="431"/>
      <c r="T91" s="431"/>
      <c r="U91" s="431"/>
      <c r="V91" s="431"/>
      <c r="W91" s="432"/>
      <c r="X91" s="424"/>
      <c r="Y91" s="431"/>
      <c r="Z91" s="431" t="s">
        <v>131</v>
      </c>
      <c r="AB91" s="431"/>
      <c r="AC91" s="431"/>
      <c r="AD91" s="431"/>
      <c r="AE91" s="431" t="s">
        <v>639</v>
      </c>
      <c r="AF91" s="621"/>
      <c r="AG91" s="621"/>
      <c r="AH91" s="621"/>
      <c r="AI91" s="621"/>
      <c r="AJ91" s="621"/>
      <c r="AK91" s="621"/>
      <c r="AL91" s="431" t="s">
        <v>640</v>
      </c>
      <c r="AM91" s="431"/>
      <c r="AN91" s="431" t="s">
        <v>132</v>
      </c>
      <c r="AO91" s="431"/>
      <c r="AP91" s="431"/>
      <c r="AQ91" s="431"/>
      <c r="AR91" s="431"/>
      <c r="AS91" s="431" t="s">
        <v>639</v>
      </c>
      <c r="AT91" s="622"/>
      <c r="AU91" s="622"/>
      <c r="AV91" s="622"/>
      <c r="AW91" s="622"/>
      <c r="AX91" s="622"/>
      <c r="AY91" s="622"/>
      <c r="AZ91" s="622"/>
      <c r="BA91" s="622"/>
      <c r="BB91" s="431" t="s">
        <v>640</v>
      </c>
      <c r="BC91" s="431"/>
      <c r="BD91" s="431"/>
      <c r="BE91" s="431"/>
      <c r="BF91" s="431"/>
      <c r="BG91" s="431"/>
      <c r="BH91" s="431"/>
      <c r="BI91" s="432"/>
    </row>
    <row r="92" spans="1:61" s="425" customFormat="1">
      <c r="A92" s="433"/>
      <c r="B92" s="427"/>
      <c r="C92" s="427"/>
      <c r="D92" s="427"/>
      <c r="E92" s="427"/>
      <c r="F92" s="427"/>
      <c r="G92" s="427"/>
      <c r="H92" s="428"/>
      <c r="I92" s="436"/>
      <c r="J92" s="436"/>
      <c r="K92" s="434"/>
      <c r="L92" s="434"/>
      <c r="M92" s="429"/>
      <c r="N92" s="431"/>
      <c r="O92" s="431"/>
      <c r="P92" s="431"/>
      <c r="Q92" s="431"/>
      <c r="R92" s="431"/>
      <c r="S92" s="431"/>
      <c r="T92" s="431"/>
      <c r="U92" s="431"/>
      <c r="V92" s="431"/>
      <c r="W92" s="432"/>
      <c r="X92" s="424"/>
      <c r="Y92" s="431"/>
      <c r="Z92" s="431" t="s">
        <v>25</v>
      </c>
      <c r="AA92" s="431"/>
      <c r="AB92" s="431"/>
      <c r="AC92" s="431" t="s">
        <v>639</v>
      </c>
      <c r="AD92" s="622"/>
      <c r="AE92" s="622"/>
      <c r="AF92" s="622"/>
      <c r="AG92" s="622"/>
      <c r="AH92" s="622"/>
      <c r="AI92" s="622"/>
      <c r="AJ92" s="622"/>
      <c r="AK92" s="622"/>
      <c r="AL92" s="431" t="s">
        <v>640</v>
      </c>
      <c r="AM92" s="431"/>
      <c r="AN92" s="431"/>
      <c r="AO92" s="431"/>
      <c r="AP92" s="431"/>
      <c r="AQ92" s="431"/>
      <c r="AR92" s="431"/>
      <c r="AS92" s="431"/>
      <c r="AT92" s="431"/>
      <c r="AU92" s="431"/>
      <c r="AV92" s="431"/>
      <c r="AW92" s="431"/>
      <c r="AX92" s="431"/>
      <c r="AY92" s="431"/>
      <c r="AZ92" s="431"/>
      <c r="BA92" s="431"/>
      <c r="BB92" s="431"/>
      <c r="BC92" s="431"/>
      <c r="BD92" s="431"/>
      <c r="BE92" s="431"/>
      <c r="BF92" s="431"/>
      <c r="BG92" s="431"/>
      <c r="BH92" s="431"/>
      <c r="BI92" s="432"/>
    </row>
    <row r="93" spans="1:61" s="425" customFormat="1">
      <c r="A93" s="437"/>
      <c r="B93" s="438"/>
      <c r="C93" s="438"/>
      <c r="D93" s="438"/>
      <c r="E93" s="438"/>
      <c r="F93" s="438"/>
      <c r="G93" s="438"/>
      <c r="H93" s="439"/>
      <c r="I93" s="440"/>
      <c r="J93" s="440"/>
      <c r="K93" s="440"/>
      <c r="L93" s="440"/>
      <c r="M93" s="441"/>
      <c r="N93" s="442"/>
      <c r="O93" s="442"/>
      <c r="P93" s="442"/>
      <c r="Q93" s="442"/>
      <c r="R93" s="442"/>
      <c r="S93" s="442"/>
      <c r="T93" s="442"/>
      <c r="U93" s="442"/>
      <c r="V93" s="442"/>
      <c r="W93" s="443"/>
      <c r="X93" s="444"/>
      <c r="Y93" s="445" t="s">
        <v>133</v>
      </c>
      <c r="Z93" s="445"/>
      <c r="AA93" s="445"/>
      <c r="AB93" s="445"/>
      <c r="AC93" s="445"/>
      <c r="AD93" s="445"/>
      <c r="AE93" s="445"/>
      <c r="AF93" s="445" t="s">
        <v>134</v>
      </c>
      <c r="AG93" s="445"/>
      <c r="AH93" s="445"/>
      <c r="AI93" s="445"/>
      <c r="AJ93" s="445"/>
      <c r="AK93" s="445"/>
      <c r="AL93" s="445"/>
      <c r="AM93" s="445"/>
      <c r="AN93" s="445"/>
      <c r="AO93" s="445"/>
      <c r="AP93" s="445"/>
      <c r="AQ93" s="445"/>
      <c r="AR93" s="445"/>
      <c r="AS93" s="445"/>
      <c r="AT93" s="445"/>
      <c r="AU93" s="445"/>
      <c r="AV93" s="445"/>
      <c r="AW93" s="445"/>
      <c r="AX93" s="445"/>
      <c r="AY93" s="445"/>
      <c r="AZ93" s="445"/>
      <c r="BA93" s="445"/>
      <c r="BB93" s="445"/>
      <c r="BC93" s="445"/>
      <c r="BD93" s="445"/>
      <c r="BE93" s="445"/>
      <c r="BF93" s="445"/>
      <c r="BG93" s="445"/>
      <c r="BH93" s="445"/>
      <c r="BI93" s="443"/>
    </row>
    <row r="94" spans="1:61" s="425" customFormat="1">
      <c r="A94" s="433"/>
      <c r="B94" s="427"/>
      <c r="C94" s="427"/>
      <c r="D94" s="427"/>
      <c r="E94" s="427"/>
      <c r="F94" s="427"/>
      <c r="G94" s="427"/>
      <c r="H94" s="428"/>
      <c r="I94" s="436"/>
      <c r="J94" s="436"/>
      <c r="K94" s="436"/>
      <c r="L94" s="436"/>
      <c r="M94" s="446"/>
      <c r="N94" s="447"/>
      <c r="O94" s="447"/>
      <c r="P94" s="447"/>
      <c r="Q94" s="447"/>
      <c r="R94" s="447"/>
      <c r="S94" s="447"/>
      <c r="T94" s="447"/>
      <c r="U94" s="447"/>
      <c r="V94" s="447"/>
      <c r="W94" s="432"/>
      <c r="X94" s="424"/>
      <c r="Y94" s="431"/>
      <c r="Z94" s="431"/>
      <c r="AA94" s="431"/>
      <c r="AB94" s="431"/>
      <c r="AC94" s="431"/>
      <c r="AD94" s="431"/>
      <c r="AE94" s="431"/>
      <c r="AF94" s="431"/>
      <c r="AG94" s="431"/>
      <c r="AH94" s="431"/>
      <c r="AI94" s="431"/>
      <c r="AJ94" s="431"/>
      <c r="AK94" s="431"/>
      <c r="AL94" s="431"/>
      <c r="AM94" s="431"/>
      <c r="AN94" s="431"/>
      <c r="AO94" s="431"/>
      <c r="AP94" s="431"/>
      <c r="AQ94" s="431"/>
      <c r="AR94" s="431"/>
      <c r="AS94" s="431"/>
      <c r="AT94" s="431"/>
      <c r="AU94" s="431"/>
      <c r="AV94" s="431"/>
      <c r="AW94" s="622"/>
      <c r="AX94" s="622"/>
      <c r="AY94" s="622"/>
      <c r="AZ94" s="622"/>
      <c r="BA94" s="622"/>
      <c r="BB94" s="622"/>
      <c r="BC94" s="622"/>
      <c r="BD94" s="431"/>
      <c r="BE94" s="431"/>
      <c r="BF94" s="431"/>
      <c r="BG94" s="431"/>
      <c r="BH94" s="431"/>
      <c r="BI94" s="432"/>
    </row>
    <row r="95" spans="1:61" s="425" customFormat="1" ht="13.5" customHeight="1">
      <c r="A95" s="433"/>
      <c r="B95" s="427"/>
      <c r="C95" s="427"/>
      <c r="D95" s="427"/>
      <c r="E95" s="427"/>
      <c r="F95" s="427"/>
      <c r="G95" s="427"/>
      <c r="H95" s="424"/>
      <c r="I95" s="436"/>
      <c r="J95" s="436"/>
      <c r="K95" s="436"/>
      <c r="L95" s="436"/>
      <c r="M95" s="448"/>
      <c r="N95" s="449"/>
      <c r="O95" s="449"/>
      <c r="P95" s="449"/>
      <c r="Q95" s="449"/>
      <c r="R95" s="449"/>
      <c r="S95" s="449"/>
      <c r="T95" s="449"/>
      <c r="U95" s="449"/>
      <c r="V95" s="449"/>
      <c r="W95" s="432"/>
      <c r="X95" s="424"/>
      <c r="Y95" s="431" t="s">
        <v>643</v>
      </c>
      <c r="Z95" s="431"/>
      <c r="AA95" s="431"/>
      <c r="AB95" s="431"/>
      <c r="AC95" s="435"/>
      <c r="AD95" s="435"/>
      <c r="AF95" s="435"/>
      <c r="AG95" s="435"/>
      <c r="AH95" s="435"/>
      <c r="AI95" s="435"/>
      <c r="AJ95" s="435"/>
      <c r="AK95" s="435"/>
      <c r="AL95" s="435"/>
      <c r="AM95" s="435"/>
      <c r="AN95" s="435"/>
      <c r="AO95" s="435"/>
      <c r="AP95" s="435"/>
      <c r="AQ95" s="435"/>
      <c r="AR95" s="435"/>
      <c r="AS95" s="435"/>
      <c r="AT95" s="435"/>
      <c r="AU95" s="435"/>
      <c r="AV95" s="435"/>
      <c r="AW95" s="435"/>
      <c r="AX95" s="435"/>
      <c r="AY95" s="435"/>
      <c r="AZ95" s="435"/>
      <c r="BA95" s="435"/>
      <c r="BB95" s="435"/>
      <c r="BC95" s="435"/>
      <c r="BD95" s="435"/>
      <c r="BE95" s="435"/>
      <c r="BF95" s="435"/>
      <c r="BG95" s="435"/>
      <c r="BH95" s="435"/>
      <c r="BI95" s="432"/>
    </row>
    <row r="96" spans="1:61" s="425" customFormat="1" ht="13.5" customHeight="1">
      <c r="A96" s="433"/>
      <c r="B96" s="427"/>
      <c r="C96" s="427"/>
      <c r="D96" s="427"/>
      <c r="E96" s="427"/>
      <c r="F96" s="427"/>
      <c r="G96" s="427"/>
      <c r="H96" s="424"/>
      <c r="I96" s="436"/>
      <c r="J96" s="436"/>
      <c r="K96" s="436"/>
      <c r="L96" s="436"/>
      <c r="M96" s="448"/>
      <c r="N96" s="449"/>
      <c r="O96" s="449"/>
      <c r="P96" s="449"/>
      <c r="Q96" s="449"/>
      <c r="R96" s="449"/>
      <c r="S96" s="449"/>
      <c r="T96" s="449"/>
      <c r="U96" s="449"/>
      <c r="V96" s="449"/>
      <c r="W96" s="432"/>
      <c r="X96" s="424"/>
      <c r="Y96" s="431" t="s">
        <v>644</v>
      </c>
      <c r="Z96" s="431"/>
      <c r="AA96" s="431"/>
      <c r="AB96" s="431"/>
      <c r="AC96" s="435"/>
      <c r="AD96" s="435"/>
      <c r="AE96" s="435"/>
      <c r="AF96" s="435"/>
      <c r="AG96" s="435"/>
      <c r="AH96" s="435"/>
      <c r="AI96" s="435"/>
      <c r="AJ96" s="435"/>
      <c r="AK96" s="435"/>
      <c r="AL96" s="435"/>
      <c r="AM96" s="435"/>
      <c r="AN96" s="435"/>
      <c r="AO96" s="435"/>
      <c r="AP96" s="435"/>
      <c r="AQ96" s="435"/>
      <c r="AR96" s="435"/>
      <c r="AS96" s="435"/>
      <c r="AT96" s="435"/>
      <c r="AU96" s="435"/>
      <c r="AV96" s="435"/>
      <c r="AW96" s="435"/>
      <c r="AX96" s="435"/>
      <c r="AY96" s="435"/>
      <c r="AZ96" s="435"/>
      <c r="BA96" s="435"/>
      <c r="BB96" s="435"/>
      <c r="BC96" s="435"/>
      <c r="BD96" s="435"/>
      <c r="BE96" s="435"/>
      <c r="BF96" s="435"/>
      <c r="BG96" s="435"/>
      <c r="BH96" s="435"/>
      <c r="BI96" s="432"/>
    </row>
    <row r="97" spans="1:61" s="425" customFormat="1" ht="13.5" customHeight="1">
      <c r="A97" s="433"/>
      <c r="B97" s="427"/>
      <c r="C97" s="427"/>
      <c r="D97" s="427"/>
      <c r="E97" s="427"/>
      <c r="F97" s="427"/>
      <c r="G97" s="427"/>
      <c r="H97" s="424"/>
      <c r="I97" s="436"/>
      <c r="J97" s="436"/>
      <c r="K97" s="436"/>
      <c r="L97" s="436"/>
      <c r="M97" s="448"/>
      <c r="N97" s="449"/>
      <c r="O97" s="449"/>
      <c r="P97" s="449"/>
      <c r="Q97" s="449"/>
      <c r="R97" s="449"/>
      <c r="S97" s="449"/>
      <c r="T97" s="449"/>
      <c r="U97" s="449"/>
      <c r="V97" s="449"/>
      <c r="W97" s="432"/>
      <c r="X97" s="424"/>
      <c r="Y97" s="431" t="s">
        <v>645</v>
      </c>
      <c r="Z97" s="431"/>
      <c r="AA97" s="431"/>
      <c r="AB97" s="431"/>
      <c r="AC97" s="435"/>
      <c r="AD97" s="435"/>
      <c r="AE97" s="435"/>
      <c r="AF97" s="435"/>
      <c r="AG97" s="435"/>
      <c r="AH97" s="435"/>
      <c r="AI97" s="435"/>
      <c r="AJ97" s="435"/>
      <c r="AK97" s="435"/>
      <c r="AL97" s="435"/>
      <c r="AM97" s="435"/>
      <c r="AN97" s="435"/>
      <c r="AO97" s="435"/>
      <c r="AP97" s="435"/>
      <c r="AQ97" s="435"/>
      <c r="AR97" s="435"/>
      <c r="AS97" s="435"/>
      <c r="AT97" s="435"/>
      <c r="AU97" s="435"/>
      <c r="AV97" s="435"/>
      <c r="AW97" s="435"/>
      <c r="AX97" s="435"/>
      <c r="AY97" s="435"/>
      <c r="AZ97" s="435"/>
      <c r="BA97" s="435"/>
      <c r="BB97" s="435"/>
      <c r="BC97" s="435"/>
      <c r="BD97" s="435"/>
      <c r="BE97" s="435"/>
      <c r="BF97" s="435"/>
      <c r="BG97" s="435"/>
      <c r="BH97" s="435"/>
      <c r="BI97" s="432"/>
    </row>
    <row r="98" spans="1:61" s="425" customFormat="1" ht="13.5" customHeight="1">
      <c r="A98" s="433"/>
      <c r="B98" s="427"/>
      <c r="C98" s="427"/>
      <c r="D98" s="427"/>
      <c r="E98" s="427"/>
      <c r="F98" s="427"/>
      <c r="G98" s="427"/>
      <c r="H98" s="424"/>
      <c r="I98" s="436"/>
      <c r="J98" s="436"/>
      <c r="K98" s="436"/>
      <c r="L98" s="436"/>
      <c r="M98" s="448"/>
      <c r="N98" s="449"/>
      <c r="O98" s="449"/>
      <c r="P98" s="449"/>
      <c r="Q98" s="449"/>
      <c r="R98" s="449"/>
      <c r="S98" s="449"/>
      <c r="T98" s="449"/>
      <c r="U98" s="449"/>
      <c r="V98" s="449"/>
      <c r="W98" s="432"/>
      <c r="X98" s="424"/>
      <c r="Y98" s="431" t="s">
        <v>646</v>
      </c>
      <c r="Z98" s="431"/>
      <c r="AA98" s="431"/>
      <c r="AB98" s="431"/>
      <c r="AC98" s="435"/>
      <c r="AD98" s="435"/>
      <c r="AE98" s="435"/>
      <c r="AF98" s="435"/>
      <c r="AG98" s="435"/>
      <c r="AH98" s="435"/>
      <c r="AI98" s="435"/>
      <c r="AJ98" s="435"/>
      <c r="AK98" s="435"/>
      <c r="AL98" s="435"/>
      <c r="AM98" s="435"/>
      <c r="AN98" s="435"/>
      <c r="AO98" s="435"/>
      <c r="AP98" s="435"/>
      <c r="AQ98" s="435"/>
      <c r="AR98" s="435"/>
      <c r="AS98" s="435"/>
      <c r="AT98" s="435"/>
      <c r="AU98" s="435"/>
      <c r="AV98" s="435"/>
      <c r="AW98" s="435"/>
      <c r="AX98" s="435"/>
      <c r="AY98" s="435"/>
      <c r="AZ98" s="435"/>
      <c r="BA98" s="435"/>
      <c r="BB98" s="435"/>
      <c r="BC98" s="435"/>
      <c r="BD98" s="435"/>
      <c r="BE98" s="435"/>
      <c r="BF98" s="435"/>
      <c r="BG98" s="435"/>
      <c r="BH98" s="435"/>
      <c r="BI98" s="432"/>
    </row>
    <row r="99" spans="1:61" s="425" customFormat="1" ht="13.5" customHeight="1">
      <c r="A99" s="433"/>
      <c r="B99" s="427"/>
      <c r="C99" s="427"/>
      <c r="D99" s="427"/>
      <c r="E99" s="427"/>
      <c r="F99" s="427"/>
      <c r="G99" s="427"/>
      <c r="H99" s="424"/>
      <c r="I99" s="436"/>
      <c r="J99" s="436"/>
      <c r="K99" s="436"/>
      <c r="L99" s="436"/>
      <c r="M99" s="448"/>
      <c r="N99" s="449"/>
      <c r="O99" s="449"/>
      <c r="P99" s="450"/>
      <c r="Q99" s="449"/>
      <c r="R99" s="449"/>
      <c r="S99" s="449"/>
      <c r="T99" s="449"/>
      <c r="U99" s="449"/>
      <c r="V99" s="449"/>
      <c r="W99" s="432"/>
      <c r="X99" s="424"/>
      <c r="Y99" s="431" t="s">
        <v>647</v>
      </c>
      <c r="Z99" s="431"/>
      <c r="AA99" s="431"/>
      <c r="AB99" s="431"/>
      <c r="AC99" s="435"/>
      <c r="AD99" s="435"/>
      <c r="AE99" s="435"/>
      <c r="AF99" s="435"/>
      <c r="AG99" s="435"/>
      <c r="AH99" s="435"/>
      <c r="AI99" s="435"/>
      <c r="AJ99" s="435"/>
      <c r="AK99" s="435"/>
      <c r="AL99" s="435"/>
      <c r="AM99" s="435"/>
      <c r="AN99" s="435"/>
      <c r="AO99" s="435"/>
      <c r="AP99" s="435"/>
      <c r="AQ99" s="435"/>
      <c r="AR99" s="435"/>
      <c r="AS99" s="435"/>
      <c r="AT99" s="435"/>
      <c r="AU99" s="435"/>
      <c r="AV99" s="435"/>
      <c r="AW99" s="435"/>
      <c r="AX99" s="435"/>
      <c r="AY99" s="435"/>
      <c r="AZ99" s="435"/>
      <c r="BA99" s="435"/>
      <c r="BB99" s="435"/>
      <c r="BC99" s="435"/>
      <c r="BD99" s="435"/>
      <c r="BE99" s="435"/>
      <c r="BF99" s="435"/>
      <c r="BG99" s="435"/>
      <c r="BH99" s="435"/>
      <c r="BI99" s="432"/>
    </row>
    <row r="100" spans="1:61" s="425" customFormat="1" ht="13.5" customHeight="1">
      <c r="A100" s="433"/>
      <c r="B100" s="427"/>
      <c r="C100" s="427"/>
      <c r="D100" s="427"/>
      <c r="E100" s="427"/>
      <c r="F100" s="427"/>
      <c r="G100" s="427"/>
      <c r="H100" s="424"/>
      <c r="I100" s="436"/>
      <c r="J100" s="436"/>
      <c r="K100" s="436"/>
      <c r="L100" s="436"/>
      <c r="M100" s="448"/>
      <c r="N100" s="449"/>
      <c r="O100" s="449"/>
      <c r="P100" s="449"/>
      <c r="Q100" s="449"/>
      <c r="R100" s="449"/>
      <c r="S100" s="449"/>
      <c r="T100" s="449"/>
      <c r="U100" s="449"/>
      <c r="V100" s="449"/>
      <c r="W100" s="432"/>
      <c r="X100" s="424"/>
      <c r="Y100" s="431" t="s">
        <v>648</v>
      </c>
      <c r="Z100" s="431"/>
      <c r="AA100" s="431"/>
      <c r="AB100" s="431"/>
      <c r="AC100" s="435"/>
      <c r="AD100" s="435"/>
      <c r="AE100" s="435"/>
      <c r="AF100" s="435"/>
      <c r="AG100" s="435"/>
      <c r="AH100" s="435"/>
      <c r="AI100" s="435"/>
      <c r="AJ100" s="435"/>
      <c r="AK100" s="435"/>
      <c r="AL100" s="435"/>
      <c r="AM100" s="435"/>
      <c r="AN100" s="435"/>
      <c r="AO100" s="435"/>
      <c r="AP100" s="435"/>
      <c r="AQ100" s="435"/>
      <c r="AR100" s="435"/>
      <c r="AS100" s="435"/>
      <c r="AT100" s="435"/>
      <c r="AU100" s="435"/>
      <c r="AV100" s="435"/>
      <c r="AW100" s="435"/>
      <c r="AX100" s="435"/>
      <c r="AY100" s="435"/>
      <c r="AZ100" s="435"/>
      <c r="BA100" s="435"/>
      <c r="BB100" s="435"/>
      <c r="BC100" s="435"/>
      <c r="BD100" s="435"/>
      <c r="BE100" s="435"/>
      <c r="BF100" s="435"/>
      <c r="BG100" s="435"/>
      <c r="BH100" s="435"/>
      <c r="BI100" s="432"/>
    </row>
    <row r="101" spans="1:61" s="425" customFormat="1" ht="13.5" customHeight="1">
      <c r="A101" s="433"/>
      <c r="B101" s="427"/>
      <c r="C101" s="427"/>
      <c r="D101" s="427"/>
      <c r="E101" s="427"/>
      <c r="F101" s="427"/>
      <c r="G101" s="427"/>
      <c r="H101" s="424"/>
      <c r="I101" s="436"/>
      <c r="J101" s="436"/>
      <c r="K101" s="436"/>
      <c r="L101" s="436"/>
      <c r="M101" s="448"/>
      <c r="N101" s="449"/>
      <c r="O101" s="449"/>
      <c r="P101" s="449"/>
      <c r="Q101" s="449"/>
      <c r="R101" s="449"/>
      <c r="S101" s="449"/>
      <c r="T101" s="449"/>
      <c r="U101" s="449"/>
      <c r="V101" s="449"/>
      <c r="W101" s="432"/>
      <c r="X101" s="424"/>
      <c r="Y101" s="431" t="s">
        <v>649</v>
      </c>
      <c r="Z101" s="431"/>
      <c r="AA101" s="431"/>
      <c r="AB101" s="431"/>
      <c r="AC101" s="435"/>
      <c r="AD101" s="435"/>
      <c r="AE101" s="435"/>
      <c r="AF101" s="435"/>
      <c r="AG101" s="435"/>
      <c r="AH101" s="435"/>
      <c r="AI101" s="435"/>
      <c r="AJ101" s="435"/>
      <c r="AK101" s="435"/>
      <c r="AL101" s="435"/>
      <c r="AM101" s="435"/>
      <c r="AN101" s="435"/>
      <c r="AO101" s="435"/>
      <c r="AP101" s="435"/>
      <c r="AQ101" s="435"/>
      <c r="AR101" s="435"/>
      <c r="AS101" s="435"/>
      <c r="AT101" s="435"/>
      <c r="AU101" s="435"/>
      <c r="AV101" s="435"/>
      <c r="AW101" s="435"/>
      <c r="AX101" s="435"/>
      <c r="AY101" s="435"/>
      <c r="AZ101" s="435"/>
      <c r="BA101" s="435"/>
      <c r="BB101" s="435"/>
      <c r="BC101" s="435"/>
      <c r="BD101" s="435"/>
      <c r="BE101" s="435"/>
      <c r="BF101" s="435"/>
      <c r="BG101" s="435"/>
      <c r="BH101" s="435"/>
      <c r="BI101" s="432"/>
    </row>
    <row r="102" spans="1:61" s="425" customFormat="1" ht="13.5" customHeight="1">
      <c r="A102" s="433"/>
      <c r="B102" s="427"/>
      <c r="C102" s="427"/>
      <c r="D102" s="427"/>
      <c r="E102" s="427"/>
      <c r="F102" s="427"/>
      <c r="G102" s="427"/>
      <c r="H102" s="424"/>
      <c r="I102" s="436"/>
      <c r="J102" s="436"/>
      <c r="K102" s="436"/>
      <c r="L102" s="436"/>
      <c r="M102" s="448"/>
      <c r="N102" s="449"/>
      <c r="O102" s="449"/>
      <c r="P102" s="449"/>
      <c r="Q102" s="449"/>
      <c r="R102" s="449"/>
      <c r="S102" s="449"/>
      <c r="T102" s="449"/>
      <c r="U102" s="449"/>
      <c r="V102" s="449"/>
      <c r="W102" s="432"/>
      <c r="X102" s="424"/>
      <c r="Y102" s="431"/>
      <c r="Z102" s="431" t="s">
        <v>1712</v>
      </c>
      <c r="AA102" s="431"/>
      <c r="AB102" s="431"/>
      <c r="AC102" s="435"/>
      <c r="AD102" s="435"/>
      <c r="AE102" s="435"/>
      <c r="AF102" s="435"/>
      <c r="AG102" s="435"/>
      <c r="AH102" s="435"/>
      <c r="AI102" s="435"/>
      <c r="AJ102" s="435"/>
      <c r="AK102" s="435"/>
      <c r="AL102" s="435"/>
      <c r="AM102" s="435"/>
      <c r="AN102" s="435"/>
      <c r="AO102" s="435"/>
      <c r="AP102" s="435"/>
      <c r="AQ102" s="435"/>
      <c r="AR102" s="435"/>
      <c r="AS102" s="435"/>
      <c r="AT102" s="435"/>
      <c r="AU102" s="435"/>
      <c r="AV102" s="435"/>
      <c r="AW102" s="435"/>
      <c r="AX102" s="435"/>
      <c r="AY102" s="435"/>
      <c r="AZ102" s="435"/>
      <c r="BA102" s="435"/>
      <c r="BB102" s="435"/>
      <c r="BC102" s="435"/>
      <c r="BD102" s="435"/>
      <c r="BE102" s="435"/>
      <c r="BF102" s="435"/>
      <c r="BG102" s="435"/>
      <c r="BH102" s="435"/>
      <c r="BI102" s="432"/>
    </row>
    <row r="103" spans="1:61" s="425" customFormat="1" ht="13.5" customHeight="1">
      <c r="A103" s="433"/>
      <c r="B103" s="427"/>
      <c r="C103" s="427"/>
      <c r="D103" s="427"/>
      <c r="E103" s="427"/>
      <c r="F103" s="427"/>
      <c r="G103" s="427"/>
      <c r="H103" s="424"/>
      <c r="I103" s="436"/>
      <c r="J103" s="436"/>
      <c r="K103" s="436"/>
      <c r="L103" s="436"/>
      <c r="M103" s="448"/>
      <c r="N103" s="449"/>
      <c r="O103" s="449"/>
      <c r="P103" s="449"/>
      <c r="Q103" s="449"/>
      <c r="R103" s="449"/>
      <c r="S103" s="449"/>
      <c r="T103" s="449"/>
      <c r="U103" s="449"/>
      <c r="V103" s="449"/>
      <c r="W103" s="432"/>
      <c r="X103" s="424"/>
      <c r="Y103" s="431" t="s">
        <v>650</v>
      </c>
      <c r="Z103" s="431"/>
      <c r="AA103" s="431"/>
      <c r="AB103" s="431"/>
      <c r="AC103" s="435"/>
      <c r="AD103" s="435"/>
      <c r="AE103" s="435"/>
      <c r="AF103" s="435"/>
      <c r="AG103" s="435"/>
      <c r="AH103" s="435"/>
      <c r="AI103" s="435"/>
      <c r="AJ103" s="435"/>
      <c r="AK103" s="435"/>
      <c r="AL103" s="435"/>
      <c r="AM103" s="435"/>
      <c r="AN103" s="435"/>
      <c r="AO103" s="435"/>
      <c r="AP103" s="435"/>
      <c r="AQ103" s="435"/>
      <c r="AR103" s="435"/>
      <c r="AS103" s="435"/>
      <c r="AT103" s="435"/>
      <c r="AU103" s="435"/>
      <c r="AV103" s="435"/>
      <c r="AW103" s="435"/>
      <c r="AX103" s="435"/>
      <c r="AY103" s="435"/>
      <c r="AZ103" s="435"/>
      <c r="BA103" s="435"/>
      <c r="BB103" s="435"/>
      <c r="BC103" s="435"/>
      <c r="BD103" s="435"/>
      <c r="BE103" s="435"/>
      <c r="BF103" s="435"/>
      <c r="BG103" s="435"/>
      <c r="BH103" s="435"/>
      <c r="BI103" s="432"/>
    </row>
    <row r="104" spans="1:61" s="425" customFormat="1" ht="13.5" customHeight="1">
      <c r="A104" s="433"/>
      <c r="B104" s="427"/>
      <c r="C104" s="427"/>
      <c r="D104" s="427"/>
      <c r="E104" s="427"/>
      <c r="F104" s="427"/>
      <c r="G104" s="427"/>
      <c r="H104" s="424"/>
      <c r="I104" s="436"/>
      <c r="J104" s="436"/>
      <c r="K104" s="436"/>
      <c r="L104" s="436"/>
      <c r="M104" s="448"/>
      <c r="N104" s="449"/>
      <c r="O104" s="449"/>
      <c r="P104" s="449"/>
      <c r="Q104" s="449"/>
      <c r="R104" s="449"/>
      <c r="S104" s="449"/>
      <c r="T104" s="449"/>
      <c r="U104" s="449"/>
      <c r="V104" s="449"/>
      <c r="W104" s="432"/>
      <c r="X104" s="424"/>
      <c r="Y104" s="431"/>
      <c r="Z104" s="431"/>
      <c r="AA104" s="431"/>
      <c r="AB104" s="431"/>
      <c r="AC104" s="435"/>
      <c r="AD104" s="435"/>
      <c r="AE104" s="435"/>
      <c r="AF104" s="435"/>
      <c r="AG104" s="435"/>
      <c r="AH104" s="435"/>
      <c r="AI104" s="435"/>
      <c r="AJ104" s="435"/>
      <c r="AK104" s="435"/>
      <c r="AL104" s="435"/>
      <c r="AM104" s="435"/>
      <c r="AN104" s="435"/>
      <c r="AO104" s="435"/>
      <c r="AP104" s="435"/>
      <c r="AQ104" s="435"/>
      <c r="AR104" s="435"/>
      <c r="AS104" s="435"/>
      <c r="AT104" s="435"/>
      <c r="AU104" s="435"/>
      <c r="AV104" s="435"/>
      <c r="AW104" s="435"/>
      <c r="AX104" s="435"/>
      <c r="AY104" s="435"/>
      <c r="AZ104" s="435"/>
      <c r="BA104" s="435"/>
      <c r="BB104" s="435"/>
      <c r="BC104" s="435"/>
      <c r="BD104" s="435"/>
      <c r="BE104" s="435"/>
      <c r="BF104" s="435"/>
      <c r="BG104" s="435"/>
      <c r="BH104" s="435"/>
      <c r="BI104" s="432"/>
    </row>
    <row r="105" spans="1:61" s="425" customFormat="1" ht="13.5" customHeight="1">
      <c r="A105" s="433"/>
      <c r="B105" s="427"/>
      <c r="C105" s="427"/>
      <c r="D105" s="427"/>
      <c r="E105" s="427"/>
      <c r="F105" s="427"/>
      <c r="G105" s="427"/>
      <c r="H105" s="424"/>
      <c r="I105" s="436" t="s">
        <v>25</v>
      </c>
      <c r="J105" s="436"/>
      <c r="K105" s="436"/>
      <c r="L105" s="436" t="s">
        <v>639</v>
      </c>
      <c r="M105" s="448"/>
      <c r="N105" s="449"/>
      <c r="O105" s="449"/>
      <c r="P105" s="449"/>
      <c r="Q105" s="449"/>
      <c r="R105" s="449"/>
      <c r="S105" s="449"/>
      <c r="T105" s="449"/>
      <c r="U105" s="450" t="s">
        <v>640</v>
      </c>
      <c r="V105" s="449"/>
      <c r="W105" s="432"/>
      <c r="X105" s="424"/>
      <c r="Y105" s="431" t="s">
        <v>25</v>
      </c>
      <c r="Z105" s="431"/>
      <c r="AA105" s="431"/>
      <c r="AB105" s="431"/>
      <c r="AC105" s="435"/>
      <c r="AD105" s="435"/>
      <c r="AE105" s="435"/>
      <c r="AF105" s="435"/>
      <c r="AG105" s="435"/>
      <c r="AH105" s="435"/>
      <c r="AI105" s="435"/>
      <c r="AJ105" s="435"/>
      <c r="AK105" s="435"/>
      <c r="AL105" s="435"/>
      <c r="AM105" s="435"/>
      <c r="AN105" s="435"/>
      <c r="AO105" s="435"/>
      <c r="AP105" s="435"/>
      <c r="AQ105" s="435"/>
      <c r="AR105" s="435"/>
      <c r="AS105" s="435"/>
      <c r="AT105" s="435"/>
      <c r="AU105" s="435"/>
      <c r="AV105" s="435"/>
      <c r="AW105" s="435"/>
      <c r="AX105" s="435"/>
      <c r="AY105" s="435"/>
      <c r="AZ105" s="435"/>
      <c r="BA105" s="435"/>
      <c r="BB105" s="435"/>
      <c r="BC105" s="435"/>
      <c r="BD105" s="435"/>
      <c r="BE105" s="435"/>
      <c r="BF105" s="435"/>
      <c r="BG105" s="435"/>
      <c r="BH105" s="435"/>
      <c r="BI105" s="432"/>
    </row>
    <row r="106" spans="1:61" s="425" customFormat="1" ht="13.5" customHeight="1">
      <c r="A106" s="433"/>
      <c r="B106" s="427"/>
      <c r="C106" s="427"/>
      <c r="D106" s="427"/>
      <c r="E106" s="427"/>
      <c r="F106" s="427"/>
      <c r="G106" s="427"/>
      <c r="H106" s="424"/>
      <c r="I106" s="436"/>
      <c r="J106" s="436"/>
      <c r="K106" s="436"/>
      <c r="L106" s="436"/>
      <c r="M106" s="448"/>
      <c r="N106" s="449"/>
      <c r="O106" s="449"/>
      <c r="P106" s="449"/>
      <c r="Q106" s="449"/>
      <c r="R106" s="449"/>
      <c r="S106" s="449"/>
      <c r="T106" s="449"/>
      <c r="U106" s="449"/>
      <c r="V106" s="449"/>
      <c r="W106" s="432"/>
      <c r="X106" s="424"/>
      <c r="Y106" s="431"/>
      <c r="Z106" s="431"/>
      <c r="AA106" s="431"/>
      <c r="AB106" s="431"/>
      <c r="AC106" s="435"/>
      <c r="AD106" s="435"/>
      <c r="AE106" s="435"/>
      <c r="AF106" s="435"/>
      <c r="AG106" s="435"/>
      <c r="AH106" s="435"/>
      <c r="AI106" s="435"/>
      <c r="AJ106" s="435"/>
      <c r="AK106" s="435"/>
      <c r="AL106" s="435"/>
      <c r="AM106" s="435"/>
      <c r="AN106" s="435"/>
      <c r="AO106" s="435"/>
      <c r="AP106" s="435"/>
      <c r="AQ106" s="435"/>
      <c r="AR106" s="435"/>
      <c r="AS106" s="435"/>
      <c r="AT106" s="435"/>
      <c r="AU106" s="435"/>
      <c r="AV106" s="435"/>
      <c r="AW106" s="435"/>
      <c r="AX106" s="435"/>
      <c r="AY106" s="435"/>
      <c r="AZ106" s="435"/>
      <c r="BA106" s="435"/>
      <c r="BB106" s="435"/>
      <c r="BC106" s="435"/>
      <c r="BD106" s="435"/>
      <c r="BE106" s="435"/>
      <c r="BF106" s="435"/>
      <c r="BG106" s="435"/>
      <c r="BH106" s="435"/>
      <c r="BI106" s="432"/>
    </row>
    <row r="107" spans="1:61">
      <c r="A107" s="583" t="s">
        <v>135</v>
      </c>
      <c r="B107" s="584"/>
      <c r="C107" s="584"/>
      <c r="D107" s="584"/>
      <c r="E107" s="584"/>
      <c r="F107" s="584"/>
      <c r="G107" s="585"/>
      <c r="H107" s="35"/>
      <c r="I107" s="61" t="s">
        <v>136</v>
      </c>
      <c r="J107" s="61"/>
      <c r="K107" s="61"/>
      <c r="L107" s="61"/>
      <c r="M107" s="62"/>
      <c r="N107" s="63"/>
      <c r="O107" s="63"/>
      <c r="P107" s="63"/>
      <c r="Q107" s="63"/>
      <c r="R107" s="63"/>
      <c r="S107" s="63"/>
      <c r="T107" s="63"/>
      <c r="U107" s="63"/>
      <c r="V107" s="63"/>
      <c r="W107" s="37"/>
      <c r="X107" s="35"/>
      <c r="Y107" s="416" t="s">
        <v>137</v>
      </c>
      <c r="Z107" s="416"/>
      <c r="AA107" s="416"/>
      <c r="AB107" s="416"/>
      <c r="AC107" s="416"/>
      <c r="AD107" s="416"/>
      <c r="AE107" s="416"/>
      <c r="AF107" s="416"/>
      <c r="AG107" s="416"/>
      <c r="AH107" s="416"/>
      <c r="AI107" s="416"/>
      <c r="AJ107" s="416"/>
      <c r="AK107" s="416"/>
      <c r="AL107" s="416"/>
      <c r="AM107" s="416"/>
      <c r="AN107" s="416"/>
      <c r="AO107" s="416"/>
      <c r="AP107" s="416"/>
      <c r="AQ107" s="416"/>
      <c r="AR107" s="416"/>
      <c r="AS107" s="416"/>
      <c r="AT107" s="416"/>
      <c r="AU107" s="416"/>
      <c r="AV107" s="416"/>
      <c r="AW107" s="416"/>
      <c r="AX107" s="416"/>
      <c r="AY107" s="416"/>
      <c r="AZ107" s="416"/>
      <c r="BA107" s="416"/>
      <c r="BB107" s="416"/>
      <c r="BC107" s="416"/>
      <c r="BD107" s="416"/>
      <c r="BE107" s="416"/>
      <c r="BF107" s="416"/>
      <c r="BG107" s="416"/>
      <c r="BH107" s="416"/>
      <c r="BI107" s="50"/>
    </row>
    <row r="108" spans="1:61">
      <c r="A108" s="58"/>
      <c r="B108" s="407"/>
      <c r="C108" s="407"/>
      <c r="D108" s="407"/>
      <c r="E108" s="407"/>
      <c r="F108" s="407"/>
      <c r="G108" s="53"/>
      <c r="H108" s="38"/>
      <c r="I108" s="60"/>
      <c r="J108" s="60"/>
      <c r="K108" s="60"/>
      <c r="L108" s="60"/>
      <c r="M108" s="410"/>
      <c r="N108" s="411"/>
      <c r="O108" s="411"/>
      <c r="P108" s="411"/>
      <c r="Q108" s="411"/>
      <c r="R108" s="411"/>
      <c r="S108" s="411"/>
      <c r="T108" s="411"/>
      <c r="U108" s="411"/>
      <c r="V108" s="411"/>
      <c r="W108" s="40"/>
      <c r="X108" s="38"/>
      <c r="Y108" s="407"/>
      <c r="Z108" s="407" t="s">
        <v>100</v>
      </c>
      <c r="AA108" s="407"/>
      <c r="AB108" s="407"/>
      <c r="AC108" s="407"/>
      <c r="AD108" s="407" t="s">
        <v>101</v>
      </c>
      <c r="AE108" s="407"/>
      <c r="AF108" s="407"/>
      <c r="AG108" s="407"/>
      <c r="AH108" s="407" t="s">
        <v>102</v>
      </c>
      <c r="AI108" s="407"/>
      <c r="AJ108" s="407"/>
      <c r="AK108" s="407"/>
      <c r="AL108" s="407" t="s">
        <v>103</v>
      </c>
      <c r="AM108" s="407"/>
      <c r="AN108" s="407"/>
      <c r="AO108" s="407"/>
      <c r="AP108" s="407" t="s">
        <v>583</v>
      </c>
      <c r="AQ108" s="407"/>
      <c r="AR108" s="407"/>
      <c r="AS108" s="407"/>
      <c r="AT108" s="407" t="s">
        <v>138</v>
      </c>
      <c r="AU108" s="407"/>
      <c r="AV108" s="407"/>
      <c r="AW108" s="407"/>
      <c r="AX108" s="407" t="s">
        <v>25</v>
      </c>
      <c r="AY108" s="407"/>
      <c r="AZ108" s="407"/>
      <c r="BA108" s="407" t="s">
        <v>586</v>
      </c>
      <c r="BB108" s="407"/>
      <c r="BC108" s="407"/>
      <c r="BD108" s="407"/>
      <c r="BE108" s="407"/>
      <c r="BF108" s="407"/>
      <c r="BG108" s="407"/>
      <c r="BH108" s="407"/>
      <c r="BI108" s="53" t="s">
        <v>587</v>
      </c>
    </row>
    <row r="109" spans="1:61">
      <c r="A109" s="58"/>
      <c r="B109" s="407"/>
      <c r="C109" s="407"/>
      <c r="D109" s="407"/>
      <c r="E109" s="407"/>
      <c r="F109" s="407"/>
      <c r="G109" s="53"/>
      <c r="H109" s="38"/>
      <c r="I109" s="60"/>
      <c r="J109" s="60"/>
      <c r="K109" s="60"/>
      <c r="L109" s="60"/>
      <c r="M109" s="410"/>
      <c r="N109" s="411"/>
      <c r="O109" s="411"/>
      <c r="P109" s="411"/>
      <c r="Q109" s="411"/>
      <c r="R109" s="411"/>
      <c r="S109" s="411"/>
      <c r="T109" s="411"/>
      <c r="U109" s="411"/>
      <c r="V109" s="411"/>
      <c r="W109" s="40"/>
      <c r="X109" s="38"/>
      <c r="Y109" s="407" t="s">
        <v>139</v>
      </c>
      <c r="Z109" s="407"/>
      <c r="AA109" s="407"/>
      <c r="AB109" s="407"/>
      <c r="AC109" s="407" t="s">
        <v>586</v>
      </c>
      <c r="AE109" s="407" t="s">
        <v>60</v>
      </c>
      <c r="AF109" s="407"/>
      <c r="AG109" s="578"/>
      <c r="AH109" s="578"/>
      <c r="AI109" s="407" t="s">
        <v>61</v>
      </c>
      <c r="AJ109" s="578"/>
      <c r="AK109" s="578"/>
      <c r="AL109" s="407" t="s">
        <v>62</v>
      </c>
      <c r="AM109" s="407"/>
      <c r="AN109" s="407"/>
      <c r="AO109" s="407"/>
      <c r="AP109" s="407" t="s">
        <v>52</v>
      </c>
      <c r="AQ109" s="407"/>
      <c r="AR109" s="407"/>
      <c r="AS109" s="407"/>
      <c r="AT109" s="407" t="s">
        <v>572</v>
      </c>
      <c r="AU109" s="407"/>
      <c r="AV109" s="407"/>
      <c r="AW109" s="407"/>
      <c r="AX109" s="407"/>
      <c r="AY109" s="407"/>
      <c r="AZ109" s="407"/>
      <c r="BA109" s="407"/>
      <c r="BB109" s="407"/>
      <c r="BC109" s="407"/>
      <c r="BD109" s="407"/>
      <c r="BE109" s="407"/>
      <c r="BF109" s="407"/>
      <c r="BG109" s="407"/>
      <c r="BH109" s="407"/>
      <c r="BI109" s="53"/>
    </row>
    <row r="110" spans="1:61">
      <c r="A110" s="58"/>
      <c r="B110" s="407"/>
      <c r="C110" s="407"/>
      <c r="D110" s="407"/>
      <c r="E110" s="407"/>
      <c r="F110" s="407"/>
      <c r="G110" s="53"/>
      <c r="H110" s="38"/>
      <c r="I110" s="60"/>
      <c r="J110" s="60"/>
      <c r="K110" s="60"/>
      <c r="L110" s="60"/>
      <c r="M110" s="410"/>
      <c r="N110" s="411"/>
      <c r="O110" s="411"/>
      <c r="P110" s="411"/>
      <c r="Q110" s="411"/>
      <c r="R110" s="411"/>
      <c r="S110" s="411"/>
      <c r="T110" s="411"/>
      <c r="U110" s="411"/>
      <c r="V110" s="411"/>
      <c r="W110" s="40"/>
      <c r="X110" s="38"/>
      <c r="Y110" s="407" t="s">
        <v>140</v>
      </c>
      <c r="Z110" s="407"/>
      <c r="AA110" s="407"/>
      <c r="AB110" s="407" t="s">
        <v>591</v>
      </c>
      <c r="AC110" s="578"/>
      <c r="AD110" s="595"/>
      <c r="AE110" s="595"/>
      <c r="AF110" s="595"/>
      <c r="AG110" s="595"/>
      <c r="AH110" s="595"/>
      <c r="AI110" s="595"/>
      <c r="AJ110" s="595"/>
      <c r="AK110" s="595"/>
      <c r="AL110" s="595"/>
      <c r="AM110" s="595"/>
      <c r="AN110" s="595"/>
      <c r="AO110" s="595"/>
      <c r="AP110" s="595"/>
      <c r="AQ110" s="595"/>
      <c r="AR110" s="595"/>
      <c r="AS110" s="595"/>
      <c r="AT110" s="595"/>
      <c r="AU110" s="595"/>
      <c r="AV110" s="595"/>
      <c r="AW110" s="595"/>
      <c r="AX110" s="595"/>
      <c r="AY110" s="595"/>
      <c r="AZ110" s="595"/>
      <c r="BA110" s="595"/>
      <c r="BB110" s="595"/>
      <c r="BC110" s="595"/>
      <c r="BD110" s="595"/>
      <c r="BE110" s="595"/>
      <c r="BF110" s="595"/>
      <c r="BG110" s="595"/>
      <c r="BH110" s="595"/>
      <c r="BI110" s="53" t="s">
        <v>592</v>
      </c>
    </row>
    <row r="111" spans="1:61">
      <c r="A111" s="58"/>
      <c r="B111" s="407"/>
      <c r="C111" s="407"/>
      <c r="D111" s="407"/>
      <c r="E111" s="407"/>
      <c r="F111" s="407"/>
      <c r="G111" s="53"/>
      <c r="H111" s="38"/>
      <c r="I111" s="60" t="s">
        <v>25</v>
      </c>
      <c r="J111" s="60"/>
      <c r="K111" s="60"/>
      <c r="L111" s="60"/>
      <c r="M111" s="410"/>
      <c r="N111" s="411"/>
      <c r="O111" s="411"/>
      <c r="P111" s="411"/>
      <c r="Q111" s="411"/>
      <c r="R111" s="411"/>
      <c r="S111" s="411"/>
      <c r="T111" s="411"/>
      <c r="U111" s="411"/>
      <c r="V111" s="411"/>
      <c r="W111" s="40"/>
      <c r="X111" s="38"/>
      <c r="Y111" s="407" t="s">
        <v>25</v>
      </c>
      <c r="Z111" s="407"/>
      <c r="AA111" s="407"/>
      <c r="AB111" s="407" t="s">
        <v>591</v>
      </c>
      <c r="AC111" s="578"/>
      <c r="AD111" s="595"/>
      <c r="AE111" s="595"/>
      <c r="AF111" s="595"/>
      <c r="AG111" s="595"/>
      <c r="AH111" s="595"/>
      <c r="AI111" s="595"/>
      <c r="AJ111" s="595"/>
      <c r="AK111" s="595"/>
      <c r="AL111" s="595"/>
      <c r="AM111" s="595"/>
      <c r="AN111" s="595"/>
      <c r="AO111" s="595"/>
      <c r="AP111" s="595"/>
      <c r="AQ111" s="595"/>
      <c r="AR111" s="595"/>
      <c r="AS111" s="595"/>
      <c r="AT111" s="595"/>
      <c r="AU111" s="595"/>
      <c r="AV111" s="595"/>
      <c r="AW111" s="595"/>
      <c r="AX111" s="595"/>
      <c r="AY111" s="595"/>
      <c r="AZ111" s="595"/>
      <c r="BA111" s="595"/>
      <c r="BB111" s="595"/>
      <c r="BC111" s="595"/>
      <c r="BD111" s="595"/>
      <c r="BE111" s="595"/>
      <c r="BF111" s="595"/>
      <c r="BG111" s="595"/>
      <c r="BH111" s="595"/>
      <c r="BI111" s="53" t="s">
        <v>592</v>
      </c>
    </row>
    <row r="112" spans="1:61">
      <c r="A112" s="55"/>
      <c r="B112" s="56"/>
      <c r="C112" s="56"/>
      <c r="D112" s="56"/>
      <c r="E112" s="56"/>
      <c r="F112" s="56"/>
      <c r="G112" s="57"/>
      <c r="H112" s="45"/>
      <c r="I112" s="64"/>
      <c r="J112" s="64"/>
      <c r="K112" s="64"/>
      <c r="L112" s="64"/>
      <c r="M112" s="65"/>
      <c r="N112" s="66"/>
      <c r="O112" s="66"/>
      <c r="P112" s="66"/>
      <c r="Q112" s="66"/>
      <c r="R112" s="66"/>
      <c r="S112" s="66"/>
      <c r="T112" s="66"/>
      <c r="U112" s="66"/>
      <c r="V112" s="66"/>
      <c r="W112" s="47"/>
      <c r="X112" s="45"/>
      <c r="Y112" s="56"/>
      <c r="Z112" s="56"/>
      <c r="AA112" s="56"/>
      <c r="AB112" s="56"/>
      <c r="AC112" s="56"/>
      <c r="AD112" s="56"/>
      <c r="AE112" s="56"/>
      <c r="AF112" s="56"/>
      <c r="AG112" s="56"/>
      <c r="AH112" s="56"/>
      <c r="AI112" s="56"/>
      <c r="AJ112" s="56"/>
      <c r="AK112" s="56"/>
      <c r="AL112" s="56"/>
      <c r="AM112" s="56"/>
      <c r="AN112" s="56"/>
      <c r="AO112" s="56"/>
      <c r="AP112" s="56"/>
      <c r="AQ112" s="56"/>
      <c r="AR112" s="56"/>
      <c r="AS112" s="56"/>
      <c r="AT112" s="56"/>
      <c r="AU112" s="56"/>
      <c r="AV112" s="56"/>
      <c r="AW112" s="56"/>
      <c r="AX112" s="56"/>
      <c r="AY112" s="56"/>
      <c r="AZ112" s="56"/>
      <c r="BA112" s="56"/>
      <c r="BB112" s="56"/>
      <c r="BC112" s="56"/>
      <c r="BD112" s="56"/>
      <c r="BE112" s="56"/>
      <c r="BF112" s="56"/>
      <c r="BG112" s="56"/>
      <c r="BH112" s="56"/>
      <c r="BI112" s="57"/>
    </row>
    <row r="113" spans="1:61">
      <c r="A113" s="596" t="s">
        <v>141</v>
      </c>
      <c r="B113" s="597"/>
      <c r="C113" s="597"/>
      <c r="D113" s="597"/>
      <c r="E113" s="597"/>
      <c r="F113" s="597"/>
      <c r="G113" s="598"/>
      <c r="H113" s="35"/>
      <c r="I113" s="61" t="s">
        <v>142</v>
      </c>
      <c r="J113" s="61"/>
      <c r="K113" s="61"/>
      <c r="L113" s="61"/>
      <c r="M113" s="62"/>
      <c r="N113" s="63"/>
      <c r="O113" s="63"/>
      <c r="P113" s="63"/>
      <c r="Q113" s="63"/>
      <c r="R113" s="63"/>
      <c r="S113" s="63"/>
      <c r="T113" s="63"/>
      <c r="U113" s="63"/>
      <c r="V113" s="63"/>
      <c r="W113" s="37"/>
      <c r="X113" s="35"/>
      <c r="Y113" s="416" t="s">
        <v>143</v>
      </c>
      <c r="Z113" s="416"/>
      <c r="AA113" s="416"/>
      <c r="AB113" s="416"/>
      <c r="AC113" s="416"/>
      <c r="AD113" s="416"/>
      <c r="AE113" s="416"/>
      <c r="AF113" s="416" t="s">
        <v>591</v>
      </c>
      <c r="AG113" s="590"/>
      <c r="AH113" s="590"/>
      <c r="AI113" s="590"/>
      <c r="AJ113" s="590"/>
      <c r="AK113" s="590"/>
      <c r="AL113" s="590"/>
      <c r="AM113" s="590"/>
      <c r="AN113" s="590"/>
      <c r="AO113" s="590"/>
      <c r="AP113" s="590"/>
      <c r="AQ113" s="590"/>
      <c r="AR113" s="590"/>
      <c r="AS113" s="590"/>
      <c r="AT113" s="590"/>
      <c r="AU113" s="590"/>
      <c r="AV113" s="590"/>
      <c r="AW113" s="590"/>
      <c r="AX113" s="590"/>
      <c r="AY113" s="590"/>
      <c r="AZ113" s="590"/>
      <c r="BA113" s="590"/>
      <c r="BB113" s="590"/>
      <c r="BC113" s="590"/>
      <c r="BD113" s="590"/>
      <c r="BE113" s="590"/>
      <c r="BF113" s="590"/>
      <c r="BG113" s="590"/>
      <c r="BH113" s="590"/>
      <c r="BI113" s="50" t="s">
        <v>592</v>
      </c>
    </row>
    <row r="114" spans="1:61">
      <c r="A114" s="599"/>
      <c r="B114" s="600"/>
      <c r="C114" s="600"/>
      <c r="D114" s="600"/>
      <c r="E114" s="600"/>
      <c r="F114" s="600"/>
      <c r="G114" s="601"/>
      <c r="H114" s="38"/>
      <c r="I114" s="60" t="s">
        <v>21</v>
      </c>
      <c r="J114" s="60"/>
      <c r="K114" s="60"/>
      <c r="L114" s="60"/>
      <c r="M114" s="410"/>
      <c r="N114" s="411"/>
      <c r="O114" s="411"/>
      <c r="P114" s="411"/>
      <c r="Q114" s="411"/>
      <c r="R114" s="411"/>
      <c r="S114" s="411"/>
      <c r="T114" s="411"/>
      <c r="U114" s="411"/>
      <c r="V114" s="411"/>
      <c r="W114" s="40"/>
      <c r="X114" s="38"/>
      <c r="Y114" s="407" t="s">
        <v>79</v>
      </c>
      <c r="Z114" s="407"/>
      <c r="AA114" s="407"/>
      <c r="AB114" s="407"/>
      <c r="AC114" s="407" t="s">
        <v>591</v>
      </c>
      <c r="AD114" s="578"/>
      <c r="AE114" s="578"/>
      <c r="AF114" s="578"/>
      <c r="AG114" s="578"/>
      <c r="AH114" s="578"/>
      <c r="AI114" s="578"/>
      <c r="AJ114" s="578"/>
      <c r="AK114" s="578"/>
      <c r="AL114" s="578"/>
      <c r="AM114" s="578"/>
      <c r="AN114" s="578"/>
      <c r="AO114" s="578"/>
      <c r="AP114" s="578"/>
      <c r="AQ114" s="578"/>
      <c r="AR114" s="578"/>
      <c r="AS114" s="578"/>
      <c r="AT114" s="578"/>
      <c r="AU114" s="578"/>
      <c r="AV114" s="578"/>
      <c r="AW114" s="578"/>
      <c r="AX114" s="578"/>
      <c r="AY114" s="578"/>
      <c r="AZ114" s="578"/>
      <c r="BA114" s="578"/>
      <c r="BB114" s="578"/>
      <c r="BC114" s="578"/>
      <c r="BD114" s="578"/>
      <c r="BE114" s="578"/>
      <c r="BF114" s="578"/>
      <c r="BG114" s="578"/>
      <c r="BH114" s="578"/>
      <c r="BI114" s="53" t="s">
        <v>592</v>
      </c>
    </row>
    <row r="115" spans="1:61">
      <c r="A115" s="412"/>
      <c r="B115" s="413"/>
      <c r="C115" s="413"/>
      <c r="D115" s="413"/>
      <c r="E115" s="413"/>
      <c r="F115" s="413"/>
      <c r="G115" s="414"/>
      <c r="H115" s="38"/>
      <c r="I115" s="60"/>
      <c r="J115" s="60"/>
      <c r="K115" s="60"/>
      <c r="L115" s="60"/>
      <c r="M115" s="410"/>
      <c r="N115" s="411"/>
      <c r="O115" s="411"/>
      <c r="P115" s="411"/>
      <c r="Q115" s="411"/>
      <c r="R115" s="411"/>
      <c r="S115" s="411"/>
      <c r="T115" s="411"/>
      <c r="U115" s="411"/>
      <c r="V115" s="411"/>
      <c r="W115" s="40"/>
      <c r="X115" s="38"/>
      <c r="Y115" s="407" t="s">
        <v>25</v>
      </c>
      <c r="Z115" s="407"/>
      <c r="AA115" s="407"/>
      <c r="AB115" s="407" t="s">
        <v>591</v>
      </c>
      <c r="AC115" s="578"/>
      <c r="AD115" s="578"/>
      <c r="AE115" s="578"/>
      <c r="AF115" s="578"/>
      <c r="AG115" s="578"/>
      <c r="AH115" s="578"/>
      <c r="AI115" s="578"/>
      <c r="AJ115" s="578"/>
      <c r="AK115" s="578"/>
      <c r="AL115" s="578"/>
      <c r="AM115" s="578"/>
      <c r="AN115" s="578"/>
      <c r="AO115" s="578"/>
      <c r="AP115" s="578"/>
      <c r="AQ115" s="578"/>
      <c r="AR115" s="578"/>
      <c r="AS115" s="578"/>
      <c r="AT115" s="578"/>
      <c r="AU115" s="578"/>
      <c r="AV115" s="578"/>
      <c r="AW115" s="578"/>
      <c r="AX115" s="578"/>
      <c r="AY115" s="578"/>
      <c r="AZ115" s="578"/>
      <c r="BA115" s="578"/>
      <c r="BB115" s="578"/>
      <c r="BC115" s="578"/>
      <c r="BD115" s="578"/>
      <c r="BE115" s="578"/>
      <c r="BF115" s="578"/>
      <c r="BG115" s="578"/>
      <c r="BH115" s="578"/>
      <c r="BI115" s="53" t="s">
        <v>592</v>
      </c>
    </row>
    <row r="116" spans="1:61">
      <c r="A116" s="42"/>
      <c r="B116" s="43"/>
      <c r="C116" s="43"/>
      <c r="D116" s="43"/>
      <c r="E116" s="43"/>
      <c r="F116" s="43"/>
      <c r="G116" s="44"/>
      <c r="H116" s="45"/>
      <c r="I116" s="64"/>
      <c r="J116" s="64"/>
      <c r="K116" s="64"/>
      <c r="L116" s="64"/>
      <c r="M116" s="65"/>
      <c r="N116" s="66"/>
      <c r="O116" s="66"/>
      <c r="P116" s="66"/>
      <c r="Q116" s="66"/>
      <c r="R116" s="66"/>
      <c r="S116" s="66"/>
      <c r="T116" s="66"/>
      <c r="U116" s="66"/>
      <c r="V116" s="66"/>
      <c r="W116" s="47"/>
      <c r="X116" s="45"/>
      <c r="Y116" s="56"/>
      <c r="Z116" s="56"/>
      <c r="AA116" s="56"/>
      <c r="AB116" s="56"/>
      <c r="AC116" s="56"/>
      <c r="AD116" s="56"/>
      <c r="AE116" s="56"/>
      <c r="AF116" s="56"/>
      <c r="AG116" s="56"/>
      <c r="AH116" s="56"/>
      <c r="AI116" s="56"/>
      <c r="AJ116" s="56"/>
      <c r="AK116" s="56"/>
      <c r="AL116" s="56"/>
      <c r="AM116" s="56"/>
      <c r="AN116" s="56"/>
      <c r="AO116" s="56"/>
      <c r="AP116" s="56"/>
      <c r="AQ116" s="56"/>
      <c r="AR116" s="56"/>
      <c r="AS116" s="56"/>
      <c r="AT116" s="56"/>
      <c r="AU116" s="56"/>
      <c r="AV116" s="56"/>
      <c r="AW116" s="56"/>
      <c r="AX116" s="56"/>
      <c r="AY116" s="56"/>
      <c r="AZ116" s="56"/>
      <c r="BA116" s="56"/>
      <c r="BB116" s="56"/>
      <c r="BC116" s="56"/>
      <c r="BD116" s="56"/>
      <c r="BE116" s="56"/>
      <c r="BF116" s="56"/>
      <c r="BG116" s="56"/>
      <c r="BH116" s="56"/>
      <c r="BI116" s="57"/>
    </row>
    <row r="117" spans="1:61">
      <c r="A117" s="583" t="s">
        <v>144</v>
      </c>
      <c r="B117" s="584"/>
      <c r="C117" s="584"/>
      <c r="D117" s="584"/>
      <c r="E117" s="584"/>
      <c r="F117" s="584"/>
      <c r="G117" s="585"/>
      <c r="H117" s="35"/>
      <c r="I117" s="61" t="s">
        <v>145</v>
      </c>
      <c r="J117" s="61"/>
      <c r="K117" s="61"/>
      <c r="L117" s="61"/>
      <c r="M117" s="62"/>
      <c r="N117" s="63"/>
      <c r="O117" s="63"/>
      <c r="P117" s="63"/>
      <c r="Q117" s="63"/>
      <c r="R117" s="63"/>
      <c r="S117" s="63"/>
      <c r="T117" s="63"/>
      <c r="U117" s="63"/>
      <c r="V117" s="63"/>
      <c r="W117" s="37"/>
      <c r="X117" s="35"/>
      <c r="Y117" s="416" t="s">
        <v>146</v>
      </c>
      <c r="Z117" s="416"/>
      <c r="AA117" s="416"/>
      <c r="AB117" s="416"/>
      <c r="AC117" s="416"/>
      <c r="AD117" s="416"/>
      <c r="AE117" s="416"/>
      <c r="AF117" s="416"/>
      <c r="AG117" s="416"/>
      <c r="AH117" s="416"/>
      <c r="AI117" s="416"/>
      <c r="AJ117" s="416"/>
      <c r="AK117" s="416"/>
      <c r="AL117" s="416"/>
      <c r="AM117" s="416"/>
      <c r="AN117" s="416"/>
      <c r="AO117" s="416"/>
      <c r="AP117" s="416"/>
      <c r="AQ117" s="416"/>
      <c r="AR117" s="416"/>
      <c r="AS117" s="416"/>
      <c r="AT117" s="416"/>
      <c r="AU117" s="416"/>
      <c r="AV117" s="416"/>
      <c r="AW117" s="416"/>
      <c r="AX117" s="416"/>
      <c r="AY117" s="416"/>
      <c r="AZ117" s="416"/>
      <c r="BA117" s="416"/>
      <c r="BB117" s="416"/>
      <c r="BC117" s="416"/>
      <c r="BD117" s="416"/>
      <c r="BE117" s="416"/>
      <c r="BF117" s="416"/>
      <c r="BG117" s="416"/>
      <c r="BH117" s="416"/>
      <c r="BI117" s="50"/>
    </row>
    <row r="118" spans="1:61">
      <c r="A118" s="412"/>
      <c r="B118" s="413"/>
      <c r="C118" s="413"/>
      <c r="D118" s="413"/>
      <c r="E118" s="413"/>
      <c r="F118" s="413"/>
      <c r="G118" s="414"/>
      <c r="H118" s="38"/>
      <c r="I118" s="60"/>
      <c r="J118" s="60"/>
      <c r="K118" s="60"/>
      <c r="L118" s="60"/>
      <c r="M118" s="410"/>
      <c r="N118" s="411"/>
      <c r="O118" s="411"/>
      <c r="P118" s="411"/>
      <c r="Q118" s="411"/>
      <c r="R118" s="411"/>
      <c r="S118" s="411"/>
      <c r="T118" s="411"/>
      <c r="U118" s="411"/>
      <c r="V118" s="411"/>
      <c r="W118" s="40"/>
      <c r="X118" s="38"/>
      <c r="Y118" s="407"/>
      <c r="Z118" s="407" t="s">
        <v>147</v>
      </c>
      <c r="AA118" s="407"/>
      <c r="AB118" s="407"/>
      <c r="AC118" s="407"/>
      <c r="AD118" s="407" t="s">
        <v>591</v>
      </c>
      <c r="AE118" s="578"/>
      <c r="AF118" s="578"/>
      <c r="AG118" s="578"/>
      <c r="AH118" s="578"/>
      <c r="AI118" s="578"/>
      <c r="AJ118" s="578"/>
      <c r="AK118" s="578"/>
      <c r="AL118" s="578"/>
      <c r="AM118" s="578"/>
      <c r="AN118" s="578"/>
      <c r="AO118" s="407" t="s">
        <v>592</v>
      </c>
      <c r="AP118" s="407"/>
      <c r="AQ118" s="407" t="s">
        <v>148</v>
      </c>
      <c r="AR118" s="407"/>
      <c r="AS118" s="407"/>
      <c r="AT118" s="407"/>
      <c r="AU118" s="407" t="s">
        <v>591</v>
      </c>
      <c r="AV118" s="578"/>
      <c r="AW118" s="578"/>
      <c r="AX118" s="578"/>
      <c r="AY118" s="578"/>
      <c r="AZ118" s="578"/>
      <c r="BA118" s="578"/>
      <c r="BB118" s="578"/>
      <c r="BC118" s="578"/>
      <c r="BD118" s="578"/>
      <c r="BE118" s="578"/>
      <c r="BF118" s="578"/>
      <c r="BG118" s="578"/>
      <c r="BH118" s="578"/>
      <c r="BI118" s="53" t="s">
        <v>592</v>
      </c>
    </row>
    <row r="119" spans="1:61">
      <c r="A119" s="412"/>
      <c r="B119" s="413"/>
      <c r="C119" s="413"/>
      <c r="D119" s="413"/>
      <c r="E119" s="413"/>
      <c r="F119" s="413"/>
      <c r="G119" s="414"/>
      <c r="H119" s="38"/>
      <c r="I119" s="60"/>
      <c r="J119" s="60"/>
      <c r="K119" s="60"/>
      <c r="L119" s="60"/>
      <c r="M119" s="410"/>
      <c r="N119" s="411"/>
      <c r="O119" s="411"/>
      <c r="P119" s="411"/>
      <c r="Q119" s="411"/>
      <c r="R119" s="411"/>
      <c r="S119" s="411"/>
      <c r="T119" s="411"/>
      <c r="U119" s="411"/>
      <c r="V119" s="411"/>
      <c r="W119" s="40"/>
      <c r="X119" s="38"/>
      <c r="Y119" s="407"/>
      <c r="Z119" s="407" t="s">
        <v>149</v>
      </c>
      <c r="AA119" s="407"/>
      <c r="AB119" s="407"/>
      <c r="AC119" s="407"/>
      <c r="AD119" s="407" t="s">
        <v>591</v>
      </c>
      <c r="AE119" s="578"/>
      <c r="AF119" s="578"/>
      <c r="AG119" s="578"/>
      <c r="AH119" s="578"/>
      <c r="AI119" s="578"/>
      <c r="AJ119" s="578"/>
      <c r="AK119" s="578"/>
      <c r="AL119" s="578"/>
      <c r="AM119" s="578"/>
      <c r="AN119" s="578"/>
      <c r="AO119" s="407" t="s">
        <v>592</v>
      </c>
      <c r="AP119" s="407"/>
      <c r="AQ119" s="407" t="s">
        <v>150</v>
      </c>
      <c r="AR119" s="407"/>
      <c r="AS119" s="407"/>
      <c r="AT119" s="407"/>
      <c r="AU119" s="407" t="s">
        <v>591</v>
      </c>
      <c r="AV119" s="578"/>
      <c r="AW119" s="578"/>
      <c r="AX119" s="578"/>
      <c r="AY119" s="578"/>
      <c r="AZ119" s="578"/>
      <c r="BA119" s="578"/>
      <c r="BB119" s="578"/>
      <c r="BC119" s="578"/>
      <c r="BD119" s="578"/>
      <c r="BE119" s="578"/>
      <c r="BF119" s="578"/>
      <c r="BG119" s="578"/>
      <c r="BH119" s="578"/>
      <c r="BI119" s="53" t="s">
        <v>592</v>
      </c>
    </row>
    <row r="120" spans="1:61">
      <c r="A120" s="412"/>
      <c r="B120" s="413"/>
      <c r="C120" s="413"/>
      <c r="D120" s="413"/>
      <c r="E120" s="413"/>
      <c r="F120" s="413"/>
      <c r="G120" s="414"/>
      <c r="H120" s="38"/>
      <c r="I120" s="60"/>
      <c r="J120" s="60"/>
      <c r="K120" s="60"/>
      <c r="L120" s="60"/>
      <c r="M120" s="410"/>
      <c r="N120" s="411"/>
      <c r="O120" s="411"/>
      <c r="P120" s="411"/>
      <c r="Q120" s="411"/>
      <c r="R120" s="411"/>
      <c r="S120" s="411"/>
      <c r="T120" s="411"/>
      <c r="U120" s="411"/>
      <c r="V120" s="411"/>
      <c r="W120" s="40"/>
      <c r="X120" s="38"/>
      <c r="Y120" s="407"/>
      <c r="Z120" s="407" t="s">
        <v>25</v>
      </c>
      <c r="AA120" s="407"/>
      <c r="AB120" s="407"/>
      <c r="AC120" s="407" t="s">
        <v>591</v>
      </c>
      <c r="AD120" s="578"/>
      <c r="AE120" s="578"/>
      <c r="AF120" s="578"/>
      <c r="AG120" s="578"/>
      <c r="AH120" s="578"/>
      <c r="AI120" s="578"/>
      <c r="AJ120" s="578"/>
      <c r="AK120" s="578"/>
      <c r="AL120" s="578"/>
      <c r="AM120" s="578"/>
      <c r="AN120" s="578"/>
      <c r="AO120" s="407" t="s">
        <v>592</v>
      </c>
      <c r="AP120" s="407"/>
      <c r="AQ120" s="407" t="s">
        <v>52</v>
      </c>
      <c r="AR120" s="407"/>
      <c r="AS120" s="407"/>
      <c r="AT120" s="407"/>
      <c r="AU120" s="407"/>
      <c r="AV120" s="407"/>
      <c r="AW120" s="407"/>
      <c r="AX120" s="407"/>
      <c r="AY120" s="407"/>
      <c r="AZ120" s="407"/>
      <c r="BA120" s="407"/>
      <c r="BB120" s="407"/>
      <c r="BC120" s="407"/>
      <c r="BD120" s="407"/>
      <c r="BE120" s="407"/>
      <c r="BF120" s="407"/>
      <c r="BG120" s="407"/>
      <c r="BH120" s="407"/>
      <c r="BI120" s="53"/>
    </row>
    <row r="121" spans="1:61">
      <c r="A121" s="412"/>
      <c r="B121" s="413"/>
      <c r="C121" s="413"/>
      <c r="D121" s="413"/>
      <c r="E121" s="413"/>
      <c r="F121" s="413"/>
      <c r="G121" s="414"/>
      <c r="H121" s="38"/>
      <c r="I121" s="60" t="s">
        <v>151</v>
      </c>
      <c r="J121" s="60"/>
      <c r="K121" s="60"/>
      <c r="L121" s="60"/>
      <c r="M121" s="410"/>
      <c r="N121" s="411"/>
      <c r="O121" s="411"/>
      <c r="P121" s="411"/>
      <c r="Q121" s="411"/>
      <c r="R121" s="411"/>
      <c r="S121" s="411"/>
      <c r="T121" s="411"/>
      <c r="U121" s="411"/>
      <c r="V121" s="411"/>
      <c r="W121" s="40"/>
      <c r="X121" s="38"/>
      <c r="Y121" s="407" t="s">
        <v>152</v>
      </c>
      <c r="Z121" s="407"/>
      <c r="AA121" s="407"/>
      <c r="AB121" s="407"/>
      <c r="AC121" s="407" t="s">
        <v>591</v>
      </c>
      <c r="AD121" s="578"/>
      <c r="AE121" s="578"/>
      <c r="AF121" s="578"/>
      <c r="AG121" s="578"/>
      <c r="AH121" s="578"/>
      <c r="AI121" s="578"/>
      <c r="AJ121" s="578"/>
      <c r="AK121" s="578"/>
      <c r="AL121" s="578"/>
      <c r="AM121" s="578"/>
      <c r="AN121" s="578"/>
      <c r="AO121" s="578"/>
      <c r="AP121" s="578"/>
      <c r="AQ121" s="578"/>
      <c r="AR121" s="578"/>
      <c r="AS121" s="578"/>
      <c r="AT121" s="578"/>
      <c r="AU121" s="578"/>
      <c r="AV121" s="578"/>
      <c r="AW121" s="578"/>
      <c r="AX121" s="578"/>
      <c r="AY121" s="578"/>
      <c r="AZ121" s="578"/>
      <c r="BA121" s="578"/>
      <c r="BB121" s="578"/>
      <c r="BC121" s="578"/>
      <c r="BD121" s="578"/>
      <c r="BE121" s="578"/>
      <c r="BF121" s="578"/>
      <c r="BG121" s="578"/>
      <c r="BH121" s="578"/>
      <c r="BI121" s="53" t="s">
        <v>592</v>
      </c>
    </row>
    <row r="122" spans="1:61">
      <c r="A122" s="412"/>
      <c r="B122" s="413"/>
      <c r="C122" s="413"/>
      <c r="D122" s="413"/>
      <c r="E122" s="413"/>
      <c r="F122" s="413"/>
      <c r="G122" s="414"/>
      <c r="H122" s="38"/>
      <c r="I122" s="60"/>
      <c r="J122" s="60"/>
      <c r="K122" s="60"/>
      <c r="L122" s="60"/>
      <c r="M122" s="410"/>
      <c r="N122" s="411"/>
      <c r="O122" s="411"/>
      <c r="P122" s="411"/>
      <c r="Q122" s="411"/>
      <c r="R122" s="411"/>
      <c r="S122" s="411"/>
      <c r="T122" s="411"/>
      <c r="U122" s="411"/>
      <c r="V122" s="411"/>
      <c r="W122" s="40"/>
      <c r="X122" s="38"/>
      <c r="Y122" s="407" t="s">
        <v>153</v>
      </c>
      <c r="Z122" s="407"/>
      <c r="AA122" s="407"/>
      <c r="AB122" s="407"/>
      <c r="AC122" s="407" t="s">
        <v>591</v>
      </c>
      <c r="AD122" s="578"/>
      <c r="AE122" s="578"/>
      <c r="AF122" s="578"/>
      <c r="AG122" s="578"/>
      <c r="AH122" s="578"/>
      <c r="AI122" s="578"/>
      <c r="AJ122" s="578"/>
      <c r="AK122" s="578"/>
      <c r="AL122" s="578"/>
      <c r="AM122" s="578"/>
      <c r="AN122" s="578"/>
      <c r="AO122" s="578"/>
      <c r="AP122" s="578"/>
      <c r="AQ122" s="578"/>
      <c r="AR122" s="578"/>
      <c r="AS122" s="578"/>
      <c r="AT122" s="578"/>
      <c r="AU122" s="578"/>
      <c r="AV122" s="578"/>
      <c r="AW122" s="578"/>
      <c r="AX122" s="578"/>
      <c r="AY122" s="578"/>
      <c r="AZ122" s="578"/>
      <c r="BA122" s="578"/>
      <c r="BB122" s="578"/>
      <c r="BC122" s="578"/>
      <c r="BD122" s="578"/>
      <c r="BE122" s="578"/>
      <c r="BF122" s="578"/>
      <c r="BG122" s="578"/>
      <c r="BH122" s="578"/>
      <c r="BI122" s="53" t="s">
        <v>592</v>
      </c>
    </row>
    <row r="123" spans="1:61">
      <c r="A123" s="412"/>
      <c r="B123" s="413"/>
      <c r="C123" s="413"/>
      <c r="D123" s="413"/>
      <c r="E123" s="413"/>
      <c r="F123" s="413"/>
      <c r="G123" s="414"/>
      <c r="H123" s="38"/>
      <c r="I123" s="60" t="s">
        <v>154</v>
      </c>
      <c r="J123" s="60"/>
      <c r="K123" s="60"/>
      <c r="L123" s="60"/>
      <c r="M123" s="410"/>
      <c r="N123" s="411"/>
      <c r="O123" s="411"/>
      <c r="P123" s="411"/>
      <c r="Q123" s="411"/>
      <c r="R123" s="411"/>
      <c r="S123" s="411"/>
      <c r="T123" s="411"/>
      <c r="U123" s="411"/>
      <c r="V123" s="411"/>
      <c r="W123" s="40"/>
      <c r="X123" s="38"/>
      <c r="Y123" s="407"/>
      <c r="Z123" s="407"/>
      <c r="AA123" s="407"/>
      <c r="AB123" s="407"/>
      <c r="AC123" s="407"/>
      <c r="AD123" s="407"/>
      <c r="AE123" s="407"/>
      <c r="AF123" s="407"/>
      <c r="AG123" s="407"/>
      <c r="AH123" s="407"/>
      <c r="AI123" s="407"/>
      <c r="AJ123" s="407"/>
      <c r="AK123" s="407"/>
      <c r="AL123" s="407"/>
      <c r="AM123" s="407"/>
      <c r="AN123" s="407"/>
      <c r="AO123" s="407"/>
      <c r="AP123" s="407"/>
      <c r="AQ123" s="407"/>
      <c r="AR123" s="407"/>
      <c r="AS123" s="407"/>
      <c r="AT123" s="407"/>
      <c r="AU123" s="407"/>
      <c r="AV123" s="407"/>
      <c r="AW123" s="407"/>
      <c r="AX123" s="407"/>
      <c r="AY123" s="407"/>
      <c r="AZ123" s="407"/>
      <c r="BA123" s="407"/>
      <c r="BB123" s="407"/>
      <c r="BC123" s="407"/>
      <c r="BD123" s="407"/>
      <c r="BE123" s="407"/>
      <c r="BF123" s="407"/>
      <c r="BG123" s="407"/>
      <c r="BH123" s="407"/>
      <c r="BI123" s="53"/>
    </row>
    <row r="124" spans="1:61">
      <c r="A124" s="412"/>
      <c r="B124" s="413"/>
      <c r="C124" s="413"/>
      <c r="D124" s="413"/>
      <c r="E124" s="413"/>
      <c r="F124" s="413"/>
      <c r="G124" s="414"/>
      <c r="H124" s="38"/>
      <c r="I124" s="60" t="s">
        <v>155</v>
      </c>
      <c r="J124" s="60"/>
      <c r="K124" s="60"/>
      <c r="L124" s="60"/>
      <c r="M124" s="410"/>
      <c r="N124" s="411"/>
      <c r="O124" s="411"/>
      <c r="P124" s="411"/>
      <c r="Q124" s="411"/>
      <c r="R124" s="411"/>
      <c r="S124" s="411"/>
      <c r="T124" s="411"/>
      <c r="U124" s="411"/>
      <c r="V124" s="411"/>
      <c r="W124" s="40"/>
      <c r="X124" s="38"/>
      <c r="Y124" s="407"/>
      <c r="Z124" s="407"/>
      <c r="AA124" s="407"/>
      <c r="AB124" s="407"/>
      <c r="AC124" s="407"/>
      <c r="AD124" s="407"/>
      <c r="AE124" s="407"/>
      <c r="AF124" s="407"/>
      <c r="AG124" s="407"/>
      <c r="AH124" s="407"/>
      <c r="AI124" s="407"/>
      <c r="AJ124" s="407"/>
      <c r="AK124" s="407"/>
      <c r="AL124" s="407"/>
      <c r="AM124" s="407"/>
      <c r="AN124" s="407"/>
      <c r="AO124" s="407"/>
      <c r="AP124" s="407"/>
      <c r="AQ124" s="407"/>
      <c r="AR124" s="407"/>
      <c r="AS124" s="407"/>
      <c r="AT124" s="407"/>
      <c r="AU124" s="407"/>
      <c r="AV124" s="407"/>
      <c r="AW124" s="407"/>
      <c r="AX124" s="407"/>
      <c r="AY124" s="407"/>
      <c r="AZ124" s="407"/>
      <c r="BA124" s="407"/>
      <c r="BB124" s="407"/>
      <c r="BC124" s="407"/>
      <c r="BD124" s="407"/>
      <c r="BE124" s="407"/>
      <c r="BF124" s="407"/>
      <c r="BG124" s="407"/>
      <c r="BH124" s="407"/>
      <c r="BI124" s="53"/>
    </row>
    <row r="125" spans="1:61">
      <c r="A125" s="42"/>
      <c r="B125" s="43"/>
      <c r="C125" s="43"/>
      <c r="D125" s="43"/>
      <c r="E125" s="43"/>
      <c r="F125" s="43"/>
      <c r="G125" s="44"/>
      <c r="H125" s="45"/>
      <c r="I125" s="64" t="s">
        <v>25</v>
      </c>
      <c r="J125" s="64"/>
      <c r="K125" s="64"/>
      <c r="L125" s="64"/>
      <c r="M125" s="65"/>
      <c r="N125" s="66"/>
      <c r="O125" s="66"/>
      <c r="P125" s="66"/>
      <c r="Q125" s="66"/>
      <c r="R125" s="66"/>
      <c r="S125" s="66"/>
      <c r="T125" s="66"/>
      <c r="U125" s="66"/>
      <c r="V125" s="66"/>
      <c r="W125" s="47"/>
      <c r="X125" s="45"/>
      <c r="Y125" s="56" t="s">
        <v>25</v>
      </c>
      <c r="Z125" s="56"/>
      <c r="AA125" s="56"/>
      <c r="AB125" s="56"/>
      <c r="AC125" s="56"/>
      <c r="AD125" s="56"/>
      <c r="AE125" s="56"/>
      <c r="AF125" s="56"/>
      <c r="AG125" s="56"/>
      <c r="AH125" s="56"/>
      <c r="AI125" s="56"/>
      <c r="AJ125" s="56"/>
      <c r="AK125" s="56"/>
      <c r="AL125" s="56"/>
      <c r="AM125" s="56"/>
      <c r="AN125" s="56"/>
      <c r="AO125" s="56"/>
      <c r="AP125" s="56"/>
      <c r="AQ125" s="56"/>
      <c r="AR125" s="56"/>
      <c r="AS125" s="56"/>
      <c r="AT125" s="56"/>
      <c r="AU125" s="56"/>
      <c r="AV125" s="56"/>
      <c r="AW125" s="56"/>
      <c r="AX125" s="56"/>
      <c r="AY125" s="56"/>
      <c r="AZ125" s="56"/>
      <c r="BA125" s="56"/>
      <c r="BB125" s="56"/>
      <c r="BC125" s="56"/>
      <c r="BD125" s="56"/>
      <c r="BE125" s="56"/>
      <c r="BF125" s="56"/>
      <c r="BG125" s="56"/>
      <c r="BH125" s="56"/>
      <c r="BI125" s="57"/>
    </row>
    <row r="126" spans="1:61">
      <c r="A126" s="583" t="s">
        <v>156</v>
      </c>
      <c r="B126" s="584"/>
      <c r="C126" s="584"/>
      <c r="D126" s="584"/>
      <c r="E126" s="584"/>
      <c r="F126" s="584"/>
      <c r="G126" s="585"/>
      <c r="H126" s="35"/>
      <c r="I126" s="61" t="s">
        <v>157</v>
      </c>
      <c r="J126" s="61"/>
      <c r="K126" s="61"/>
      <c r="L126" s="61"/>
      <c r="M126" s="62"/>
      <c r="N126" s="63"/>
      <c r="O126" s="63"/>
      <c r="P126" s="63"/>
      <c r="Q126" s="63"/>
      <c r="R126" s="63"/>
      <c r="S126" s="63"/>
      <c r="T126" s="63"/>
      <c r="U126" s="63"/>
      <c r="V126" s="63"/>
      <c r="W126" s="37"/>
      <c r="X126" s="35"/>
      <c r="Y126" s="416" t="s">
        <v>158</v>
      </c>
      <c r="Z126" s="416"/>
      <c r="AA126" s="416"/>
      <c r="AB126" s="416"/>
      <c r="AC126" s="416"/>
      <c r="AD126" s="416"/>
      <c r="AE126" s="416"/>
      <c r="AF126" s="416"/>
      <c r="AG126" s="416"/>
      <c r="AH126" s="416"/>
      <c r="AI126" s="416"/>
      <c r="AJ126" s="416"/>
      <c r="AK126" s="416"/>
      <c r="AL126" s="416"/>
      <c r="AM126" s="416"/>
      <c r="AN126" s="416"/>
      <c r="AO126" s="416"/>
      <c r="AP126" s="416"/>
      <c r="AQ126" s="416"/>
      <c r="AR126" s="416"/>
      <c r="AS126" s="416"/>
      <c r="AT126" s="416"/>
      <c r="AU126" s="416"/>
      <c r="AV126" s="416"/>
      <c r="AW126" s="416"/>
      <c r="AX126" s="416"/>
      <c r="AY126" s="416"/>
      <c r="AZ126" s="416"/>
      <c r="BA126" s="416"/>
      <c r="BB126" s="416"/>
      <c r="BC126" s="416"/>
      <c r="BD126" s="416"/>
      <c r="BE126" s="416"/>
      <c r="BF126" s="416"/>
      <c r="BG126" s="416"/>
      <c r="BH126" s="416"/>
      <c r="BI126" s="50"/>
    </row>
    <row r="127" spans="1:61">
      <c r="A127" s="412"/>
      <c r="B127" s="413"/>
      <c r="C127" s="413"/>
      <c r="D127" s="413"/>
      <c r="E127" s="413"/>
      <c r="F127" s="413"/>
      <c r="G127" s="414"/>
      <c r="H127" s="38"/>
      <c r="I127" s="60"/>
      <c r="J127" s="60"/>
      <c r="K127" s="60"/>
      <c r="L127" s="60"/>
      <c r="M127" s="410"/>
      <c r="N127" s="411"/>
      <c r="O127" s="411"/>
      <c r="P127" s="411"/>
      <c r="Q127" s="411"/>
      <c r="R127" s="411"/>
      <c r="S127" s="411"/>
      <c r="T127" s="411"/>
      <c r="U127" s="411"/>
      <c r="V127" s="411"/>
      <c r="W127" s="40"/>
      <c r="X127" s="38"/>
      <c r="Y127" s="407"/>
      <c r="Z127" s="407" t="s">
        <v>159</v>
      </c>
      <c r="AA127" s="407"/>
      <c r="AB127" s="407"/>
      <c r="AC127" s="407"/>
      <c r="AD127" s="407"/>
      <c r="AE127" s="407"/>
      <c r="AF127" s="407" t="s">
        <v>160</v>
      </c>
      <c r="AG127" s="407"/>
      <c r="AH127" s="407"/>
      <c r="AI127" s="407"/>
      <c r="AJ127" s="407"/>
      <c r="AK127" s="407"/>
      <c r="AL127" s="407"/>
      <c r="AM127" s="407" t="s">
        <v>161</v>
      </c>
      <c r="AN127" s="407"/>
      <c r="AO127" s="407"/>
      <c r="AP127" s="407"/>
      <c r="AQ127" s="407"/>
      <c r="AR127" s="407"/>
      <c r="AS127" s="407"/>
      <c r="AT127" s="407"/>
      <c r="AU127" s="407"/>
      <c r="AV127" s="407" t="s">
        <v>162</v>
      </c>
      <c r="AW127" s="407"/>
      <c r="AX127" s="407"/>
      <c r="AY127" s="407"/>
      <c r="AZ127" s="407"/>
      <c r="BA127" s="407"/>
      <c r="BB127" s="407"/>
      <c r="BC127" s="407"/>
      <c r="BD127" s="407"/>
      <c r="BE127" s="407"/>
      <c r="BF127" s="407"/>
      <c r="BG127" s="407"/>
      <c r="BH127" s="407"/>
      <c r="BI127" s="53"/>
    </row>
    <row r="128" spans="1:61">
      <c r="A128" s="412"/>
      <c r="B128" s="413"/>
      <c r="C128" s="413"/>
      <c r="D128" s="413"/>
      <c r="E128" s="413"/>
      <c r="F128" s="413"/>
      <c r="G128" s="414"/>
      <c r="H128" s="38"/>
      <c r="I128" s="59"/>
      <c r="J128" s="67"/>
      <c r="K128" s="67"/>
      <c r="L128" s="67"/>
      <c r="M128" s="67"/>
      <c r="N128" s="67"/>
      <c r="O128" s="67"/>
      <c r="P128" s="67"/>
      <c r="Q128" s="67"/>
      <c r="R128" s="67"/>
      <c r="S128" s="67"/>
      <c r="T128" s="67"/>
      <c r="U128" s="67"/>
      <c r="V128" s="67"/>
      <c r="W128" s="68"/>
      <c r="X128" s="38"/>
      <c r="Y128" s="407" t="s">
        <v>163</v>
      </c>
      <c r="Z128" s="407"/>
      <c r="AA128" s="407"/>
      <c r="AB128" s="407"/>
      <c r="AC128" s="407"/>
      <c r="AD128" s="407"/>
      <c r="AE128" s="407"/>
      <c r="AF128" s="407"/>
      <c r="AG128" s="407"/>
      <c r="AH128" s="407"/>
      <c r="AI128" s="407"/>
      <c r="AJ128" s="407"/>
      <c r="AK128" s="407"/>
      <c r="AL128" s="407"/>
      <c r="AM128" s="407"/>
      <c r="AN128" s="407"/>
      <c r="AO128" s="407"/>
      <c r="AP128" s="407"/>
      <c r="AQ128" s="407"/>
      <c r="AR128" s="407"/>
      <c r="AS128" s="407"/>
      <c r="AT128" s="407"/>
      <c r="AU128" s="407"/>
      <c r="AV128" s="407"/>
      <c r="AW128" s="407"/>
      <c r="AX128" s="407"/>
      <c r="AY128" s="407"/>
      <c r="AZ128" s="407"/>
      <c r="BA128" s="407"/>
      <c r="BB128" s="407"/>
      <c r="BC128" s="407"/>
      <c r="BD128" s="407"/>
      <c r="BE128" s="407"/>
      <c r="BF128" s="407"/>
      <c r="BG128" s="407"/>
      <c r="BH128" s="407"/>
      <c r="BI128" s="53"/>
    </row>
    <row r="129" spans="1:61">
      <c r="A129" s="412"/>
      <c r="B129" s="413"/>
      <c r="C129" s="413"/>
      <c r="D129" s="413"/>
      <c r="E129" s="413"/>
      <c r="F129" s="413"/>
      <c r="G129" s="414"/>
      <c r="H129" s="38"/>
      <c r="I129" s="67"/>
      <c r="J129" s="67"/>
      <c r="K129" s="67"/>
      <c r="L129" s="67"/>
      <c r="M129" s="67"/>
      <c r="N129" s="67"/>
      <c r="O129" s="67"/>
      <c r="P129" s="67"/>
      <c r="Q129" s="67"/>
      <c r="R129" s="67"/>
      <c r="S129" s="67"/>
      <c r="T129" s="67"/>
      <c r="U129" s="67"/>
      <c r="V129" s="67"/>
      <c r="W129" s="68"/>
      <c r="X129" s="38"/>
      <c r="Y129" s="407"/>
      <c r="Z129" s="407" t="s">
        <v>164</v>
      </c>
      <c r="AA129" s="407"/>
      <c r="AB129" s="407"/>
      <c r="AC129" s="407"/>
      <c r="AD129" s="407"/>
      <c r="AE129" s="407"/>
      <c r="AF129" s="407" t="s">
        <v>25</v>
      </c>
      <c r="AG129" s="407"/>
      <c r="AH129" s="407"/>
      <c r="AI129" s="407" t="s">
        <v>591</v>
      </c>
      <c r="AJ129" s="578"/>
      <c r="AK129" s="578"/>
      <c r="AL129" s="578"/>
      <c r="AM129" s="578"/>
      <c r="AN129" s="578"/>
      <c r="AO129" s="578"/>
      <c r="AP129" s="578"/>
      <c r="AQ129" s="578"/>
      <c r="AR129" s="578"/>
      <c r="AS129" s="578"/>
      <c r="AT129" s="578"/>
      <c r="AU129" s="578"/>
      <c r="AV129" s="578"/>
      <c r="AW129" s="578"/>
      <c r="AX129" s="578"/>
      <c r="AY129" s="578"/>
      <c r="AZ129" s="578"/>
      <c r="BA129" s="578"/>
      <c r="BB129" s="578"/>
      <c r="BC129" s="578"/>
      <c r="BD129" s="407" t="s">
        <v>592</v>
      </c>
      <c r="BE129" s="407"/>
      <c r="BF129" s="407" t="s">
        <v>52</v>
      </c>
      <c r="BG129" s="407"/>
      <c r="BH129" s="407"/>
      <c r="BI129" s="53"/>
    </row>
    <row r="130" spans="1:61">
      <c r="A130" s="412"/>
      <c r="B130" s="413"/>
      <c r="C130" s="413"/>
      <c r="D130" s="413"/>
      <c r="E130" s="413"/>
      <c r="F130" s="413"/>
      <c r="G130" s="414"/>
      <c r="H130" s="38"/>
      <c r="I130" s="594" t="s">
        <v>165</v>
      </c>
      <c r="J130" s="581"/>
      <c r="K130" s="581"/>
      <c r="L130" s="581"/>
      <c r="M130" s="581"/>
      <c r="N130" s="581"/>
      <c r="O130" s="581"/>
      <c r="P130" s="581"/>
      <c r="Q130" s="581"/>
      <c r="R130" s="581"/>
      <c r="S130" s="581"/>
      <c r="T130" s="581"/>
      <c r="U130" s="581"/>
      <c r="V130" s="581"/>
      <c r="W130" s="582"/>
      <c r="X130" s="38"/>
      <c r="Y130" s="407" t="s">
        <v>166</v>
      </c>
      <c r="Z130" s="407"/>
      <c r="AA130" s="407"/>
      <c r="AB130" s="407"/>
      <c r="AC130" s="407"/>
      <c r="AD130" s="407"/>
      <c r="AE130" s="407"/>
      <c r="AF130" s="407"/>
      <c r="AG130" s="407"/>
      <c r="AH130" s="407"/>
      <c r="AI130" s="407"/>
      <c r="AJ130" s="407"/>
      <c r="AK130" s="407"/>
      <c r="AL130" s="407"/>
      <c r="AM130" s="407"/>
      <c r="AN130" s="407"/>
      <c r="AO130" s="407"/>
      <c r="AP130" s="407"/>
      <c r="AQ130" s="407"/>
      <c r="AR130" s="407"/>
      <c r="AS130" s="407"/>
      <c r="AT130" s="407"/>
      <c r="AU130" s="407"/>
      <c r="AV130" s="407"/>
      <c r="AW130" s="407"/>
      <c r="AX130" s="407"/>
      <c r="AY130" s="407"/>
      <c r="AZ130" s="407"/>
      <c r="BA130" s="407"/>
      <c r="BB130" s="407"/>
      <c r="BC130" s="407"/>
      <c r="BD130" s="407"/>
      <c r="BE130" s="407"/>
      <c r="BF130" s="407"/>
      <c r="BG130" s="407"/>
      <c r="BH130" s="407"/>
      <c r="BI130" s="53"/>
    </row>
    <row r="131" spans="1:61">
      <c r="A131" s="412"/>
      <c r="B131" s="413"/>
      <c r="C131" s="413"/>
      <c r="D131" s="413"/>
      <c r="E131" s="413"/>
      <c r="F131" s="413"/>
      <c r="G131" s="414"/>
      <c r="H131" s="38"/>
      <c r="I131" s="581"/>
      <c r="J131" s="581"/>
      <c r="K131" s="581"/>
      <c r="L131" s="581"/>
      <c r="M131" s="581"/>
      <c r="N131" s="581"/>
      <c r="O131" s="581"/>
      <c r="P131" s="581"/>
      <c r="Q131" s="581"/>
      <c r="R131" s="581"/>
      <c r="S131" s="581"/>
      <c r="T131" s="581"/>
      <c r="U131" s="581"/>
      <c r="V131" s="581"/>
      <c r="W131" s="582"/>
      <c r="X131" s="38"/>
      <c r="Y131" s="407" t="s">
        <v>167</v>
      </c>
      <c r="Z131" s="407"/>
      <c r="AA131" s="407"/>
      <c r="AB131" s="407"/>
      <c r="AC131" s="407"/>
      <c r="AD131" s="407"/>
      <c r="AE131" s="407"/>
      <c r="AF131" s="578"/>
      <c r="AG131" s="578"/>
      <c r="AH131" s="578"/>
      <c r="AI131" s="578"/>
      <c r="AJ131" s="578"/>
      <c r="AK131" s="578"/>
      <c r="AL131" s="578"/>
      <c r="AM131" s="578"/>
      <c r="AN131" s="578"/>
      <c r="AO131" s="578"/>
      <c r="AP131" s="578"/>
      <c r="AQ131" s="578"/>
      <c r="AR131" s="578"/>
      <c r="AS131" s="578"/>
      <c r="AT131" s="578"/>
      <c r="AU131" s="578"/>
      <c r="AV131" s="578"/>
      <c r="AW131" s="578"/>
      <c r="AX131" s="578"/>
      <c r="AY131" s="578"/>
      <c r="AZ131" s="578"/>
      <c r="BA131" s="578"/>
      <c r="BB131" s="578"/>
      <c r="BC131" s="578"/>
      <c r="BD131" s="578"/>
      <c r="BE131" s="578"/>
      <c r="BF131" s="578"/>
      <c r="BG131" s="578"/>
      <c r="BH131" s="578"/>
      <c r="BI131" s="53" t="s">
        <v>592</v>
      </c>
    </row>
    <row r="132" spans="1:61">
      <c r="A132" s="412"/>
      <c r="B132" s="413"/>
      <c r="C132" s="413"/>
      <c r="D132" s="413"/>
      <c r="E132" s="413"/>
      <c r="F132" s="413"/>
      <c r="G132" s="414"/>
      <c r="H132" s="38"/>
      <c r="I132" s="60"/>
      <c r="J132" s="60"/>
      <c r="K132" s="60"/>
      <c r="L132" s="60"/>
      <c r="M132" s="410"/>
      <c r="N132" s="411"/>
      <c r="O132" s="411"/>
      <c r="P132" s="411"/>
      <c r="Q132" s="411"/>
      <c r="R132" s="411"/>
      <c r="S132" s="411"/>
      <c r="T132" s="411"/>
      <c r="U132" s="411"/>
      <c r="V132" s="411"/>
      <c r="W132" s="40"/>
      <c r="X132" s="38"/>
      <c r="Y132" s="407" t="s">
        <v>168</v>
      </c>
      <c r="Z132" s="407"/>
      <c r="AA132" s="407"/>
      <c r="AB132" s="407"/>
      <c r="AC132" s="407"/>
      <c r="AD132" s="407"/>
      <c r="AE132" s="407"/>
      <c r="AF132" s="407"/>
      <c r="AG132" s="407"/>
      <c r="AH132" s="407"/>
      <c r="AI132" s="407"/>
      <c r="AJ132" s="407"/>
      <c r="AK132" s="407"/>
      <c r="AL132" s="407"/>
      <c r="AM132" s="407"/>
      <c r="AN132" s="407"/>
      <c r="AO132" s="407"/>
      <c r="AP132" s="407"/>
      <c r="AQ132" s="407"/>
      <c r="AR132" s="407"/>
      <c r="AS132" s="407"/>
      <c r="AT132" s="407"/>
      <c r="AU132" s="407"/>
      <c r="AV132" s="407"/>
      <c r="AW132" s="407"/>
      <c r="AX132" s="407"/>
      <c r="AY132" s="407"/>
      <c r="AZ132" s="407"/>
      <c r="BA132" s="407"/>
      <c r="BB132" s="407"/>
      <c r="BC132" s="407"/>
      <c r="BD132" s="407"/>
      <c r="BE132" s="407"/>
      <c r="BF132" s="407"/>
      <c r="BG132" s="407"/>
      <c r="BH132" s="407"/>
      <c r="BI132" s="53"/>
    </row>
    <row r="133" spans="1:61">
      <c r="A133" s="412"/>
      <c r="B133" s="413"/>
      <c r="C133" s="413"/>
      <c r="D133" s="413"/>
      <c r="E133" s="413"/>
      <c r="F133" s="413"/>
      <c r="G133" s="414"/>
      <c r="H133" s="38"/>
      <c r="I133" s="60"/>
      <c r="J133" s="60"/>
      <c r="K133" s="60"/>
      <c r="L133" s="60"/>
      <c r="M133" s="410"/>
      <c r="N133" s="411"/>
      <c r="O133" s="411"/>
      <c r="P133" s="411"/>
      <c r="Q133" s="411"/>
      <c r="R133" s="411"/>
      <c r="S133" s="411"/>
      <c r="T133" s="411"/>
      <c r="U133" s="411"/>
      <c r="V133" s="411"/>
      <c r="W133" s="40"/>
      <c r="X133" s="38"/>
      <c r="Y133" s="407" t="s">
        <v>167</v>
      </c>
      <c r="Z133" s="407"/>
      <c r="AA133" s="407"/>
      <c r="AB133" s="407"/>
      <c r="AC133" s="407"/>
      <c r="AD133" s="407"/>
      <c r="AE133" s="407"/>
      <c r="AF133" s="578"/>
      <c r="AG133" s="578"/>
      <c r="AH133" s="578"/>
      <c r="AI133" s="578"/>
      <c r="AJ133" s="578"/>
      <c r="AK133" s="578"/>
      <c r="AL133" s="578"/>
      <c r="AM133" s="578"/>
      <c r="AN133" s="578"/>
      <c r="AO133" s="578"/>
      <c r="AP133" s="578"/>
      <c r="AQ133" s="578"/>
      <c r="AR133" s="578"/>
      <c r="AS133" s="578"/>
      <c r="AT133" s="578"/>
      <c r="AU133" s="578"/>
      <c r="AV133" s="578"/>
      <c r="AW133" s="578"/>
      <c r="AX133" s="578"/>
      <c r="AY133" s="578"/>
      <c r="AZ133" s="578"/>
      <c r="BA133" s="578"/>
      <c r="BB133" s="578"/>
      <c r="BC133" s="578"/>
      <c r="BD133" s="578"/>
      <c r="BE133" s="578"/>
      <c r="BF133" s="578"/>
      <c r="BG133" s="578"/>
      <c r="BH133" s="578"/>
      <c r="BI133" s="53" t="s">
        <v>592</v>
      </c>
    </row>
    <row r="134" spans="1:61">
      <c r="A134" s="412"/>
      <c r="B134" s="413"/>
      <c r="C134" s="413"/>
      <c r="D134" s="413"/>
      <c r="E134" s="413"/>
      <c r="F134" s="413"/>
      <c r="G134" s="414"/>
      <c r="H134" s="38"/>
      <c r="I134" s="60"/>
      <c r="J134" s="60"/>
      <c r="K134" s="60"/>
      <c r="L134" s="60"/>
      <c r="M134" s="410"/>
      <c r="N134" s="411"/>
      <c r="O134" s="411"/>
      <c r="P134" s="411"/>
      <c r="Q134" s="411"/>
      <c r="R134" s="411"/>
      <c r="S134" s="411"/>
      <c r="T134" s="411"/>
      <c r="U134" s="411"/>
      <c r="V134" s="411"/>
      <c r="W134" s="40"/>
      <c r="X134" s="38"/>
      <c r="Y134" s="407" t="s">
        <v>169</v>
      </c>
      <c r="Z134" s="407"/>
      <c r="AA134" s="407"/>
      <c r="AB134" s="407"/>
      <c r="AC134" s="407"/>
      <c r="AD134" s="407"/>
      <c r="AE134" s="407"/>
      <c r="AF134" s="407"/>
      <c r="AG134" s="407"/>
      <c r="AH134" s="407"/>
      <c r="AI134" s="407"/>
      <c r="AJ134" s="407"/>
      <c r="AK134" s="407"/>
      <c r="AL134" s="407"/>
      <c r="AM134" s="407"/>
      <c r="AN134" s="407"/>
      <c r="AO134" s="407"/>
      <c r="AP134" s="407"/>
      <c r="AQ134" s="407"/>
      <c r="AR134" s="407"/>
      <c r="AS134" s="407"/>
      <c r="AT134" s="407"/>
      <c r="AU134" s="407"/>
      <c r="AV134" s="407"/>
      <c r="AW134" s="407"/>
      <c r="AX134" s="407"/>
      <c r="AY134" s="407"/>
      <c r="AZ134" s="407"/>
      <c r="BA134" s="407"/>
      <c r="BB134" s="407"/>
      <c r="BC134" s="407"/>
      <c r="BD134" s="407"/>
      <c r="BE134" s="407"/>
      <c r="BF134" s="407"/>
      <c r="BG134" s="407"/>
      <c r="BH134" s="407"/>
      <c r="BI134" s="53"/>
    </row>
    <row r="135" spans="1:61">
      <c r="A135" s="412"/>
      <c r="B135" s="413"/>
      <c r="C135" s="413"/>
      <c r="D135" s="413"/>
      <c r="E135" s="413"/>
      <c r="F135" s="413"/>
      <c r="G135" s="414"/>
      <c r="H135" s="38"/>
      <c r="I135" s="60" t="s">
        <v>25</v>
      </c>
      <c r="J135" s="60"/>
      <c r="K135" s="60"/>
      <c r="L135" s="60"/>
      <c r="M135" s="410"/>
      <c r="N135" s="411"/>
      <c r="O135" s="411"/>
      <c r="P135" s="411"/>
      <c r="Q135" s="411"/>
      <c r="R135" s="411"/>
      <c r="S135" s="411"/>
      <c r="T135" s="411"/>
      <c r="U135" s="411"/>
      <c r="V135" s="411"/>
      <c r="W135" s="40"/>
      <c r="X135" s="38"/>
      <c r="Y135" s="407" t="s">
        <v>25</v>
      </c>
      <c r="Z135" s="407"/>
      <c r="AA135" s="407"/>
      <c r="AB135" s="407" t="s">
        <v>591</v>
      </c>
      <c r="AC135" s="578"/>
      <c r="AD135" s="578"/>
      <c r="AE135" s="578"/>
      <c r="AF135" s="578"/>
      <c r="AG135" s="578"/>
      <c r="AH135" s="578"/>
      <c r="AI135" s="578"/>
      <c r="AJ135" s="578"/>
      <c r="AK135" s="578"/>
      <c r="AL135" s="578"/>
      <c r="AM135" s="578"/>
      <c r="AN135" s="578"/>
      <c r="AO135" s="578"/>
      <c r="AP135" s="578"/>
      <c r="AQ135" s="578"/>
      <c r="AR135" s="578"/>
      <c r="AS135" s="578"/>
      <c r="AT135" s="578"/>
      <c r="AU135" s="578"/>
      <c r="AV135" s="578"/>
      <c r="AW135" s="578"/>
      <c r="AX135" s="578"/>
      <c r="AY135" s="578"/>
      <c r="AZ135" s="578"/>
      <c r="BA135" s="578"/>
      <c r="BB135" s="578"/>
      <c r="BC135" s="578"/>
      <c r="BD135" s="578"/>
      <c r="BE135" s="578"/>
      <c r="BF135" s="578"/>
      <c r="BG135" s="578"/>
      <c r="BH135" s="578"/>
      <c r="BI135" s="53" t="s">
        <v>592</v>
      </c>
    </row>
    <row r="136" spans="1:61">
      <c r="A136" s="412"/>
      <c r="B136" s="413"/>
      <c r="C136" s="413"/>
      <c r="D136" s="413"/>
      <c r="E136" s="413"/>
      <c r="F136" s="413"/>
      <c r="G136" s="414"/>
      <c r="H136" s="38"/>
      <c r="I136" s="60"/>
      <c r="J136" s="60"/>
      <c r="K136" s="60"/>
      <c r="L136" s="60"/>
      <c r="M136" s="410"/>
      <c r="N136" s="411"/>
      <c r="O136" s="411"/>
      <c r="P136" s="411"/>
      <c r="Q136" s="411"/>
      <c r="R136" s="411"/>
      <c r="S136" s="411"/>
      <c r="T136" s="411"/>
      <c r="U136" s="411"/>
      <c r="V136" s="411"/>
      <c r="W136" s="40"/>
      <c r="X136" s="38"/>
      <c r="Y136" s="407"/>
      <c r="Z136" s="407"/>
      <c r="AA136" s="407"/>
      <c r="AB136" s="407"/>
      <c r="AC136" s="407"/>
      <c r="AD136" s="407"/>
      <c r="AE136" s="407"/>
      <c r="AF136" s="407"/>
      <c r="AG136" s="407"/>
      <c r="AH136" s="407"/>
      <c r="AI136" s="407"/>
      <c r="AJ136" s="407"/>
      <c r="AK136" s="407"/>
      <c r="AL136" s="407"/>
      <c r="AM136" s="407"/>
      <c r="AN136" s="407"/>
      <c r="AO136" s="407"/>
      <c r="AP136" s="407"/>
      <c r="AQ136" s="407"/>
      <c r="AR136" s="407"/>
      <c r="AS136" s="407"/>
      <c r="AT136" s="407"/>
      <c r="AU136" s="407"/>
      <c r="AV136" s="407"/>
      <c r="AW136" s="407"/>
      <c r="AX136" s="407"/>
      <c r="AY136" s="407"/>
      <c r="AZ136" s="407"/>
      <c r="BA136" s="407"/>
      <c r="BB136" s="407"/>
      <c r="BC136" s="407"/>
      <c r="BD136" s="407"/>
      <c r="BE136" s="407"/>
      <c r="BF136" s="407"/>
      <c r="BG136" s="407"/>
      <c r="BH136" s="407"/>
      <c r="BI136" s="53"/>
    </row>
    <row r="137" spans="1:61">
      <c r="A137" s="42"/>
      <c r="B137" s="43"/>
      <c r="C137" s="43"/>
      <c r="D137" s="43"/>
      <c r="E137" s="43"/>
      <c r="F137" s="43"/>
      <c r="G137" s="44"/>
      <c r="H137" s="55"/>
      <c r="I137" s="64"/>
      <c r="J137" s="64"/>
      <c r="K137" s="64"/>
      <c r="L137" s="64"/>
      <c r="M137" s="69"/>
      <c r="N137" s="70"/>
      <c r="O137" s="70"/>
      <c r="P137" s="70"/>
      <c r="Q137" s="70"/>
      <c r="R137" s="70"/>
      <c r="S137" s="70"/>
      <c r="T137" s="70"/>
      <c r="U137" s="70"/>
      <c r="V137" s="70"/>
      <c r="W137" s="57"/>
      <c r="X137" s="55"/>
      <c r="Y137" s="56"/>
      <c r="Z137" s="56"/>
      <c r="AA137" s="56"/>
      <c r="AB137" s="56"/>
      <c r="AC137" s="56"/>
      <c r="AD137" s="56"/>
      <c r="AE137" s="56"/>
      <c r="AF137" s="56"/>
      <c r="AG137" s="56"/>
      <c r="AH137" s="56"/>
      <c r="AI137" s="56"/>
      <c r="AJ137" s="56"/>
      <c r="AK137" s="56"/>
      <c r="AL137" s="56"/>
      <c r="AM137" s="56"/>
      <c r="AN137" s="56"/>
      <c r="AO137" s="56"/>
      <c r="AP137" s="56"/>
      <c r="AQ137" s="56"/>
      <c r="AR137" s="56"/>
      <c r="AS137" s="56"/>
      <c r="AT137" s="56"/>
      <c r="AU137" s="56"/>
      <c r="AV137" s="56"/>
      <c r="AW137" s="56"/>
      <c r="AX137" s="56"/>
      <c r="AY137" s="56"/>
      <c r="AZ137" s="56"/>
      <c r="BA137" s="56"/>
      <c r="BB137" s="56"/>
      <c r="BC137" s="56"/>
      <c r="BD137" s="56"/>
      <c r="BE137" s="56"/>
      <c r="BF137" s="56"/>
      <c r="BG137" s="56"/>
      <c r="BH137" s="56"/>
      <c r="BI137" s="57"/>
    </row>
    <row r="138" spans="1:61">
      <c r="A138" s="583" t="s">
        <v>25</v>
      </c>
      <c r="B138" s="584"/>
      <c r="C138" s="584"/>
      <c r="D138" s="584"/>
      <c r="E138" s="584"/>
      <c r="F138" s="584"/>
      <c r="G138" s="585"/>
      <c r="H138" s="38"/>
      <c r="I138" s="60" t="s">
        <v>170</v>
      </c>
      <c r="J138" s="60"/>
      <c r="K138" s="60"/>
      <c r="L138" s="60"/>
      <c r="M138" s="410"/>
      <c r="N138" s="411"/>
      <c r="O138" s="411"/>
      <c r="P138" s="411"/>
      <c r="Q138" s="411"/>
      <c r="R138" s="411"/>
      <c r="S138" s="411"/>
      <c r="T138" s="411"/>
      <c r="U138" s="411"/>
      <c r="V138" s="411"/>
      <c r="W138" s="40"/>
      <c r="X138" s="38"/>
      <c r="Y138" s="407" t="s">
        <v>171</v>
      </c>
      <c r="Z138" s="407"/>
      <c r="AA138" s="407"/>
      <c r="AB138" s="407"/>
      <c r="AC138" s="407" t="s">
        <v>591</v>
      </c>
      <c r="AD138" s="590"/>
      <c r="AE138" s="590"/>
      <c r="AF138" s="590"/>
      <c r="AG138" s="590"/>
      <c r="AH138" s="590"/>
      <c r="AI138" s="590"/>
      <c r="AJ138" s="590"/>
      <c r="AK138" s="590"/>
      <c r="AL138" s="590"/>
      <c r="AM138" s="590"/>
      <c r="AN138" s="590"/>
      <c r="AO138" s="407" t="s">
        <v>592</v>
      </c>
      <c r="AP138" s="407"/>
      <c r="AQ138" s="407" t="s">
        <v>172</v>
      </c>
      <c r="AR138" s="407"/>
      <c r="AS138" s="407" t="s">
        <v>593</v>
      </c>
      <c r="AT138" s="591"/>
      <c r="AU138" s="592"/>
      <c r="AV138" s="592"/>
      <c r="AW138" s="592"/>
      <c r="AX138" s="592"/>
      <c r="AY138" s="592"/>
      <c r="AZ138" s="592"/>
      <c r="BA138" s="592"/>
      <c r="BB138" s="592"/>
      <c r="BC138" s="592"/>
      <c r="BD138" s="592"/>
      <c r="BE138" s="592"/>
      <c r="BF138" s="592"/>
      <c r="BG138" s="592"/>
      <c r="BH138" s="593"/>
      <c r="BI138" s="53" t="s">
        <v>594</v>
      </c>
    </row>
    <row r="139" spans="1:61">
      <c r="A139" s="412"/>
      <c r="B139" s="413"/>
      <c r="C139" s="413"/>
      <c r="D139" s="413"/>
      <c r="E139" s="413"/>
      <c r="F139" s="413"/>
      <c r="G139" s="414"/>
      <c r="H139" s="38"/>
      <c r="I139" s="60"/>
      <c r="J139" s="60"/>
      <c r="K139" s="60"/>
      <c r="L139" s="60"/>
      <c r="M139" s="410"/>
      <c r="N139" s="411"/>
      <c r="O139" s="411"/>
      <c r="P139" s="411"/>
      <c r="Q139" s="411"/>
      <c r="R139" s="411"/>
      <c r="S139" s="411"/>
      <c r="T139" s="411"/>
      <c r="U139" s="411"/>
      <c r="V139" s="411"/>
      <c r="W139" s="40"/>
      <c r="X139" s="38"/>
      <c r="Y139" s="407" t="s">
        <v>25</v>
      </c>
      <c r="Z139" s="407"/>
      <c r="AA139" s="407"/>
      <c r="AB139" s="407" t="s">
        <v>593</v>
      </c>
      <c r="AC139" s="578"/>
      <c r="AD139" s="578"/>
      <c r="AE139" s="578"/>
      <c r="AF139" s="578"/>
      <c r="AG139" s="578"/>
      <c r="AH139" s="578"/>
      <c r="AI139" s="578"/>
      <c r="AJ139" s="578"/>
      <c r="AK139" s="578"/>
      <c r="AL139" s="578"/>
      <c r="AM139" s="578"/>
      <c r="AN139" s="578"/>
      <c r="AO139" s="578"/>
      <c r="AP139" s="578"/>
      <c r="AQ139" s="578"/>
      <c r="AR139" s="578"/>
      <c r="AS139" s="578"/>
      <c r="AT139" s="578"/>
      <c r="AU139" s="578"/>
      <c r="AV139" s="578"/>
      <c r="AW139" s="578"/>
      <c r="AX139" s="578"/>
      <c r="AY139" s="578"/>
      <c r="AZ139" s="578"/>
      <c r="BA139" s="578"/>
      <c r="BB139" s="578"/>
      <c r="BC139" s="578"/>
      <c r="BD139" s="578"/>
      <c r="BE139" s="578"/>
      <c r="BF139" s="578"/>
      <c r="BG139" s="578"/>
      <c r="BH139" s="578"/>
      <c r="BI139" s="53" t="s">
        <v>594</v>
      </c>
    </row>
    <row r="140" spans="1:61">
      <c r="A140" s="412"/>
      <c r="B140" s="413"/>
      <c r="C140" s="413"/>
      <c r="D140" s="413"/>
      <c r="E140" s="413"/>
      <c r="F140" s="413"/>
      <c r="G140" s="414"/>
      <c r="H140" s="38"/>
      <c r="I140" s="60" t="s">
        <v>173</v>
      </c>
      <c r="J140" s="60"/>
      <c r="K140" s="60"/>
      <c r="L140" s="60"/>
      <c r="M140" s="410"/>
      <c r="N140" s="411"/>
      <c r="O140" s="411"/>
      <c r="P140" s="411"/>
      <c r="Q140" s="411"/>
      <c r="R140" s="411"/>
      <c r="S140" s="411"/>
      <c r="T140" s="411"/>
      <c r="U140" s="411"/>
      <c r="V140" s="411"/>
      <c r="W140" s="40"/>
      <c r="X140" s="38"/>
      <c r="Y140" s="407" t="s">
        <v>595</v>
      </c>
      <c r="Z140" s="407"/>
      <c r="AA140" s="407"/>
      <c r="AB140" s="406"/>
      <c r="AC140" s="406"/>
      <c r="AD140" s="406"/>
      <c r="AE140" s="406"/>
      <c r="AF140" s="406"/>
      <c r="AG140" s="406"/>
      <c r="AH140" s="406"/>
      <c r="AI140" s="406"/>
      <c r="AJ140" s="406"/>
      <c r="AK140" s="406"/>
      <c r="AL140" s="407"/>
      <c r="AM140" s="407"/>
      <c r="AN140" s="407"/>
      <c r="AO140" s="407"/>
      <c r="AP140" s="578"/>
      <c r="AQ140" s="578"/>
      <c r="AR140" s="578"/>
      <c r="AS140" s="407"/>
      <c r="AT140" s="407"/>
      <c r="AU140" s="407"/>
      <c r="AV140" s="407"/>
      <c r="AW140" s="407"/>
      <c r="AX140" s="407"/>
      <c r="AY140" s="578"/>
      <c r="AZ140" s="578"/>
      <c r="BA140" s="578"/>
      <c r="BB140" s="578"/>
      <c r="BC140" s="578"/>
      <c r="BD140" s="578"/>
      <c r="BE140" s="578"/>
      <c r="BF140" s="578"/>
      <c r="BG140" s="578"/>
      <c r="BH140" s="578"/>
      <c r="BI140" s="53"/>
    </row>
    <row r="141" spans="1:61">
      <c r="A141" s="412"/>
      <c r="B141" s="413"/>
      <c r="C141" s="413"/>
      <c r="D141" s="413"/>
      <c r="E141" s="413"/>
      <c r="F141" s="413"/>
      <c r="G141" s="414"/>
      <c r="H141" s="38"/>
      <c r="I141" s="60"/>
      <c r="J141" s="60"/>
      <c r="K141" s="60"/>
      <c r="L141" s="60"/>
      <c r="M141" s="410"/>
      <c r="N141" s="411"/>
      <c r="O141" s="411"/>
      <c r="P141" s="411"/>
      <c r="Q141" s="411"/>
      <c r="R141" s="411"/>
      <c r="S141" s="411"/>
      <c r="T141" s="411"/>
      <c r="U141" s="411"/>
      <c r="V141" s="411"/>
      <c r="W141" s="40"/>
      <c r="X141" s="38"/>
      <c r="Y141" s="407"/>
      <c r="Z141" s="407" t="s">
        <v>596</v>
      </c>
      <c r="AA141" s="407"/>
      <c r="AB141" s="407"/>
      <c r="AC141" s="406"/>
      <c r="AD141" s="406"/>
      <c r="AF141" s="407" t="s">
        <v>597</v>
      </c>
      <c r="AG141" s="406"/>
      <c r="AH141" s="406"/>
      <c r="AI141" s="406"/>
      <c r="AJ141" s="406"/>
      <c r="AL141" s="407"/>
      <c r="AM141" s="407" t="s">
        <v>598</v>
      </c>
      <c r="AN141" s="407"/>
      <c r="AO141" s="407"/>
      <c r="AP141" s="407" t="s">
        <v>593</v>
      </c>
      <c r="AQ141" s="407"/>
      <c r="AR141" s="407"/>
      <c r="AT141" s="578"/>
      <c r="AU141" s="578"/>
      <c r="AV141" s="578"/>
      <c r="AW141" s="578"/>
      <c r="AX141" s="578"/>
      <c r="AY141" s="578"/>
      <c r="AZ141" s="578"/>
      <c r="BA141" s="578"/>
      <c r="BB141" s="578"/>
      <c r="BC141" s="578"/>
      <c r="BD141" s="578"/>
      <c r="BE141" s="578"/>
      <c r="BF141" s="578"/>
      <c r="BG141" s="578"/>
      <c r="BH141" s="578"/>
      <c r="BI141" s="53" t="s">
        <v>594</v>
      </c>
    </row>
    <row r="142" spans="1:61">
      <c r="A142" s="412"/>
      <c r="B142" s="413"/>
      <c r="C142" s="413"/>
      <c r="D142" s="413"/>
      <c r="E142" s="413"/>
      <c r="F142" s="413"/>
      <c r="G142" s="414"/>
      <c r="H142" s="38"/>
      <c r="I142" s="60"/>
      <c r="J142" s="60"/>
      <c r="K142" s="60"/>
      <c r="L142" s="60"/>
      <c r="M142" s="410"/>
      <c r="N142" s="411"/>
      <c r="O142" s="411"/>
      <c r="P142" s="411"/>
      <c r="Q142" s="411"/>
      <c r="R142" s="411"/>
      <c r="S142" s="411"/>
      <c r="T142" s="411"/>
      <c r="U142" s="411"/>
      <c r="V142" s="411"/>
      <c r="W142" s="40"/>
      <c r="X142" s="38"/>
      <c r="Y142" s="407" t="s">
        <v>599</v>
      </c>
      <c r="Z142" s="589">
        <v>8.0299999999999994</v>
      </c>
      <c r="AA142" s="589"/>
      <c r="AB142" s="407" t="s">
        <v>600</v>
      </c>
      <c r="AC142" s="406"/>
      <c r="AD142" s="39"/>
      <c r="AE142" s="407" t="s">
        <v>599</v>
      </c>
      <c r="AF142" s="589">
        <v>170</v>
      </c>
      <c r="AG142" s="589"/>
      <c r="AH142" s="407" t="s">
        <v>601</v>
      </c>
      <c r="AI142" s="406"/>
      <c r="AJ142" s="406"/>
      <c r="AL142" s="407" t="s">
        <v>599</v>
      </c>
      <c r="AM142" s="589"/>
      <c r="AN142" s="589"/>
      <c r="AO142" s="407" t="s">
        <v>601</v>
      </c>
      <c r="AP142" s="406"/>
      <c r="AQ142" s="407"/>
      <c r="AR142" s="407"/>
      <c r="AT142" s="406"/>
      <c r="AU142" s="406"/>
      <c r="AV142" s="406"/>
      <c r="AW142" s="406"/>
      <c r="AX142" s="406"/>
      <c r="AY142" s="406"/>
      <c r="AZ142" s="406"/>
      <c r="BA142" s="406"/>
      <c r="BB142" s="406"/>
      <c r="BC142" s="406"/>
      <c r="BD142" s="406"/>
      <c r="BE142" s="406"/>
      <c r="BF142" s="406"/>
      <c r="BG142" s="406"/>
      <c r="BH142" s="406"/>
      <c r="BI142" s="53"/>
    </row>
    <row r="143" spans="1:61">
      <c r="A143" s="412"/>
      <c r="B143" s="413"/>
      <c r="C143" s="413"/>
      <c r="D143" s="413"/>
      <c r="E143" s="413"/>
      <c r="F143" s="413"/>
      <c r="G143" s="414"/>
      <c r="H143" s="38"/>
      <c r="I143" s="60"/>
      <c r="J143" s="60"/>
      <c r="K143" s="60"/>
      <c r="L143" s="60"/>
      <c r="M143" s="410"/>
      <c r="N143" s="411"/>
      <c r="O143" s="411"/>
      <c r="P143" s="411"/>
      <c r="Q143" s="411"/>
      <c r="R143" s="411"/>
      <c r="S143" s="411"/>
      <c r="T143" s="411"/>
      <c r="U143" s="411"/>
      <c r="V143" s="411"/>
      <c r="W143" s="40"/>
      <c r="X143" s="38"/>
      <c r="Y143" s="407"/>
      <c r="Z143" s="407"/>
      <c r="AA143" s="407"/>
      <c r="AB143" s="407"/>
      <c r="AC143" s="406"/>
      <c r="AD143" s="406"/>
      <c r="AE143" s="406"/>
      <c r="AF143" s="406"/>
      <c r="AG143" s="406"/>
      <c r="AH143" s="406"/>
      <c r="AI143" s="406"/>
      <c r="AJ143" s="406"/>
      <c r="AK143" s="406"/>
      <c r="AL143" s="406"/>
      <c r="AM143" s="406"/>
      <c r="AN143" s="406"/>
      <c r="AO143" s="406"/>
      <c r="AP143" s="406"/>
      <c r="AQ143" s="406"/>
      <c r="AR143" s="406"/>
      <c r="AS143" s="406"/>
      <c r="AT143" s="406"/>
      <c r="AU143" s="406"/>
      <c r="AV143" s="406"/>
      <c r="AW143" s="406"/>
      <c r="AX143" s="406"/>
      <c r="AY143" s="406"/>
      <c r="AZ143" s="406"/>
      <c r="BA143" s="406"/>
      <c r="BB143" s="406"/>
      <c r="BC143" s="406"/>
      <c r="BD143" s="406"/>
      <c r="BE143" s="406"/>
      <c r="BF143" s="406"/>
      <c r="BG143" s="406"/>
      <c r="BH143" s="406"/>
      <c r="BI143" s="53"/>
    </row>
    <row r="144" spans="1:61">
      <c r="A144" s="412"/>
      <c r="B144" s="413"/>
      <c r="C144" s="413"/>
      <c r="D144" s="413"/>
      <c r="E144" s="413"/>
      <c r="F144" s="413"/>
      <c r="G144" s="414"/>
      <c r="H144" s="38"/>
      <c r="I144" s="60" t="s">
        <v>176</v>
      </c>
      <c r="J144" s="60"/>
      <c r="K144" s="60"/>
      <c r="L144" s="60"/>
      <c r="M144" s="410"/>
      <c r="N144" s="411"/>
      <c r="O144" s="411"/>
      <c r="P144" s="411"/>
      <c r="Q144" s="411"/>
      <c r="R144" s="411"/>
      <c r="S144" s="411"/>
      <c r="T144" s="411"/>
      <c r="U144" s="411"/>
      <c r="V144" s="411"/>
      <c r="W144" s="40"/>
      <c r="X144" s="38"/>
      <c r="Y144" s="407" t="s">
        <v>174</v>
      </c>
      <c r="Z144" s="407"/>
      <c r="AA144" s="407" t="s">
        <v>593</v>
      </c>
      <c r="AB144" s="578"/>
      <c r="AC144" s="578"/>
      <c r="AD144" s="578"/>
      <c r="AE144" s="578"/>
      <c r="AF144" s="578"/>
      <c r="AG144" s="578"/>
      <c r="AH144" s="578"/>
      <c r="AI144" s="578"/>
      <c r="AJ144" s="578"/>
      <c r="AK144" s="578"/>
      <c r="AL144" s="407" t="s">
        <v>594</v>
      </c>
      <c r="AM144" s="407" t="s">
        <v>175</v>
      </c>
      <c r="AN144" s="407"/>
      <c r="AO144" s="407" t="s">
        <v>593</v>
      </c>
      <c r="AP144" s="578"/>
      <c r="AQ144" s="578"/>
      <c r="AR144" s="578"/>
      <c r="AS144" s="407" t="s">
        <v>594</v>
      </c>
      <c r="AT144" s="407" t="s">
        <v>177</v>
      </c>
      <c r="AU144" s="407"/>
      <c r="AV144" s="407"/>
      <c r="AW144" s="407"/>
      <c r="AX144" s="407" t="s">
        <v>593</v>
      </c>
      <c r="AY144" s="578"/>
      <c r="AZ144" s="578"/>
      <c r="BA144" s="578"/>
      <c r="BB144" s="578"/>
      <c r="BC144" s="578"/>
      <c r="BD144" s="578"/>
      <c r="BE144" s="578"/>
      <c r="BF144" s="578"/>
      <c r="BG144" s="578"/>
      <c r="BH144" s="578"/>
      <c r="BI144" s="53" t="s">
        <v>594</v>
      </c>
    </row>
    <row r="145" spans="1:61">
      <c r="A145" s="412"/>
      <c r="B145" s="413"/>
      <c r="C145" s="413"/>
      <c r="D145" s="413"/>
      <c r="E145" s="413"/>
      <c r="F145" s="413"/>
      <c r="G145" s="414"/>
      <c r="H145" s="38"/>
      <c r="I145" s="60"/>
      <c r="J145" s="60"/>
      <c r="K145" s="60"/>
      <c r="L145" s="60"/>
      <c r="M145" s="410"/>
      <c r="N145" s="411"/>
      <c r="O145" s="411"/>
      <c r="P145" s="411"/>
      <c r="Q145" s="411"/>
      <c r="R145" s="411"/>
      <c r="S145" s="411"/>
      <c r="T145" s="411"/>
      <c r="U145" s="411"/>
      <c r="V145" s="411"/>
      <c r="W145" s="40"/>
      <c r="X145" s="38"/>
      <c r="Y145" s="407" t="s">
        <v>178</v>
      </c>
      <c r="Z145" s="407"/>
      <c r="AA145" s="407" t="s">
        <v>179</v>
      </c>
      <c r="AB145" s="407"/>
      <c r="AC145" s="407"/>
      <c r="AD145" s="407"/>
      <c r="AE145" s="407" t="s">
        <v>61</v>
      </c>
      <c r="AF145" s="578"/>
      <c r="AG145" s="578"/>
      <c r="AH145" s="407" t="s">
        <v>180</v>
      </c>
      <c r="AI145" s="578"/>
      <c r="AJ145" s="578"/>
      <c r="AK145" s="407" t="s">
        <v>181</v>
      </c>
      <c r="AL145" s="407" t="s">
        <v>602</v>
      </c>
      <c r="AM145" s="407" t="s">
        <v>25</v>
      </c>
      <c r="AN145" s="407"/>
      <c r="AO145" s="407"/>
      <c r="AP145" s="407" t="s">
        <v>603</v>
      </c>
      <c r="AQ145" s="578" t="s">
        <v>182</v>
      </c>
      <c r="AR145" s="578"/>
      <c r="AS145" s="578"/>
      <c r="AT145" s="578"/>
      <c r="AU145" s="578"/>
      <c r="AV145" s="578"/>
      <c r="AW145" s="578"/>
      <c r="AX145" s="578"/>
      <c r="AY145" s="578"/>
      <c r="AZ145" s="578"/>
      <c r="BA145" s="578"/>
      <c r="BB145" s="578"/>
      <c r="BC145" s="578"/>
      <c r="BD145" s="578"/>
      <c r="BE145" s="578"/>
      <c r="BF145" s="578"/>
      <c r="BG145" s="578"/>
      <c r="BH145" s="578"/>
      <c r="BI145" s="53" t="s">
        <v>602</v>
      </c>
    </row>
    <row r="146" spans="1:61">
      <c r="A146" s="412"/>
      <c r="B146" s="413"/>
      <c r="C146" s="413"/>
      <c r="D146" s="413"/>
      <c r="E146" s="413"/>
      <c r="F146" s="413"/>
      <c r="G146" s="414"/>
      <c r="H146" s="38"/>
      <c r="I146" s="60" t="s">
        <v>183</v>
      </c>
      <c r="J146" s="60"/>
      <c r="K146" s="60"/>
      <c r="L146" s="60"/>
      <c r="M146" s="410"/>
      <c r="N146" s="411"/>
      <c r="O146" s="411"/>
      <c r="P146" s="411"/>
      <c r="Q146" s="411"/>
      <c r="R146" s="411"/>
      <c r="S146" s="411"/>
      <c r="T146" s="411"/>
      <c r="U146" s="411"/>
      <c r="V146" s="411"/>
      <c r="W146" s="40"/>
      <c r="X146" s="38"/>
      <c r="Y146" s="407" t="s">
        <v>184</v>
      </c>
      <c r="Z146" s="407"/>
      <c r="AA146" s="407"/>
      <c r="AB146" s="407"/>
      <c r="AC146" s="407" t="s">
        <v>603</v>
      </c>
      <c r="AD146" s="407"/>
      <c r="AE146" s="407" t="s">
        <v>185</v>
      </c>
      <c r="AF146" s="407"/>
      <c r="AG146" s="407"/>
      <c r="AH146" s="407"/>
      <c r="AI146" s="407"/>
      <c r="AJ146" s="407"/>
      <c r="AK146" s="407"/>
      <c r="AL146" s="407" t="s">
        <v>186</v>
      </c>
      <c r="AM146" s="407"/>
      <c r="AN146" s="407"/>
      <c r="AO146" s="407"/>
      <c r="AP146" s="407"/>
      <c r="AQ146" s="407"/>
      <c r="AR146" s="407"/>
      <c r="AS146" s="407"/>
      <c r="AT146" s="407" t="s">
        <v>52</v>
      </c>
      <c r="AU146" s="407"/>
      <c r="AV146" s="407"/>
      <c r="AW146" s="407"/>
      <c r="AX146" s="407"/>
      <c r="AY146" s="407" t="s">
        <v>25</v>
      </c>
      <c r="AZ146" s="407"/>
      <c r="BA146" s="407"/>
      <c r="BB146" s="407" t="s">
        <v>603</v>
      </c>
      <c r="BC146" s="407"/>
      <c r="BD146" s="407"/>
      <c r="BE146" s="407"/>
      <c r="BF146" s="407"/>
      <c r="BG146" s="407"/>
      <c r="BH146" s="407"/>
      <c r="BI146" s="53" t="s">
        <v>602</v>
      </c>
    </row>
    <row r="147" spans="1:61">
      <c r="A147" s="412"/>
      <c r="B147" s="413"/>
      <c r="C147" s="413"/>
      <c r="D147" s="413"/>
      <c r="E147" s="413"/>
      <c r="F147" s="413"/>
      <c r="G147" s="414"/>
      <c r="H147" s="38"/>
      <c r="I147" s="60"/>
      <c r="J147" s="60"/>
      <c r="K147" s="60"/>
      <c r="L147" s="60"/>
      <c r="M147" s="410"/>
      <c r="N147" s="411"/>
      <c r="O147" s="411"/>
      <c r="P147" s="411"/>
      <c r="Q147" s="411"/>
      <c r="R147" s="411"/>
      <c r="S147" s="411"/>
      <c r="T147" s="411"/>
      <c r="U147" s="411"/>
      <c r="V147" s="411"/>
      <c r="W147" s="40"/>
      <c r="X147" s="38"/>
      <c r="Y147" s="407" t="s">
        <v>177</v>
      </c>
      <c r="Z147" s="407"/>
      <c r="AA147" s="407"/>
      <c r="AB147" s="407"/>
      <c r="AC147" s="407" t="s">
        <v>603</v>
      </c>
      <c r="AD147" s="407"/>
      <c r="AE147" s="407" t="s">
        <v>120</v>
      </c>
      <c r="AF147" s="407"/>
      <c r="AG147" s="407"/>
      <c r="AH147" s="407"/>
      <c r="AI147" s="407"/>
      <c r="AJ147" s="407"/>
      <c r="AK147" s="407"/>
      <c r="AL147" s="407" t="s">
        <v>52</v>
      </c>
      <c r="AM147" s="407"/>
      <c r="AN147" s="407"/>
      <c r="AO147" s="407"/>
      <c r="AP147" s="407"/>
      <c r="AQ147" s="407"/>
      <c r="AR147" s="407" t="s">
        <v>25</v>
      </c>
      <c r="AS147" s="407"/>
      <c r="AT147" s="407"/>
      <c r="AU147" s="407" t="s">
        <v>603</v>
      </c>
      <c r="AV147" s="578"/>
      <c r="AW147" s="578"/>
      <c r="AX147" s="578"/>
      <c r="AY147" s="578"/>
      <c r="AZ147" s="578"/>
      <c r="BA147" s="578"/>
      <c r="BB147" s="578"/>
      <c r="BC147" s="578"/>
      <c r="BD147" s="578"/>
      <c r="BE147" s="578"/>
      <c r="BF147" s="578"/>
      <c r="BG147" s="578"/>
      <c r="BH147" s="578"/>
      <c r="BI147" s="53" t="s">
        <v>602</v>
      </c>
    </row>
    <row r="148" spans="1:61">
      <c r="A148" s="412"/>
      <c r="B148" s="413"/>
      <c r="C148" s="413"/>
      <c r="D148" s="413"/>
      <c r="E148" s="413"/>
      <c r="F148" s="413"/>
      <c r="G148" s="414"/>
      <c r="H148" s="38"/>
      <c r="I148" s="60"/>
      <c r="J148" s="60"/>
      <c r="K148" s="60"/>
      <c r="L148" s="60"/>
      <c r="M148" s="410"/>
      <c r="N148" s="411"/>
      <c r="O148" s="411"/>
      <c r="P148" s="411"/>
      <c r="Q148" s="411"/>
      <c r="R148" s="411"/>
      <c r="S148" s="411"/>
      <c r="T148" s="411"/>
      <c r="U148" s="411"/>
      <c r="V148" s="411"/>
      <c r="W148" s="40"/>
      <c r="X148" s="38"/>
      <c r="Y148" s="407" t="s">
        <v>175</v>
      </c>
      <c r="Z148" s="407"/>
      <c r="AA148" s="407" t="s">
        <v>603</v>
      </c>
      <c r="AB148" s="578"/>
      <c r="AC148" s="578"/>
      <c r="AD148" s="578"/>
      <c r="AE148" s="578"/>
      <c r="AF148" s="578"/>
      <c r="AG148" s="578"/>
      <c r="AH148" s="407" t="s">
        <v>602</v>
      </c>
      <c r="AI148" s="407"/>
      <c r="AJ148" s="407" t="s">
        <v>119</v>
      </c>
      <c r="AK148" s="407"/>
      <c r="AL148" s="407"/>
      <c r="AM148" s="407"/>
      <c r="AN148" s="407" t="s">
        <v>604</v>
      </c>
      <c r="AO148" s="407"/>
      <c r="AP148" s="579"/>
      <c r="AQ148" s="579"/>
      <c r="AR148" s="579"/>
      <c r="AS148" s="407" t="s">
        <v>605</v>
      </c>
      <c r="AT148" s="407"/>
      <c r="AU148" s="407"/>
      <c r="AV148" s="407"/>
      <c r="AW148" s="407"/>
      <c r="AX148" s="407"/>
      <c r="AY148" s="407"/>
      <c r="AZ148" s="407"/>
      <c r="BA148" s="407"/>
      <c r="BB148" s="407"/>
      <c r="BC148" s="407"/>
      <c r="BD148" s="407"/>
      <c r="BE148" s="407"/>
      <c r="BF148" s="407"/>
      <c r="BG148" s="407"/>
      <c r="BH148" s="407"/>
      <c r="BI148" s="53"/>
    </row>
    <row r="149" spans="1:61">
      <c r="A149" s="412"/>
      <c r="B149" s="413"/>
      <c r="C149" s="413"/>
      <c r="D149" s="413"/>
      <c r="E149" s="413"/>
      <c r="F149" s="413"/>
      <c r="G149" s="414"/>
      <c r="H149" s="38"/>
      <c r="I149" s="39" t="s">
        <v>25</v>
      </c>
      <c r="J149" s="39"/>
      <c r="K149" s="39"/>
      <c r="L149" s="39" t="s">
        <v>603</v>
      </c>
      <c r="M149" s="578" t="s">
        <v>187</v>
      </c>
      <c r="N149" s="578"/>
      <c r="O149" s="578"/>
      <c r="P149" s="578"/>
      <c r="Q149" s="578"/>
      <c r="R149" s="578"/>
      <c r="S149" s="578"/>
      <c r="T149" s="578"/>
      <c r="U149" s="578"/>
      <c r="V149" s="578"/>
      <c r="W149" s="40" t="s">
        <v>602</v>
      </c>
      <c r="X149" s="38"/>
      <c r="Y149" s="407" t="s">
        <v>25</v>
      </c>
      <c r="Z149" s="407"/>
      <c r="AA149" s="407"/>
      <c r="AB149" s="580" t="s">
        <v>606</v>
      </c>
      <c r="AC149" s="581"/>
      <c r="AD149" s="581"/>
      <c r="AE149" s="581"/>
      <c r="AF149" s="581"/>
      <c r="AG149" s="581"/>
      <c r="AH149" s="581"/>
      <c r="AI149" s="581"/>
      <c r="AJ149" s="581"/>
      <c r="AK149" s="581"/>
      <c r="AL149" s="581"/>
      <c r="AM149" s="581"/>
      <c r="AN149" s="581"/>
      <c r="AO149" s="581"/>
      <c r="AP149" s="581"/>
      <c r="AQ149" s="581"/>
      <c r="AR149" s="581"/>
      <c r="AS149" s="581"/>
      <c r="AT149" s="581"/>
      <c r="AU149" s="581"/>
      <c r="AV149" s="581"/>
      <c r="AW149" s="581"/>
      <c r="AX149" s="581"/>
      <c r="AY149" s="581"/>
      <c r="AZ149" s="581"/>
      <c r="BA149" s="581"/>
      <c r="BB149" s="581"/>
      <c r="BC149" s="581"/>
      <c r="BD149" s="581"/>
      <c r="BE149" s="581"/>
      <c r="BF149" s="581"/>
      <c r="BG149" s="581"/>
      <c r="BH149" s="581"/>
      <c r="BI149" s="582"/>
    </row>
    <row r="150" spans="1:61">
      <c r="A150" s="412"/>
      <c r="B150" s="413"/>
      <c r="C150" s="413"/>
      <c r="D150" s="413"/>
      <c r="E150" s="413"/>
      <c r="F150" s="413"/>
      <c r="G150" s="414"/>
      <c r="H150" s="38"/>
      <c r="I150" s="39"/>
      <c r="J150" s="39"/>
      <c r="K150" s="39"/>
      <c r="L150" s="39"/>
      <c r="M150" s="39"/>
      <c r="N150" s="39"/>
      <c r="O150" s="39"/>
      <c r="P150" s="39"/>
      <c r="Q150" s="39"/>
      <c r="R150" s="39"/>
      <c r="S150" s="39"/>
      <c r="T150" s="39"/>
      <c r="U150" s="39"/>
      <c r="V150" s="39"/>
      <c r="W150" s="40"/>
      <c r="X150" s="38"/>
      <c r="Y150" s="407"/>
      <c r="Z150" s="407"/>
      <c r="AA150" s="407"/>
      <c r="AB150" s="581"/>
      <c r="AC150" s="581"/>
      <c r="AD150" s="581"/>
      <c r="AE150" s="581"/>
      <c r="AF150" s="581"/>
      <c r="AG150" s="581"/>
      <c r="AH150" s="581"/>
      <c r="AI150" s="581"/>
      <c r="AJ150" s="581"/>
      <c r="AK150" s="581"/>
      <c r="AL150" s="581"/>
      <c r="AM150" s="581"/>
      <c r="AN150" s="581"/>
      <c r="AO150" s="581"/>
      <c r="AP150" s="581"/>
      <c r="AQ150" s="581"/>
      <c r="AR150" s="581"/>
      <c r="AS150" s="581"/>
      <c r="AT150" s="581"/>
      <c r="AU150" s="581"/>
      <c r="AV150" s="581"/>
      <c r="AW150" s="581"/>
      <c r="AX150" s="581"/>
      <c r="AY150" s="581"/>
      <c r="AZ150" s="581"/>
      <c r="BA150" s="581"/>
      <c r="BB150" s="581"/>
      <c r="BC150" s="581"/>
      <c r="BD150" s="581"/>
      <c r="BE150" s="581"/>
      <c r="BF150" s="581"/>
      <c r="BG150" s="581"/>
      <c r="BH150" s="581"/>
      <c r="BI150" s="582"/>
    </row>
    <row r="151" spans="1:61">
      <c r="A151" s="412"/>
      <c r="B151" s="413"/>
      <c r="C151" s="413"/>
      <c r="D151" s="413"/>
      <c r="E151" s="413"/>
      <c r="F151" s="413"/>
      <c r="G151" s="414"/>
      <c r="H151" s="38"/>
      <c r="I151" s="39"/>
      <c r="J151" s="39"/>
      <c r="K151" s="39"/>
      <c r="L151" s="39"/>
      <c r="M151" s="39"/>
      <c r="N151" s="39"/>
      <c r="O151" s="39"/>
      <c r="P151" s="39"/>
      <c r="Q151" s="39"/>
      <c r="R151" s="39"/>
      <c r="S151" s="39"/>
      <c r="T151" s="39"/>
      <c r="U151" s="39"/>
      <c r="V151" s="39"/>
      <c r="W151" s="40"/>
      <c r="X151" s="38"/>
      <c r="Y151" s="407"/>
      <c r="Z151" s="407"/>
      <c r="AA151" s="407"/>
      <c r="AB151" s="407"/>
      <c r="AC151" s="407"/>
      <c r="AD151" s="407"/>
      <c r="AE151" s="407"/>
      <c r="AF151" s="407"/>
      <c r="AG151" s="407"/>
      <c r="AH151" s="407"/>
      <c r="AI151" s="407"/>
      <c r="AJ151" s="407"/>
      <c r="AK151" s="407"/>
      <c r="AL151" s="407"/>
      <c r="AM151" s="407"/>
      <c r="AN151" s="407"/>
      <c r="AO151" s="407"/>
      <c r="AP151" s="407"/>
      <c r="AQ151" s="407"/>
      <c r="AR151" s="407"/>
      <c r="AS151" s="407"/>
      <c r="AT151" s="407"/>
      <c r="AU151" s="407"/>
      <c r="AV151" s="407"/>
      <c r="AW151" s="407"/>
      <c r="AX151" s="407"/>
      <c r="AY151" s="407"/>
      <c r="AZ151" s="407"/>
      <c r="BA151" s="407"/>
      <c r="BB151" s="407"/>
      <c r="BC151" s="407"/>
      <c r="BD151" s="407"/>
      <c r="BE151" s="407"/>
      <c r="BF151" s="407"/>
      <c r="BG151" s="407"/>
      <c r="BH151" s="407"/>
      <c r="BI151" s="53"/>
    </row>
    <row r="152" spans="1:61">
      <c r="A152" s="42"/>
      <c r="B152" s="43"/>
      <c r="C152" s="43"/>
      <c r="D152" s="43"/>
      <c r="E152" s="43"/>
      <c r="F152" s="43"/>
      <c r="G152" s="44"/>
      <c r="H152" s="45"/>
      <c r="I152" s="46"/>
      <c r="J152" s="46"/>
      <c r="K152" s="46"/>
      <c r="L152" s="46"/>
      <c r="M152" s="46"/>
      <c r="N152" s="46"/>
      <c r="O152" s="46"/>
      <c r="P152" s="46"/>
      <c r="Q152" s="46"/>
      <c r="R152" s="46"/>
      <c r="S152" s="46"/>
      <c r="T152" s="46"/>
      <c r="U152" s="46"/>
      <c r="V152" s="46"/>
      <c r="W152" s="47"/>
      <c r="X152" s="45"/>
      <c r="Y152" s="56"/>
      <c r="Z152" s="56"/>
      <c r="AA152" s="56"/>
      <c r="AB152" s="56"/>
      <c r="AC152" s="56"/>
      <c r="AD152" s="56"/>
      <c r="AE152" s="56"/>
      <c r="AF152" s="56"/>
      <c r="AG152" s="56"/>
      <c r="AH152" s="56"/>
      <c r="AI152" s="56"/>
      <c r="AJ152" s="56"/>
      <c r="AK152" s="56"/>
      <c r="AL152" s="56"/>
      <c r="AM152" s="56"/>
      <c r="AN152" s="56"/>
      <c r="AO152" s="56"/>
      <c r="AP152" s="56"/>
      <c r="AQ152" s="56"/>
      <c r="AR152" s="56"/>
      <c r="AS152" s="56"/>
      <c r="AT152" s="56"/>
      <c r="AU152" s="56"/>
      <c r="AV152" s="56"/>
      <c r="AW152" s="56"/>
      <c r="AX152" s="56"/>
      <c r="AY152" s="56"/>
      <c r="AZ152" s="56"/>
      <c r="BA152" s="56"/>
      <c r="BB152" s="56"/>
      <c r="BC152" s="56"/>
      <c r="BD152" s="56"/>
      <c r="BE152" s="56"/>
      <c r="BF152" s="56"/>
      <c r="BG152" s="56"/>
      <c r="BH152" s="56"/>
      <c r="BI152" s="57"/>
    </row>
    <row r="153" spans="1:61" ht="13.5" customHeight="1">
      <c r="A153" s="583" t="s">
        <v>188</v>
      </c>
      <c r="B153" s="584"/>
      <c r="C153" s="584"/>
      <c r="D153" s="584"/>
      <c r="E153" s="584"/>
      <c r="F153" s="584"/>
      <c r="G153" s="585"/>
      <c r="H153" s="38"/>
      <c r="I153" s="39"/>
      <c r="J153" s="39"/>
      <c r="K153" s="39"/>
      <c r="L153" s="39"/>
      <c r="M153" s="39"/>
      <c r="N153" s="39"/>
      <c r="O153" s="39"/>
      <c r="P153" s="39"/>
      <c r="Q153" s="39"/>
      <c r="R153" s="39"/>
      <c r="S153" s="39"/>
      <c r="T153" s="39"/>
      <c r="U153" s="39"/>
      <c r="V153" s="39"/>
      <c r="W153" s="40"/>
      <c r="X153" s="38"/>
      <c r="Y153" s="586" t="s">
        <v>607</v>
      </c>
      <c r="Z153" s="587"/>
      <c r="AA153" s="587"/>
      <c r="AB153" s="587"/>
      <c r="AC153" s="587"/>
      <c r="AD153" s="587"/>
      <c r="AE153" s="587"/>
      <c r="AF153" s="587"/>
      <c r="AG153" s="587"/>
      <c r="AH153" s="587"/>
      <c r="AI153" s="587"/>
      <c r="AJ153" s="587"/>
      <c r="AK153" s="587"/>
      <c r="AL153" s="587"/>
      <c r="AM153" s="587"/>
      <c r="AN153" s="587"/>
      <c r="AO153" s="587"/>
      <c r="AP153" s="587"/>
      <c r="AQ153" s="587"/>
      <c r="AR153" s="587"/>
      <c r="AS153" s="587"/>
      <c r="AT153" s="587"/>
      <c r="AU153" s="587"/>
      <c r="AV153" s="587"/>
      <c r="AW153" s="587"/>
      <c r="AX153" s="587"/>
      <c r="AY153" s="587"/>
      <c r="AZ153" s="587"/>
      <c r="BA153" s="587"/>
      <c r="BB153" s="587"/>
      <c r="BC153" s="587"/>
      <c r="BD153" s="587"/>
      <c r="BE153" s="587"/>
      <c r="BF153" s="587"/>
      <c r="BG153" s="587"/>
      <c r="BH153" s="587"/>
      <c r="BI153" s="588"/>
    </row>
    <row r="154" spans="1:61" ht="13.5" customHeight="1">
      <c r="A154" s="412"/>
      <c r="B154" s="71"/>
      <c r="C154" s="71"/>
      <c r="D154" s="71"/>
      <c r="E154" s="71"/>
      <c r="F154" s="71"/>
      <c r="G154" s="72"/>
      <c r="H154" s="38"/>
      <c r="I154" s="39"/>
      <c r="J154" s="39"/>
      <c r="K154" s="39"/>
      <c r="L154" s="39"/>
      <c r="M154" s="39"/>
      <c r="N154" s="39"/>
      <c r="O154" s="39"/>
      <c r="P154" s="39"/>
      <c r="Q154" s="39"/>
      <c r="R154" s="39"/>
      <c r="S154" s="39"/>
      <c r="T154" s="39"/>
      <c r="U154" s="39"/>
      <c r="V154" s="39"/>
      <c r="W154" s="40"/>
      <c r="X154" s="38"/>
      <c r="Y154" s="407" t="s">
        <v>22</v>
      </c>
      <c r="Z154" s="73"/>
      <c r="AA154" s="73"/>
      <c r="AB154" s="73"/>
      <c r="AC154" s="73"/>
      <c r="AD154" s="73"/>
      <c r="AE154" s="73"/>
      <c r="AF154" s="73"/>
      <c r="AG154" s="73"/>
      <c r="AH154" s="73"/>
      <c r="AI154" s="73"/>
      <c r="AJ154" s="73"/>
      <c r="AK154" s="73"/>
      <c r="AL154" s="73"/>
      <c r="AM154" s="73"/>
      <c r="AN154" s="73"/>
      <c r="AO154" s="73"/>
      <c r="AP154" s="73"/>
      <c r="AQ154" s="73"/>
      <c r="AR154" s="73"/>
      <c r="AS154" s="73"/>
      <c r="AT154" s="73"/>
      <c r="AU154" s="73"/>
      <c r="AV154" s="73"/>
      <c r="AW154" s="73"/>
      <c r="AX154" s="73"/>
      <c r="AY154" s="73"/>
      <c r="AZ154" s="73"/>
      <c r="BA154" s="73"/>
      <c r="BB154" s="73"/>
      <c r="BC154" s="73"/>
      <c r="BD154" s="73"/>
      <c r="BE154" s="73"/>
      <c r="BF154" s="73"/>
      <c r="BG154" s="73"/>
      <c r="BH154" s="73"/>
      <c r="BI154" s="415"/>
    </row>
    <row r="155" spans="1:61" ht="13.5" customHeight="1">
      <c r="A155" s="412"/>
      <c r="B155" s="71"/>
      <c r="C155" s="71"/>
      <c r="D155" s="71"/>
      <c r="E155" s="71"/>
      <c r="F155" s="71"/>
      <c r="G155" s="72"/>
      <c r="H155" s="38"/>
      <c r="I155" s="39"/>
      <c r="J155" s="39"/>
      <c r="K155" s="39"/>
      <c r="L155" s="39"/>
      <c r="M155" s="39"/>
      <c r="N155" s="39"/>
      <c r="O155" s="39"/>
      <c r="P155" s="39"/>
      <c r="Q155" s="39"/>
      <c r="R155" s="39"/>
      <c r="S155" s="39"/>
      <c r="T155" s="39"/>
      <c r="U155" s="39"/>
      <c r="V155" s="39"/>
      <c r="W155" s="40"/>
      <c r="X155" s="38"/>
      <c r="Y155" s="74" t="s">
        <v>189</v>
      </c>
      <c r="Z155" s="73"/>
      <c r="AA155" s="73"/>
      <c r="AB155" s="73"/>
      <c r="AC155" s="73"/>
      <c r="AD155" s="73"/>
      <c r="AE155" s="73"/>
      <c r="AF155" s="73"/>
      <c r="AG155" s="73"/>
      <c r="AH155" s="73"/>
      <c r="AI155" s="73"/>
      <c r="AJ155" s="73"/>
      <c r="AK155" s="73"/>
      <c r="AL155" s="73"/>
      <c r="AM155" s="73"/>
      <c r="AN155" s="73"/>
      <c r="AO155" s="73"/>
      <c r="AP155" s="73"/>
      <c r="AQ155" s="73"/>
      <c r="AR155" s="73"/>
      <c r="AS155" s="73"/>
      <c r="AT155" s="73"/>
      <c r="AU155" s="73"/>
      <c r="AV155" s="73"/>
      <c r="AW155" s="73"/>
      <c r="AX155" s="73"/>
      <c r="AY155" s="73"/>
      <c r="AZ155" s="73"/>
      <c r="BA155" s="73"/>
      <c r="BB155" s="73"/>
      <c r="BC155" s="73"/>
      <c r="BD155" s="73"/>
      <c r="BE155" s="73"/>
      <c r="BF155" s="73"/>
      <c r="BG155" s="73"/>
      <c r="BH155" s="73"/>
      <c r="BI155" s="415"/>
    </row>
    <row r="156" spans="1:61" ht="13.5" customHeight="1">
      <c r="A156" s="412"/>
      <c r="B156" s="71"/>
      <c r="C156" s="71"/>
      <c r="D156" s="71"/>
      <c r="E156" s="71"/>
      <c r="F156" s="71"/>
      <c r="G156" s="72"/>
      <c r="H156" s="38"/>
      <c r="I156" s="39"/>
      <c r="J156" s="39"/>
      <c r="K156" s="39"/>
      <c r="L156" s="39"/>
      <c r="M156" s="39"/>
      <c r="N156" s="39"/>
      <c r="O156" s="39"/>
      <c r="P156" s="39"/>
      <c r="Q156" s="39"/>
      <c r="R156" s="39"/>
      <c r="S156" s="39"/>
      <c r="T156" s="39"/>
      <c r="U156" s="39"/>
      <c r="V156" s="39"/>
      <c r="W156" s="40"/>
      <c r="X156" s="38"/>
      <c r="Y156" s="407" t="s">
        <v>25</v>
      </c>
      <c r="Z156" s="73"/>
      <c r="AA156" s="73"/>
      <c r="AB156" s="73" t="s">
        <v>608</v>
      </c>
      <c r="AC156" s="576"/>
      <c r="AD156" s="576"/>
      <c r="AE156" s="576"/>
      <c r="AF156" s="576"/>
      <c r="AG156" s="576"/>
      <c r="AH156" s="576"/>
      <c r="AI156" s="576"/>
      <c r="AJ156" s="576"/>
      <c r="AK156" s="576"/>
      <c r="AL156" s="576"/>
      <c r="AM156" s="576"/>
      <c r="AN156" s="576"/>
      <c r="AO156" s="576"/>
      <c r="AP156" s="576"/>
      <c r="AQ156" s="576"/>
      <c r="AR156" s="576"/>
      <c r="AS156" s="576"/>
      <c r="AT156" s="576"/>
      <c r="AU156" s="576"/>
      <c r="AV156" s="576"/>
      <c r="AW156" s="576"/>
      <c r="AX156" s="576"/>
      <c r="AY156" s="576"/>
      <c r="AZ156" s="576"/>
      <c r="BA156" s="576"/>
      <c r="BB156" s="576"/>
      <c r="BC156" s="576"/>
      <c r="BD156" s="576"/>
      <c r="BE156" s="576"/>
      <c r="BF156" s="576"/>
      <c r="BG156" s="576"/>
      <c r="BH156" s="576"/>
      <c r="BI156" s="415" t="s">
        <v>609</v>
      </c>
    </row>
    <row r="157" spans="1:61" ht="13.5" customHeight="1">
      <c r="A157" s="412"/>
      <c r="B157" s="71"/>
      <c r="C157" s="71"/>
      <c r="D157" s="71"/>
      <c r="E157" s="71"/>
      <c r="F157" s="71"/>
      <c r="G157" s="72"/>
      <c r="H157" s="38"/>
      <c r="I157" s="39"/>
      <c r="J157" s="39"/>
      <c r="K157" s="39"/>
      <c r="L157" s="39"/>
      <c r="M157" s="39"/>
      <c r="N157" s="39"/>
      <c r="O157" s="39"/>
      <c r="P157" s="39"/>
      <c r="Q157" s="39"/>
      <c r="R157" s="39"/>
      <c r="S157" s="39"/>
      <c r="T157" s="39"/>
      <c r="U157" s="39"/>
      <c r="V157" s="39"/>
      <c r="W157" s="40"/>
      <c r="X157" s="38"/>
      <c r="Y157" s="407"/>
      <c r="Z157" s="73"/>
      <c r="AA157" s="73"/>
      <c r="AB157" s="73"/>
      <c r="AC157" s="576"/>
      <c r="AD157" s="576"/>
      <c r="AE157" s="576"/>
      <c r="AF157" s="576"/>
      <c r="AG157" s="576"/>
      <c r="AH157" s="576"/>
      <c r="AI157" s="576"/>
      <c r="AJ157" s="576"/>
      <c r="AK157" s="576"/>
      <c r="AL157" s="576"/>
      <c r="AM157" s="576"/>
      <c r="AN157" s="576"/>
      <c r="AO157" s="576"/>
      <c r="AP157" s="576"/>
      <c r="AQ157" s="576"/>
      <c r="AR157" s="576"/>
      <c r="AS157" s="576"/>
      <c r="AT157" s="576"/>
      <c r="AU157" s="576"/>
      <c r="AV157" s="576"/>
      <c r="AW157" s="576"/>
      <c r="AX157" s="576"/>
      <c r="AY157" s="576"/>
      <c r="AZ157" s="576"/>
      <c r="BA157" s="576"/>
      <c r="BB157" s="576"/>
      <c r="BC157" s="576"/>
      <c r="BD157" s="576"/>
      <c r="BE157" s="576"/>
      <c r="BF157" s="576"/>
      <c r="BG157" s="576"/>
      <c r="BH157" s="576"/>
      <c r="BI157" s="415"/>
    </row>
    <row r="158" spans="1:61">
      <c r="A158" s="412"/>
      <c r="B158" s="413"/>
      <c r="C158" s="413"/>
      <c r="D158" s="413"/>
      <c r="E158" s="413"/>
      <c r="F158" s="413"/>
      <c r="G158" s="414"/>
      <c r="H158" s="38"/>
      <c r="I158" s="39"/>
      <c r="J158" s="39"/>
      <c r="K158" s="39"/>
      <c r="L158" s="39"/>
      <c r="M158" s="39"/>
      <c r="N158" s="39"/>
      <c r="O158" s="39"/>
      <c r="P158" s="39"/>
      <c r="Q158" s="39"/>
      <c r="R158" s="39"/>
      <c r="S158" s="39"/>
      <c r="T158" s="39"/>
      <c r="U158" s="39"/>
      <c r="V158" s="39"/>
      <c r="W158" s="40"/>
      <c r="X158" s="38"/>
      <c r="Y158" s="407"/>
      <c r="Z158" s="407"/>
      <c r="AA158" s="407"/>
      <c r="AB158" s="407"/>
      <c r="AC158" s="577"/>
      <c r="AD158" s="577"/>
      <c r="AE158" s="577"/>
      <c r="AF158" s="577"/>
      <c r="AG158" s="577"/>
      <c r="AH158" s="577"/>
      <c r="AI158" s="577"/>
      <c r="AJ158" s="577"/>
      <c r="AK158" s="577"/>
      <c r="AL158" s="577"/>
      <c r="AM158" s="577"/>
      <c r="AN158" s="577"/>
      <c r="AO158" s="577"/>
      <c r="AP158" s="577"/>
      <c r="AQ158" s="577"/>
      <c r="AR158" s="577"/>
      <c r="AS158" s="577"/>
      <c r="AT158" s="577"/>
      <c r="AU158" s="577"/>
      <c r="AV158" s="577"/>
      <c r="AW158" s="577"/>
      <c r="AX158" s="577"/>
      <c r="AY158" s="577"/>
      <c r="AZ158" s="577"/>
      <c r="BA158" s="577"/>
      <c r="BB158" s="577"/>
      <c r="BC158" s="577"/>
      <c r="BD158" s="577"/>
      <c r="BE158" s="577"/>
      <c r="BF158" s="577"/>
      <c r="BG158" s="577"/>
      <c r="BH158" s="577"/>
      <c r="BI158" s="53"/>
    </row>
    <row r="159" spans="1:61">
      <c r="A159" s="42"/>
      <c r="B159" s="43"/>
      <c r="C159" s="43"/>
      <c r="D159" s="43"/>
      <c r="E159" s="43"/>
      <c r="F159" s="43"/>
      <c r="G159" s="44"/>
      <c r="H159" s="45"/>
      <c r="I159" s="46"/>
      <c r="J159" s="46"/>
      <c r="K159" s="46"/>
      <c r="L159" s="46"/>
      <c r="M159" s="46"/>
      <c r="N159" s="46"/>
      <c r="O159" s="46"/>
      <c r="P159" s="46"/>
      <c r="Q159" s="46"/>
      <c r="R159" s="46"/>
      <c r="S159" s="46"/>
      <c r="T159" s="46"/>
      <c r="U159" s="46"/>
      <c r="V159" s="46"/>
      <c r="W159" s="47"/>
      <c r="X159" s="45"/>
      <c r="Y159" s="56"/>
      <c r="Z159" s="56"/>
      <c r="AA159" s="56"/>
      <c r="AB159" s="56"/>
      <c r="AC159" s="56"/>
      <c r="AD159" s="56"/>
      <c r="AE159" s="56"/>
      <c r="AF159" s="56"/>
      <c r="AG159" s="56"/>
      <c r="AH159" s="56"/>
      <c r="AI159" s="56"/>
      <c r="AJ159" s="56"/>
      <c r="AK159" s="56"/>
      <c r="AL159" s="56"/>
      <c r="AM159" s="56"/>
      <c r="AN159" s="56"/>
      <c r="AO159" s="56"/>
      <c r="AP159" s="56"/>
      <c r="AQ159" s="56"/>
      <c r="AR159" s="56"/>
      <c r="AS159" s="56"/>
      <c r="AT159" s="56"/>
      <c r="AU159" s="56"/>
      <c r="AV159" s="56"/>
      <c r="AW159" s="56"/>
      <c r="AX159" s="56"/>
      <c r="AY159" s="56"/>
      <c r="AZ159" s="56"/>
      <c r="BA159" s="56"/>
      <c r="BB159" s="56"/>
      <c r="BC159" s="56"/>
      <c r="BD159" s="56"/>
      <c r="BE159" s="56"/>
      <c r="BF159" s="56"/>
      <c r="BG159" s="56"/>
      <c r="BH159" s="56"/>
      <c r="BI159" s="57"/>
    </row>
    <row r="160" spans="1:61">
      <c r="A160" s="41" t="s">
        <v>190</v>
      </c>
      <c r="C160" s="41" t="s">
        <v>610</v>
      </c>
    </row>
    <row r="161" spans="3:3">
      <c r="C161" s="41" t="s">
        <v>191</v>
      </c>
    </row>
    <row r="162" spans="3:3">
      <c r="C162" s="41" t="s">
        <v>192</v>
      </c>
    </row>
  </sheetData>
  <mergeCells count="113">
    <mergeCell ref="A82:G82"/>
    <mergeCell ref="C84:E84"/>
    <mergeCell ref="AT87:AV87"/>
    <mergeCell ref="AN88:AO88"/>
    <mergeCell ref="AG89:AI89"/>
    <mergeCell ref="AF91:AK91"/>
    <mergeCell ref="AT91:BA91"/>
    <mergeCell ref="AD92:AK92"/>
    <mergeCell ref="AW94:BC94"/>
    <mergeCell ref="I20:W21"/>
    <mergeCell ref="AF20:AL20"/>
    <mergeCell ref="AY20:BH20"/>
    <mergeCell ref="AD21:BH21"/>
    <mergeCell ref="AH22:AN22"/>
    <mergeCell ref="AZ22:BH22"/>
    <mergeCell ref="A1:G1"/>
    <mergeCell ref="H1:W1"/>
    <mergeCell ref="Y1:BH1"/>
    <mergeCell ref="A2:G2"/>
    <mergeCell ref="A17:G17"/>
    <mergeCell ref="AD19:BB19"/>
    <mergeCell ref="AS27:BC27"/>
    <mergeCell ref="AH28:BH28"/>
    <mergeCell ref="AK29:AL29"/>
    <mergeCell ref="AH30:BH30"/>
    <mergeCell ref="M31:V31"/>
    <mergeCell ref="AC31:BH31"/>
    <mergeCell ref="M23:V23"/>
    <mergeCell ref="AC23:BH23"/>
    <mergeCell ref="A25:G25"/>
    <mergeCell ref="AM25:AN25"/>
    <mergeCell ref="AQ25:AR25"/>
    <mergeCell ref="AI26:AJ26"/>
    <mergeCell ref="AL26:AM26"/>
    <mergeCell ref="AJ41:BC41"/>
    <mergeCell ref="M42:V42"/>
    <mergeCell ref="AC42:BH42"/>
    <mergeCell ref="A45:G45"/>
    <mergeCell ref="AJ46:BC46"/>
    <mergeCell ref="AJ48:AW48"/>
    <mergeCell ref="A33:G33"/>
    <mergeCell ref="AY34:BH34"/>
    <mergeCell ref="AF36:AK36"/>
    <mergeCell ref="AR36:BC36"/>
    <mergeCell ref="AR37:BC37"/>
    <mergeCell ref="AM39:BC39"/>
    <mergeCell ref="M64:V64"/>
    <mergeCell ref="AC64:BH64"/>
    <mergeCell ref="A66:G66"/>
    <mergeCell ref="AF49:AH49"/>
    <mergeCell ref="BF55:BH55"/>
    <mergeCell ref="AG56:BH56"/>
    <mergeCell ref="AG57:BH57"/>
    <mergeCell ref="I58:W59"/>
    <mergeCell ref="AJ59:BC59"/>
    <mergeCell ref="AJ67:BC67"/>
    <mergeCell ref="AD68:AE68"/>
    <mergeCell ref="AD69:BH69"/>
    <mergeCell ref="AC70:BH70"/>
    <mergeCell ref="AJ72:BC72"/>
    <mergeCell ref="AC74:BH74"/>
    <mergeCell ref="AJ61:BC61"/>
    <mergeCell ref="AJ62:BH62"/>
    <mergeCell ref="AJ63:BH63"/>
    <mergeCell ref="A117:G117"/>
    <mergeCell ref="AE118:AN118"/>
    <mergeCell ref="AV118:BH118"/>
    <mergeCell ref="AE119:AN119"/>
    <mergeCell ref="AV119:BH119"/>
    <mergeCell ref="A107:G107"/>
    <mergeCell ref="AG109:AH109"/>
    <mergeCell ref="AJ109:AK109"/>
    <mergeCell ref="AC110:BH110"/>
    <mergeCell ref="AC111:BH111"/>
    <mergeCell ref="A113:G114"/>
    <mergeCell ref="AG113:BH113"/>
    <mergeCell ref="AD114:BH114"/>
    <mergeCell ref="AC115:BH115"/>
    <mergeCell ref="A138:G138"/>
    <mergeCell ref="AD138:AN138"/>
    <mergeCell ref="AT138:BH138"/>
    <mergeCell ref="AC139:BH139"/>
    <mergeCell ref="AD120:AN120"/>
    <mergeCell ref="AD121:BH121"/>
    <mergeCell ref="AD122:BH122"/>
    <mergeCell ref="A126:G126"/>
    <mergeCell ref="AJ129:BC129"/>
    <mergeCell ref="I130:W131"/>
    <mergeCell ref="AF131:BH131"/>
    <mergeCell ref="A153:G153"/>
    <mergeCell ref="Y153:BI153"/>
    <mergeCell ref="AB144:AK144"/>
    <mergeCell ref="AP144:AR144"/>
    <mergeCell ref="AY144:BH144"/>
    <mergeCell ref="AF145:AG145"/>
    <mergeCell ref="AI145:AJ145"/>
    <mergeCell ref="AQ145:BH145"/>
    <mergeCell ref="AP140:AR140"/>
    <mergeCell ref="AY140:BH140"/>
    <mergeCell ref="AT141:BH141"/>
    <mergeCell ref="Z142:AA142"/>
    <mergeCell ref="AF142:AG142"/>
    <mergeCell ref="AM142:AN142"/>
    <mergeCell ref="AC156:BH156"/>
    <mergeCell ref="AC157:BH157"/>
    <mergeCell ref="AC158:BH158"/>
    <mergeCell ref="AV147:BH147"/>
    <mergeCell ref="AB148:AG148"/>
    <mergeCell ref="AP148:AR148"/>
    <mergeCell ref="M149:V149"/>
    <mergeCell ref="AB149:BI150"/>
    <mergeCell ref="AF133:BH133"/>
    <mergeCell ref="AC135:BH135"/>
  </mergeCells>
  <phoneticPr fontId="68"/>
  <printOptions horizontalCentered="1" verticalCentered="1"/>
  <pageMargins left="0.70866141732283472" right="0.70866141732283472" top="0.74803149606299213" bottom="0.74803149606299213" header="0.31496062992125984" footer="0.31496062992125984"/>
  <pageSetup paperSize="9" scale="88" fitToHeight="4" orientation="landscape" horizontalDpi="4294967294" r:id="rId1"/>
  <rowBreaks count="3" manualBreakCount="3">
    <brk id="44" max="60" man="1"/>
    <brk id="81" max="60" man="1"/>
    <brk id="125" max="60" man="1"/>
  </rowBreaks>
  <drawing r:id="rId2"/>
  <legacyDrawing r:id="rId3"/>
  <mc:AlternateContent xmlns:mc="http://schemas.openxmlformats.org/markup-compatibility/2006">
    <mc:Choice Requires="x14">
      <controls>
        <mc:AlternateContent xmlns:mc="http://schemas.openxmlformats.org/markup-compatibility/2006">
          <mc:Choice Requires="x14">
            <control shapeId="45057" r:id="rId4" name="Check Box 1">
              <controlPr defaultSize="0" autoFill="0" autoLine="0" autoPict="0">
                <anchor moveWithCells="1">
                  <from>
                    <xdr:col>36</xdr:col>
                    <xdr:colOff>161925</xdr:colOff>
                    <xdr:row>5</xdr:row>
                    <xdr:rowOff>133350</xdr:rowOff>
                  </from>
                  <to>
                    <xdr:col>44</xdr:col>
                    <xdr:colOff>9525</xdr:colOff>
                    <xdr:row>7</xdr:row>
                    <xdr:rowOff>19050</xdr:rowOff>
                  </to>
                </anchor>
              </controlPr>
            </control>
          </mc:Choice>
        </mc:AlternateContent>
        <mc:AlternateContent xmlns:mc="http://schemas.openxmlformats.org/markup-compatibility/2006">
          <mc:Choice Requires="x14">
            <control shapeId="45058" r:id="rId5" name="Check Box 2">
              <controlPr defaultSize="0" autoFill="0" autoLine="0" autoPict="0">
                <anchor moveWithCells="1">
                  <from>
                    <xdr:col>36</xdr:col>
                    <xdr:colOff>161925</xdr:colOff>
                    <xdr:row>7</xdr:row>
                    <xdr:rowOff>133350</xdr:rowOff>
                  </from>
                  <to>
                    <xdr:col>44</xdr:col>
                    <xdr:colOff>9525</xdr:colOff>
                    <xdr:row>9</xdr:row>
                    <xdr:rowOff>9525</xdr:rowOff>
                  </to>
                </anchor>
              </controlPr>
            </control>
          </mc:Choice>
        </mc:AlternateContent>
        <mc:AlternateContent xmlns:mc="http://schemas.openxmlformats.org/markup-compatibility/2006">
          <mc:Choice Requires="x14">
            <control shapeId="45059" r:id="rId6" name="Check Box 3">
              <controlPr defaultSize="0" autoFill="0" autoLine="0" autoPict="0">
                <anchor moveWithCells="1">
                  <from>
                    <xdr:col>23</xdr:col>
                    <xdr:colOff>0</xdr:colOff>
                    <xdr:row>8</xdr:row>
                    <xdr:rowOff>142875</xdr:rowOff>
                  </from>
                  <to>
                    <xdr:col>30</xdr:col>
                    <xdr:colOff>38100</xdr:colOff>
                    <xdr:row>10</xdr:row>
                    <xdr:rowOff>19050</xdr:rowOff>
                  </to>
                </anchor>
              </controlPr>
            </control>
          </mc:Choice>
        </mc:AlternateContent>
        <mc:AlternateContent xmlns:mc="http://schemas.openxmlformats.org/markup-compatibility/2006">
          <mc:Choice Requires="x14">
            <control shapeId="45060" r:id="rId7" name="Check Box 4">
              <controlPr defaultSize="0" autoFill="0" autoLine="0" autoPict="0">
                <anchor moveWithCells="1">
                  <from>
                    <xdr:col>26</xdr:col>
                    <xdr:colOff>171450</xdr:colOff>
                    <xdr:row>13</xdr:row>
                    <xdr:rowOff>152400</xdr:rowOff>
                  </from>
                  <to>
                    <xdr:col>34</xdr:col>
                    <xdr:colOff>28575</xdr:colOff>
                    <xdr:row>15</xdr:row>
                    <xdr:rowOff>38100</xdr:rowOff>
                  </to>
                </anchor>
              </controlPr>
            </control>
          </mc:Choice>
        </mc:AlternateContent>
        <mc:AlternateContent xmlns:mc="http://schemas.openxmlformats.org/markup-compatibility/2006">
          <mc:Choice Requires="x14">
            <control shapeId="45061" r:id="rId8" name="Check Box 5">
              <controlPr defaultSize="0" autoFill="0" autoLine="0" autoPict="0">
                <anchor moveWithCells="1">
                  <from>
                    <xdr:col>23</xdr:col>
                    <xdr:colOff>0</xdr:colOff>
                    <xdr:row>15</xdr:row>
                    <xdr:rowOff>142875</xdr:rowOff>
                  </from>
                  <to>
                    <xdr:col>30</xdr:col>
                    <xdr:colOff>38100</xdr:colOff>
                    <xdr:row>17</xdr:row>
                    <xdr:rowOff>19050</xdr:rowOff>
                  </to>
                </anchor>
              </controlPr>
            </control>
          </mc:Choice>
        </mc:AlternateContent>
        <mc:AlternateContent xmlns:mc="http://schemas.openxmlformats.org/markup-compatibility/2006">
          <mc:Choice Requires="x14">
            <control shapeId="45062" r:id="rId9" name="Check Box 6">
              <controlPr defaultSize="0" autoFill="0" autoLine="0" autoPict="0">
                <anchor moveWithCells="1">
                  <from>
                    <xdr:col>23</xdr:col>
                    <xdr:colOff>171450</xdr:colOff>
                    <xdr:row>16</xdr:row>
                    <xdr:rowOff>161925</xdr:rowOff>
                  </from>
                  <to>
                    <xdr:col>31</xdr:col>
                    <xdr:colOff>28575</xdr:colOff>
                    <xdr:row>18</xdr:row>
                    <xdr:rowOff>47625</xdr:rowOff>
                  </to>
                </anchor>
              </controlPr>
            </control>
          </mc:Choice>
        </mc:AlternateContent>
        <mc:AlternateContent xmlns:mc="http://schemas.openxmlformats.org/markup-compatibility/2006">
          <mc:Choice Requires="x14">
            <control shapeId="45063" r:id="rId10" name="Check Box 7">
              <controlPr defaultSize="0" autoFill="0" autoLine="0" autoPict="0">
                <anchor moveWithCells="1">
                  <from>
                    <xdr:col>31</xdr:col>
                    <xdr:colOff>0</xdr:colOff>
                    <xdr:row>16</xdr:row>
                    <xdr:rowOff>161925</xdr:rowOff>
                  </from>
                  <to>
                    <xdr:col>38</xdr:col>
                    <xdr:colOff>28575</xdr:colOff>
                    <xdr:row>18</xdr:row>
                    <xdr:rowOff>47625</xdr:rowOff>
                  </to>
                </anchor>
              </controlPr>
            </control>
          </mc:Choice>
        </mc:AlternateContent>
        <mc:AlternateContent xmlns:mc="http://schemas.openxmlformats.org/markup-compatibility/2006">
          <mc:Choice Requires="x14">
            <control shapeId="45064" r:id="rId11" name="Check Box 8">
              <controlPr defaultSize="0" autoFill="0" autoLine="0" autoPict="0">
                <anchor moveWithCells="1">
                  <from>
                    <xdr:col>42</xdr:col>
                    <xdr:colOff>171450</xdr:colOff>
                    <xdr:row>16</xdr:row>
                    <xdr:rowOff>161925</xdr:rowOff>
                  </from>
                  <to>
                    <xdr:col>50</xdr:col>
                    <xdr:colOff>19050</xdr:colOff>
                    <xdr:row>18</xdr:row>
                    <xdr:rowOff>47625</xdr:rowOff>
                  </to>
                </anchor>
              </controlPr>
            </control>
          </mc:Choice>
        </mc:AlternateContent>
        <mc:AlternateContent xmlns:mc="http://schemas.openxmlformats.org/markup-compatibility/2006">
          <mc:Choice Requires="x14">
            <control shapeId="45065" r:id="rId12" name="Check Box 9">
              <controlPr defaultSize="0" autoFill="0" autoLine="0" autoPict="0">
                <anchor moveWithCells="1">
                  <from>
                    <xdr:col>50</xdr:col>
                    <xdr:colOff>171450</xdr:colOff>
                    <xdr:row>16</xdr:row>
                    <xdr:rowOff>161925</xdr:rowOff>
                  </from>
                  <to>
                    <xdr:col>58</xdr:col>
                    <xdr:colOff>28575</xdr:colOff>
                    <xdr:row>18</xdr:row>
                    <xdr:rowOff>47625</xdr:rowOff>
                  </to>
                </anchor>
              </controlPr>
            </control>
          </mc:Choice>
        </mc:AlternateContent>
        <mc:AlternateContent xmlns:mc="http://schemas.openxmlformats.org/markup-compatibility/2006">
          <mc:Choice Requires="x14">
            <control shapeId="45066" r:id="rId13" name="Check Box 10">
              <controlPr defaultSize="0" autoFill="0" autoLine="0" autoPict="0">
                <anchor moveWithCells="1">
                  <from>
                    <xdr:col>24</xdr:col>
                    <xdr:colOff>0</xdr:colOff>
                    <xdr:row>17</xdr:row>
                    <xdr:rowOff>152400</xdr:rowOff>
                  </from>
                  <to>
                    <xdr:col>28</xdr:col>
                    <xdr:colOff>66675</xdr:colOff>
                    <xdr:row>19</xdr:row>
                    <xdr:rowOff>28575</xdr:rowOff>
                  </to>
                </anchor>
              </controlPr>
            </control>
          </mc:Choice>
        </mc:AlternateContent>
        <mc:AlternateContent xmlns:mc="http://schemas.openxmlformats.org/markup-compatibility/2006">
          <mc:Choice Requires="x14">
            <control shapeId="45067" r:id="rId14" name="Check Box 11">
              <controlPr defaultSize="0" autoFill="0" autoLine="0" autoPict="0">
                <anchor moveWithCells="1">
                  <from>
                    <xdr:col>23</xdr:col>
                    <xdr:colOff>9525</xdr:colOff>
                    <xdr:row>18</xdr:row>
                    <xdr:rowOff>142875</xdr:rowOff>
                  </from>
                  <to>
                    <xdr:col>30</xdr:col>
                    <xdr:colOff>47625</xdr:colOff>
                    <xdr:row>20</xdr:row>
                    <xdr:rowOff>19050</xdr:rowOff>
                  </to>
                </anchor>
              </controlPr>
            </control>
          </mc:Choice>
        </mc:AlternateContent>
        <mc:AlternateContent xmlns:mc="http://schemas.openxmlformats.org/markup-compatibility/2006">
          <mc:Choice Requires="x14">
            <control shapeId="45068" r:id="rId15" name="Check Box 12">
              <controlPr defaultSize="0" autoFill="0" autoLine="0" autoPict="0">
                <anchor moveWithCells="1">
                  <from>
                    <xdr:col>38</xdr:col>
                    <xdr:colOff>171450</xdr:colOff>
                    <xdr:row>18</xdr:row>
                    <xdr:rowOff>161925</xdr:rowOff>
                  </from>
                  <to>
                    <xdr:col>46</xdr:col>
                    <xdr:colOff>28575</xdr:colOff>
                    <xdr:row>20</xdr:row>
                    <xdr:rowOff>38100</xdr:rowOff>
                  </to>
                </anchor>
              </controlPr>
            </control>
          </mc:Choice>
        </mc:AlternateContent>
        <mc:AlternateContent xmlns:mc="http://schemas.openxmlformats.org/markup-compatibility/2006">
          <mc:Choice Requires="x14">
            <control shapeId="45069" r:id="rId16" name="Check Box 13">
              <controlPr defaultSize="0" autoFill="0" autoLine="0" autoPict="0">
                <anchor moveWithCells="1">
                  <from>
                    <xdr:col>23</xdr:col>
                    <xdr:colOff>9525</xdr:colOff>
                    <xdr:row>19</xdr:row>
                    <xdr:rowOff>142875</xdr:rowOff>
                  </from>
                  <to>
                    <xdr:col>30</xdr:col>
                    <xdr:colOff>47625</xdr:colOff>
                    <xdr:row>21</xdr:row>
                    <xdr:rowOff>28575</xdr:rowOff>
                  </to>
                </anchor>
              </controlPr>
            </control>
          </mc:Choice>
        </mc:AlternateContent>
        <mc:AlternateContent xmlns:mc="http://schemas.openxmlformats.org/markup-compatibility/2006">
          <mc:Choice Requires="x14">
            <control shapeId="45070" r:id="rId17" name="Check Box 14">
              <controlPr defaultSize="0" autoFill="0" autoLine="0" autoPict="0">
                <anchor moveWithCells="1">
                  <from>
                    <xdr:col>23</xdr:col>
                    <xdr:colOff>9525</xdr:colOff>
                    <xdr:row>21</xdr:row>
                    <xdr:rowOff>161925</xdr:rowOff>
                  </from>
                  <to>
                    <xdr:col>30</xdr:col>
                    <xdr:colOff>47625</xdr:colOff>
                    <xdr:row>23</xdr:row>
                    <xdr:rowOff>38100</xdr:rowOff>
                  </to>
                </anchor>
              </controlPr>
            </control>
          </mc:Choice>
        </mc:AlternateContent>
        <mc:AlternateContent xmlns:mc="http://schemas.openxmlformats.org/markup-compatibility/2006">
          <mc:Choice Requires="x14">
            <control shapeId="45071" r:id="rId18" name="Check Box 15">
              <controlPr defaultSize="0" autoFill="0" autoLine="0" autoPict="0">
                <anchor moveWithCells="1">
                  <from>
                    <xdr:col>31</xdr:col>
                    <xdr:colOff>0</xdr:colOff>
                    <xdr:row>24</xdr:row>
                    <xdr:rowOff>142875</xdr:rowOff>
                  </from>
                  <to>
                    <xdr:col>38</xdr:col>
                    <xdr:colOff>28575</xdr:colOff>
                    <xdr:row>26</xdr:row>
                    <xdr:rowOff>19050</xdr:rowOff>
                  </to>
                </anchor>
              </controlPr>
            </control>
          </mc:Choice>
        </mc:AlternateContent>
        <mc:AlternateContent xmlns:mc="http://schemas.openxmlformats.org/markup-compatibility/2006">
          <mc:Choice Requires="x14">
            <control shapeId="45072" r:id="rId19" name="Check Box 16">
              <controlPr defaultSize="0" autoFill="0" autoLine="0" autoPict="0">
                <anchor moveWithCells="1">
                  <from>
                    <xdr:col>31</xdr:col>
                    <xdr:colOff>9525</xdr:colOff>
                    <xdr:row>23</xdr:row>
                    <xdr:rowOff>152400</xdr:rowOff>
                  </from>
                  <to>
                    <xdr:col>38</xdr:col>
                    <xdr:colOff>38100</xdr:colOff>
                    <xdr:row>25</xdr:row>
                    <xdr:rowOff>28575</xdr:rowOff>
                  </to>
                </anchor>
              </controlPr>
            </control>
          </mc:Choice>
        </mc:AlternateContent>
        <mc:AlternateContent xmlns:mc="http://schemas.openxmlformats.org/markup-compatibility/2006">
          <mc:Choice Requires="x14">
            <control shapeId="45073" r:id="rId20" name="Check Box 17">
              <controlPr defaultSize="0" autoFill="0" autoLine="0" autoPict="0">
                <anchor moveWithCells="1">
                  <from>
                    <xdr:col>35</xdr:col>
                    <xdr:colOff>171450</xdr:colOff>
                    <xdr:row>23</xdr:row>
                    <xdr:rowOff>152400</xdr:rowOff>
                  </from>
                  <to>
                    <xdr:col>43</xdr:col>
                    <xdr:colOff>19050</xdr:colOff>
                    <xdr:row>25</xdr:row>
                    <xdr:rowOff>28575</xdr:rowOff>
                  </to>
                </anchor>
              </controlPr>
            </control>
          </mc:Choice>
        </mc:AlternateContent>
        <mc:AlternateContent xmlns:mc="http://schemas.openxmlformats.org/markup-compatibility/2006">
          <mc:Choice Requires="x14">
            <control shapeId="45074" r:id="rId21" name="Check Box 18">
              <controlPr defaultSize="0" autoFill="0" autoLine="0" autoPict="0">
                <anchor moveWithCells="1">
                  <from>
                    <xdr:col>44</xdr:col>
                    <xdr:colOff>142875</xdr:colOff>
                    <xdr:row>23</xdr:row>
                    <xdr:rowOff>152400</xdr:rowOff>
                  </from>
                  <to>
                    <xdr:col>52</xdr:col>
                    <xdr:colOff>0</xdr:colOff>
                    <xdr:row>25</xdr:row>
                    <xdr:rowOff>28575</xdr:rowOff>
                  </to>
                </anchor>
              </controlPr>
            </control>
          </mc:Choice>
        </mc:AlternateContent>
        <mc:AlternateContent xmlns:mc="http://schemas.openxmlformats.org/markup-compatibility/2006">
          <mc:Choice Requires="x14">
            <control shapeId="45075" r:id="rId22" name="Check Box 19">
              <controlPr defaultSize="0" autoFill="0" autoLine="0" autoPict="0">
                <anchor moveWithCells="1">
                  <from>
                    <xdr:col>29</xdr:col>
                    <xdr:colOff>9525</xdr:colOff>
                    <xdr:row>25</xdr:row>
                    <xdr:rowOff>161925</xdr:rowOff>
                  </from>
                  <to>
                    <xdr:col>36</xdr:col>
                    <xdr:colOff>47625</xdr:colOff>
                    <xdr:row>27</xdr:row>
                    <xdr:rowOff>38100</xdr:rowOff>
                  </to>
                </anchor>
              </controlPr>
            </control>
          </mc:Choice>
        </mc:AlternateContent>
        <mc:AlternateContent xmlns:mc="http://schemas.openxmlformats.org/markup-compatibility/2006">
          <mc:Choice Requires="x14">
            <control shapeId="45076" r:id="rId23" name="Check Box 20">
              <controlPr defaultSize="0" autoFill="0" autoLine="0" autoPict="0">
                <anchor moveWithCells="1">
                  <from>
                    <xdr:col>34</xdr:col>
                    <xdr:colOff>0</xdr:colOff>
                    <xdr:row>25</xdr:row>
                    <xdr:rowOff>161925</xdr:rowOff>
                  </from>
                  <to>
                    <xdr:col>41</xdr:col>
                    <xdr:colOff>38100</xdr:colOff>
                    <xdr:row>27</xdr:row>
                    <xdr:rowOff>38100</xdr:rowOff>
                  </to>
                </anchor>
              </controlPr>
            </control>
          </mc:Choice>
        </mc:AlternateContent>
        <mc:AlternateContent xmlns:mc="http://schemas.openxmlformats.org/markup-compatibility/2006">
          <mc:Choice Requires="x14">
            <control shapeId="45077" r:id="rId24" name="Check Box 21">
              <controlPr defaultSize="0" autoFill="0" autoLine="0" autoPict="0">
                <anchor moveWithCells="1">
                  <from>
                    <xdr:col>38</xdr:col>
                    <xdr:colOff>171450</xdr:colOff>
                    <xdr:row>25</xdr:row>
                    <xdr:rowOff>152400</xdr:rowOff>
                  </from>
                  <to>
                    <xdr:col>46</xdr:col>
                    <xdr:colOff>28575</xdr:colOff>
                    <xdr:row>27</xdr:row>
                    <xdr:rowOff>28575</xdr:rowOff>
                  </to>
                </anchor>
              </controlPr>
            </control>
          </mc:Choice>
        </mc:AlternateContent>
        <mc:AlternateContent xmlns:mc="http://schemas.openxmlformats.org/markup-compatibility/2006">
          <mc:Choice Requires="x14">
            <control shapeId="45078" r:id="rId25" name="Check Box 22">
              <controlPr defaultSize="0" autoFill="0" autoLine="0" autoPict="0">
                <anchor moveWithCells="1">
                  <from>
                    <xdr:col>56</xdr:col>
                    <xdr:colOff>0</xdr:colOff>
                    <xdr:row>25</xdr:row>
                    <xdr:rowOff>152400</xdr:rowOff>
                  </from>
                  <to>
                    <xdr:col>61</xdr:col>
                    <xdr:colOff>400050</xdr:colOff>
                    <xdr:row>27</xdr:row>
                    <xdr:rowOff>28575</xdr:rowOff>
                  </to>
                </anchor>
              </controlPr>
            </control>
          </mc:Choice>
        </mc:AlternateContent>
        <mc:AlternateContent xmlns:mc="http://schemas.openxmlformats.org/markup-compatibility/2006">
          <mc:Choice Requires="x14">
            <control shapeId="45079" r:id="rId26" name="Check Box 23">
              <controlPr defaultSize="0" autoFill="0" autoLine="0" autoPict="0">
                <anchor moveWithCells="1">
                  <from>
                    <xdr:col>7</xdr:col>
                    <xdr:colOff>0</xdr:colOff>
                    <xdr:row>31</xdr:row>
                    <xdr:rowOff>152400</xdr:rowOff>
                  </from>
                  <to>
                    <xdr:col>14</xdr:col>
                    <xdr:colOff>38100</xdr:colOff>
                    <xdr:row>33</xdr:row>
                    <xdr:rowOff>28575</xdr:rowOff>
                  </to>
                </anchor>
              </controlPr>
            </control>
          </mc:Choice>
        </mc:AlternateContent>
        <mc:AlternateContent xmlns:mc="http://schemas.openxmlformats.org/markup-compatibility/2006">
          <mc:Choice Requires="x14">
            <control shapeId="45080" r:id="rId27" name="Check Box 24">
              <controlPr defaultSize="0" autoFill="0" autoLine="0" autoPict="0">
                <anchor moveWithCells="1">
                  <from>
                    <xdr:col>23</xdr:col>
                    <xdr:colOff>19050</xdr:colOff>
                    <xdr:row>31</xdr:row>
                    <xdr:rowOff>152400</xdr:rowOff>
                  </from>
                  <to>
                    <xdr:col>30</xdr:col>
                    <xdr:colOff>57150</xdr:colOff>
                    <xdr:row>33</xdr:row>
                    <xdr:rowOff>28575</xdr:rowOff>
                  </to>
                </anchor>
              </controlPr>
            </control>
          </mc:Choice>
        </mc:AlternateContent>
        <mc:AlternateContent xmlns:mc="http://schemas.openxmlformats.org/markup-compatibility/2006">
          <mc:Choice Requires="x14">
            <control shapeId="45081" r:id="rId28" name="Check Box 25">
              <controlPr defaultSize="0" autoFill="0" autoLine="0" autoPict="0">
                <anchor moveWithCells="1">
                  <from>
                    <xdr:col>24</xdr:col>
                    <xdr:colOff>28575</xdr:colOff>
                    <xdr:row>32</xdr:row>
                    <xdr:rowOff>152400</xdr:rowOff>
                  </from>
                  <to>
                    <xdr:col>31</xdr:col>
                    <xdr:colOff>66675</xdr:colOff>
                    <xdr:row>34</xdr:row>
                    <xdr:rowOff>28575</xdr:rowOff>
                  </to>
                </anchor>
              </controlPr>
            </control>
          </mc:Choice>
        </mc:AlternateContent>
        <mc:AlternateContent xmlns:mc="http://schemas.openxmlformats.org/markup-compatibility/2006">
          <mc:Choice Requires="x14">
            <control shapeId="45082" r:id="rId29" name="Check Box 26">
              <controlPr defaultSize="0" autoFill="0" autoLine="0" autoPict="0">
                <anchor moveWithCells="1">
                  <from>
                    <xdr:col>28</xdr:col>
                    <xdr:colOff>0</xdr:colOff>
                    <xdr:row>32</xdr:row>
                    <xdr:rowOff>152400</xdr:rowOff>
                  </from>
                  <to>
                    <xdr:col>35</xdr:col>
                    <xdr:colOff>38100</xdr:colOff>
                    <xdr:row>34</xdr:row>
                    <xdr:rowOff>28575</xdr:rowOff>
                  </to>
                </anchor>
              </controlPr>
            </control>
          </mc:Choice>
        </mc:AlternateContent>
        <mc:AlternateContent xmlns:mc="http://schemas.openxmlformats.org/markup-compatibility/2006">
          <mc:Choice Requires="x14">
            <control shapeId="45083" r:id="rId30" name="Check Box 27">
              <controlPr defaultSize="0" autoFill="0" autoLine="0" autoPict="0">
                <anchor moveWithCells="1">
                  <from>
                    <xdr:col>32</xdr:col>
                    <xdr:colOff>0</xdr:colOff>
                    <xdr:row>32</xdr:row>
                    <xdr:rowOff>142875</xdr:rowOff>
                  </from>
                  <to>
                    <xdr:col>39</xdr:col>
                    <xdr:colOff>28575</xdr:colOff>
                    <xdr:row>34</xdr:row>
                    <xdr:rowOff>19050</xdr:rowOff>
                  </to>
                </anchor>
              </controlPr>
            </control>
          </mc:Choice>
        </mc:AlternateContent>
        <mc:AlternateContent xmlns:mc="http://schemas.openxmlformats.org/markup-compatibility/2006">
          <mc:Choice Requires="x14">
            <control shapeId="45084" r:id="rId31" name="Check Box 28">
              <controlPr defaultSize="0" autoFill="0" autoLine="0" autoPict="0">
                <anchor moveWithCells="1">
                  <from>
                    <xdr:col>35</xdr:col>
                    <xdr:colOff>171450</xdr:colOff>
                    <xdr:row>32</xdr:row>
                    <xdr:rowOff>142875</xdr:rowOff>
                  </from>
                  <to>
                    <xdr:col>43</xdr:col>
                    <xdr:colOff>19050</xdr:colOff>
                    <xdr:row>34</xdr:row>
                    <xdr:rowOff>19050</xdr:rowOff>
                  </to>
                </anchor>
              </controlPr>
            </control>
          </mc:Choice>
        </mc:AlternateContent>
        <mc:AlternateContent xmlns:mc="http://schemas.openxmlformats.org/markup-compatibility/2006">
          <mc:Choice Requires="x14">
            <control shapeId="45085" r:id="rId32" name="Check Box 29">
              <controlPr defaultSize="0" autoFill="0" autoLine="0" autoPict="0">
                <anchor moveWithCells="1">
                  <from>
                    <xdr:col>39</xdr:col>
                    <xdr:colOff>161925</xdr:colOff>
                    <xdr:row>32</xdr:row>
                    <xdr:rowOff>152400</xdr:rowOff>
                  </from>
                  <to>
                    <xdr:col>47</xdr:col>
                    <xdr:colOff>19050</xdr:colOff>
                    <xdr:row>34</xdr:row>
                    <xdr:rowOff>28575</xdr:rowOff>
                  </to>
                </anchor>
              </controlPr>
            </control>
          </mc:Choice>
        </mc:AlternateContent>
        <mc:AlternateContent xmlns:mc="http://schemas.openxmlformats.org/markup-compatibility/2006">
          <mc:Choice Requires="x14">
            <control shapeId="45086" r:id="rId33" name="Check Box 30">
              <controlPr defaultSize="0" autoFill="0" autoLine="0" autoPict="0">
                <anchor moveWithCells="1">
                  <from>
                    <xdr:col>44</xdr:col>
                    <xdr:colOff>171450</xdr:colOff>
                    <xdr:row>32</xdr:row>
                    <xdr:rowOff>152400</xdr:rowOff>
                  </from>
                  <to>
                    <xdr:col>52</xdr:col>
                    <xdr:colOff>28575</xdr:colOff>
                    <xdr:row>34</xdr:row>
                    <xdr:rowOff>28575</xdr:rowOff>
                  </to>
                </anchor>
              </controlPr>
            </control>
          </mc:Choice>
        </mc:AlternateContent>
        <mc:AlternateContent xmlns:mc="http://schemas.openxmlformats.org/markup-compatibility/2006">
          <mc:Choice Requires="x14">
            <control shapeId="45087" r:id="rId34" name="Check Box 31">
              <controlPr defaultSize="0" autoFill="0" autoLine="0" autoPict="0">
                <anchor moveWithCells="1">
                  <from>
                    <xdr:col>23</xdr:col>
                    <xdr:colOff>19050</xdr:colOff>
                    <xdr:row>33</xdr:row>
                    <xdr:rowOff>133350</xdr:rowOff>
                  </from>
                  <to>
                    <xdr:col>30</xdr:col>
                    <xdr:colOff>57150</xdr:colOff>
                    <xdr:row>35</xdr:row>
                    <xdr:rowOff>19050</xdr:rowOff>
                  </to>
                </anchor>
              </controlPr>
            </control>
          </mc:Choice>
        </mc:AlternateContent>
        <mc:AlternateContent xmlns:mc="http://schemas.openxmlformats.org/markup-compatibility/2006">
          <mc:Choice Requires="x14">
            <control shapeId="45088" r:id="rId35" name="Check Box 32">
              <controlPr defaultSize="0" autoFill="0" autoLine="0" autoPict="0">
                <anchor moveWithCells="1">
                  <from>
                    <xdr:col>24</xdr:col>
                    <xdr:colOff>9525</xdr:colOff>
                    <xdr:row>34</xdr:row>
                    <xdr:rowOff>142875</xdr:rowOff>
                  </from>
                  <to>
                    <xdr:col>31</xdr:col>
                    <xdr:colOff>47625</xdr:colOff>
                    <xdr:row>36</xdr:row>
                    <xdr:rowOff>19050</xdr:rowOff>
                  </to>
                </anchor>
              </controlPr>
            </control>
          </mc:Choice>
        </mc:AlternateContent>
        <mc:AlternateContent xmlns:mc="http://schemas.openxmlformats.org/markup-compatibility/2006">
          <mc:Choice Requires="x14">
            <control shapeId="45089" r:id="rId36" name="Check Box 33">
              <controlPr defaultSize="0" autoFill="0" autoLine="0" autoPict="0">
                <anchor moveWithCells="1">
                  <from>
                    <xdr:col>37</xdr:col>
                    <xdr:colOff>171450</xdr:colOff>
                    <xdr:row>34</xdr:row>
                    <xdr:rowOff>133350</xdr:rowOff>
                  </from>
                  <to>
                    <xdr:col>45</xdr:col>
                    <xdr:colOff>28575</xdr:colOff>
                    <xdr:row>36</xdr:row>
                    <xdr:rowOff>9525</xdr:rowOff>
                  </to>
                </anchor>
              </controlPr>
            </control>
          </mc:Choice>
        </mc:AlternateContent>
        <mc:AlternateContent xmlns:mc="http://schemas.openxmlformats.org/markup-compatibility/2006">
          <mc:Choice Requires="x14">
            <control shapeId="45090" r:id="rId37" name="Check Box 34">
              <controlPr defaultSize="0" autoFill="0" autoLine="0" autoPict="0">
                <anchor moveWithCells="1">
                  <from>
                    <xdr:col>56</xdr:col>
                    <xdr:colOff>0</xdr:colOff>
                    <xdr:row>34</xdr:row>
                    <xdr:rowOff>152400</xdr:rowOff>
                  </from>
                  <to>
                    <xdr:col>61</xdr:col>
                    <xdr:colOff>400050</xdr:colOff>
                    <xdr:row>36</xdr:row>
                    <xdr:rowOff>28575</xdr:rowOff>
                  </to>
                </anchor>
              </controlPr>
            </control>
          </mc:Choice>
        </mc:AlternateContent>
        <mc:AlternateContent xmlns:mc="http://schemas.openxmlformats.org/markup-compatibility/2006">
          <mc:Choice Requires="x14">
            <control shapeId="45091" r:id="rId38" name="Check Box 35">
              <controlPr defaultSize="0" autoFill="0" autoLine="0" autoPict="0">
                <anchor moveWithCells="1">
                  <from>
                    <xdr:col>7</xdr:col>
                    <xdr:colOff>0</xdr:colOff>
                    <xdr:row>35</xdr:row>
                    <xdr:rowOff>142875</xdr:rowOff>
                  </from>
                  <to>
                    <xdr:col>14</xdr:col>
                    <xdr:colOff>38100</xdr:colOff>
                    <xdr:row>37</xdr:row>
                    <xdr:rowOff>19050</xdr:rowOff>
                  </to>
                </anchor>
              </controlPr>
            </control>
          </mc:Choice>
        </mc:AlternateContent>
        <mc:AlternateContent xmlns:mc="http://schemas.openxmlformats.org/markup-compatibility/2006">
          <mc:Choice Requires="x14">
            <control shapeId="45092" r:id="rId39" name="Check Box 36">
              <controlPr defaultSize="0" autoFill="0" autoLine="0" autoPict="0">
                <anchor moveWithCells="1">
                  <from>
                    <xdr:col>23</xdr:col>
                    <xdr:colOff>9525</xdr:colOff>
                    <xdr:row>35</xdr:row>
                    <xdr:rowOff>142875</xdr:rowOff>
                  </from>
                  <to>
                    <xdr:col>30</xdr:col>
                    <xdr:colOff>47625</xdr:colOff>
                    <xdr:row>37</xdr:row>
                    <xdr:rowOff>19050</xdr:rowOff>
                  </to>
                </anchor>
              </controlPr>
            </control>
          </mc:Choice>
        </mc:AlternateContent>
        <mc:AlternateContent xmlns:mc="http://schemas.openxmlformats.org/markup-compatibility/2006">
          <mc:Choice Requires="x14">
            <control shapeId="45093" r:id="rId40" name="Check Box 37">
              <controlPr defaultSize="0" autoFill="0" autoLine="0" autoPict="0">
                <anchor moveWithCells="1">
                  <from>
                    <xdr:col>24</xdr:col>
                    <xdr:colOff>9525</xdr:colOff>
                    <xdr:row>36</xdr:row>
                    <xdr:rowOff>142875</xdr:rowOff>
                  </from>
                  <to>
                    <xdr:col>31</xdr:col>
                    <xdr:colOff>47625</xdr:colOff>
                    <xdr:row>38</xdr:row>
                    <xdr:rowOff>28575</xdr:rowOff>
                  </to>
                </anchor>
              </controlPr>
            </control>
          </mc:Choice>
        </mc:AlternateContent>
        <mc:AlternateContent xmlns:mc="http://schemas.openxmlformats.org/markup-compatibility/2006">
          <mc:Choice Requires="x14">
            <control shapeId="45094" r:id="rId41" name="Check Box 38">
              <controlPr defaultSize="0" autoFill="0" autoLine="0" autoPict="0">
                <anchor moveWithCells="1">
                  <from>
                    <xdr:col>28</xdr:col>
                    <xdr:colOff>171450</xdr:colOff>
                    <xdr:row>36</xdr:row>
                    <xdr:rowOff>152400</xdr:rowOff>
                  </from>
                  <to>
                    <xdr:col>36</xdr:col>
                    <xdr:colOff>28575</xdr:colOff>
                    <xdr:row>38</xdr:row>
                    <xdr:rowOff>38100</xdr:rowOff>
                  </to>
                </anchor>
              </controlPr>
            </control>
          </mc:Choice>
        </mc:AlternateContent>
        <mc:AlternateContent xmlns:mc="http://schemas.openxmlformats.org/markup-compatibility/2006">
          <mc:Choice Requires="x14">
            <control shapeId="45095" r:id="rId42" name="Check Box 39">
              <controlPr defaultSize="0" autoFill="0" autoLine="0" autoPict="0">
                <anchor moveWithCells="1">
                  <from>
                    <xdr:col>33</xdr:col>
                    <xdr:colOff>171450</xdr:colOff>
                    <xdr:row>36</xdr:row>
                    <xdr:rowOff>152400</xdr:rowOff>
                  </from>
                  <to>
                    <xdr:col>41</xdr:col>
                    <xdr:colOff>28575</xdr:colOff>
                    <xdr:row>38</xdr:row>
                    <xdr:rowOff>38100</xdr:rowOff>
                  </to>
                </anchor>
              </controlPr>
            </control>
          </mc:Choice>
        </mc:AlternateContent>
        <mc:AlternateContent xmlns:mc="http://schemas.openxmlformats.org/markup-compatibility/2006">
          <mc:Choice Requires="x14">
            <control shapeId="45096" r:id="rId43" name="Check Box 40">
              <controlPr defaultSize="0" autoFill="0" autoLine="0" autoPict="0">
                <anchor moveWithCells="1">
                  <from>
                    <xdr:col>38</xdr:col>
                    <xdr:colOff>161925</xdr:colOff>
                    <xdr:row>36</xdr:row>
                    <xdr:rowOff>152400</xdr:rowOff>
                  </from>
                  <to>
                    <xdr:col>46</xdr:col>
                    <xdr:colOff>19050</xdr:colOff>
                    <xdr:row>38</xdr:row>
                    <xdr:rowOff>38100</xdr:rowOff>
                  </to>
                </anchor>
              </controlPr>
            </control>
          </mc:Choice>
        </mc:AlternateContent>
        <mc:AlternateContent xmlns:mc="http://schemas.openxmlformats.org/markup-compatibility/2006">
          <mc:Choice Requires="x14">
            <control shapeId="45097" r:id="rId44" name="Check Box 41">
              <controlPr defaultSize="0" autoFill="0" autoLine="0" autoPict="0">
                <anchor moveWithCells="1">
                  <from>
                    <xdr:col>49</xdr:col>
                    <xdr:colOff>171450</xdr:colOff>
                    <xdr:row>36</xdr:row>
                    <xdr:rowOff>152400</xdr:rowOff>
                  </from>
                  <to>
                    <xdr:col>57</xdr:col>
                    <xdr:colOff>28575</xdr:colOff>
                    <xdr:row>38</xdr:row>
                    <xdr:rowOff>38100</xdr:rowOff>
                  </to>
                </anchor>
              </controlPr>
            </control>
          </mc:Choice>
        </mc:AlternateContent>
        <mc:AlternateContent xmlns:mc="http://schemas.openxmlformats.org/markup-compatibility/2006">
          <mc:Choice Requires="x14">
            <control shapeId="45098" r:id="rId45" name="Check Box 42">
              <controlPr defaultSize="0" autoFill="0" autoLine="0" autoPict="0">
                <anchor moveWithCells="1">
                  <from>
                    <xdr:col>24</xdr:col>
                    <xdr:colOff>9525</xdr:colOff>
                    <xdr:row>37</xdr:row>
                    <xdr:rowOff>142875</xdr:rowOff>
                  </from>
                  <to>
                    <xdr:col>31</xdr:col>
                    <xdr:colOff>47625</xdr:colOff>
                    <xdr:row>39</xdr:row>
                    <xdr:rowOff>19050</xdr:rowOff>
                  </to>
                </anchor>
              </controlPr>
            </control>
          </mc:Choice>
        </mc:AlternateContent>
        <mc:AlternateContent xmlns:mc="http://schemas.openxmlformats.org/markup-compatibility/2006">
          <mc:Choice Requires="x14">
            <control shapeId="45099" r:id="rId46" name="Check Box 43">
              <controlPr defaultSize="0" autoFill="0" autoLine="0" autoPict="0">
                <anchor moveWithCells="1">
                  <from>
                    <xdr:col>32</xdr:col>
                    <xdr:colOff>171450</xdr:colOff>
                    <xdr:row>37</xdr:row>
                    <xdr:rowOff>152400</xdr:rowOff>
                  </from>
                  <to>
                    <xdr:col>40</xdr:col>
                    <xdr:colOff>28575</xdr:colOff>
                    <xdr:row>39</xdr:row>
                    <xdr:rowOff>28575</xdr:rowOff>
                  </to>
                </anchor>
              </controlPr>
            </control>
          </mc:Choice>
        </mc:AlternateContent>
        <mc:AlternateContent xmlns:mc="http://schemas.openxmlformats.org/markup-compatibility/2006">
          <mc:Choice Requires="x14">
            <control shapeId="45100" r:id="rId47" name="Check Box 44">
              <controlPr defaultSize="0" autoFill="0" autoLine="0" autoPict="0">
                <anchor moveWithCells="1">
                  <from>
                    <xdr:col>56</xdr:col>
                    <xdr:colOff>0</xdr:colOff>
                    <xdr:row>37</xdr:row>
                    <xdr:rowOff>152400</xdr:rowOff>
                  </from>
                  <to>
                    <xdr:col>61</xdr:col>
                    <xdr:colOff>400050</xdr:colOff>
                    <xdr:row>39</xdr:row>
                    <xdr:rowOff>28575</xdr:rowOff>
                  </to>
                </anchor>
              </controlPr>
            </control>
          </mc:Choice>
        </mc:AlternateContent>
        <mc:AlternateContent xmlns:mc="http://schemas.openxmlformats.org/markup-compatibility/2006">
          <mc:Choice Requires="x14">
            <control shapeId="45101" r:id="rId48" name="Check Box 45">
              <controlPr defaultSize="0" autoFill="0" autoLine="0" autoPict="0">
                <anchor moveWithCells="1">
                  <from>
                    <xdr:col>24</xdr:col>
                    <xdr:colOff>9525</xdr:colOff>
                    <xdr:row>39</xdr:row>
                    <xdr:rowOff>152400</xdr:rowOff>
                  </from>
                  <to>
                    <xdr:col>31</xdr:col>
                    <xdr:colOff>47625</xdr:colOff>
                    <xdr:row>41</xdr:row>
                    <xdr:rowOff>38100</xdr:rowOff>
                  </to>
                </anchor>
              </controlPr>
            </control>
          </mc:Choice>
        </mc:AlternateContent>
        <mc:AlternateContent xmlns:mc="http://schemas.openxmlformats.org/markup-compatibility/2006">
          <mc:Choice Requires="x14">
            <control shapeId="45102" r:id="rId49" name="Check Box 46">
              <controlPr defaultSize="0" autoFill="0" autoLine="0" autoPict="0">
                <anchor moveWithCells="1">
                  <from>
                    <xdr:col>30</xdr:col>
                    <xdr:colOff>0</xdr:colOff>
                    <xdr:row>39</xdr:row>
                    <xdr:rowOff>142875</xdr:rowOff>
                  </from>
                  <to>
                    <xdr:col>37</xdr:col>
                    <xdr:colOff>28575</xdr:colOff>
                    <xdr:row>41</xdr:row>
                    <xdr:rowOff>28575</xdr:rowOff>
                  </to>
                </anchor>
              </controlPr>
            </control>
          </mc:Choice>
        </mc:AlternateContent>
        <mc:AlternateContent xmlns:mc="http://schemas.openxmlformats.org/markup-compatibility/2006">
          <mc:Choice Requires="x14">
            <control shapeId="45103" r:id="rId50" name="Check Box 47">
              <controlPr defaultSize="0" autoFill="0" autoLine="0" autoPict="0">
                <anchor moveWithCells="1">
                  <from>
                    <xdr:col>56</xdr:col>
                    <xdr:colOff>9525</xdr:colOff>
                    <xdr:row>39</xdr:row>
                    <xdr:rowOff>133350</xdr:rowOff>
                  </from>
                  <to>
                    <xdr:col>61</xdr:col>
                    <xdr:colOff>409575</xdr:colOff>
                    <xdr:row>41</xdr:row>
                    <xdr:rowOff>19050</xdr:rowOff>
                  </to>
                </anchor>
              </controlPr>
            </control>
          </mc:Choice>
        </mc:AlternateContent>
        <mc:AlternateContent xmlns:mc="http://schemas.openxmlformats.org/markup-compatibility/2006">
          <mc:Choice Requires="x14">
            <control shapeId="45104" r:id="rId51" name="Check Box 48">
              <controlPr defaultSize="0" autoFill="0" autoLine="0" autoPict="0">
                <anchor moveWithCells="1">
                  <from>
                    <xdr:col>23</xdr:col>
                    <xdr:colOff>19050</xdr:colOff>
                    <xdr:row>38</xdr:row>
                    <xdr:rowOff>161925</xdr:rowOff>
                  </from>
                  <to>
                    <xdr:col>30</xdr:col>
                    <xdr:colOff>57150</xdr:colOff>
                    <xdr:row>40</xdr:row>
                    <xdr:rowOff>38100</xdr:rowOff>
                  </to>
                </anchor>
              </controlPr>
            </control>
          </mc:Choice>
        </mc:AlternateContent>
        <mc:AlternateContent xmlns:mc="http://schemas.openxmlformats.org/markup-compatibility/2006">
          <mc:Choice Requires="x14">
            <control shapeId="45105" r:id="rId52" name="Check Box 49">
              <controlPr defaultSize="0" autoFill="0" autoLine="0" autoPict="0">
                <anchor moveWithCells="1">
                  <from>
                    <xdr:col>7</xdr:col>
                    <xdr:colOff>0</xdr:colOff>
                    <xdr:row>40</xdr:row>
                    <xdr:rowOff>152400</xdr:rowOff>
                  </from>
                  <to>
                    <xdr:col>14</xdr:col>
                    <xdr:colOff>38100</xdr:colOff>
                    <xdr:row>42</xdr:row>
                    <xdr:rowOff>28575</xdr:rowOff>
                  </to>
                </anchor>
              </controlPr>
            </control>
          </mc:Choice>
        </mc:AlternateContent>
        <mc:AlternateContent xmlns:mc="http://schemas.openxmlformats.org/markup-compatibility/2006">
          <mc:Choice Requires="x14">
            <control shapeId="45106" r:id="rId53" name="Check Box 50">
              <controlPr defaultSize="0" autoFill="0" autoLine="0" autoPict="0">
                <anchor moveWithCells="1">
                  <from>
                    <xdr:col>23</xdr:col>
                    <xdr:colOff>9525</xdr:colOff>
                    <xdr:row>40</xdr:row>
                    <xdr:rowOff>142875</xdr:rowOff>
                  </from>
                  <to>
                    <xdr:col>30</xdr:col>
                    <xdr:colOff>47625</xdr:colOff>
                    <xdr:row>42</xdr:row>
                    <xdr:rowOff>19050</xdr:rowOff>
                  </to>
                </anchor>
              </controlPr>
            </control>
          </mc:Choice>
        </mc:AlternateContent>
        <mc:AlternateContent xmlns:mc="http://schemas.openxmlformats.org/markup-compatibility/2006">
          <mc:Choice Requires="x14">
            <control shapeId="45107" r:id="rId54" name="Check Box 51">
              <controlPr defaultSize="0" autoFill="0" autoLine="0" autoPict="0">
                <anchor moveWithCells="1">
                  <from>
                    <xdr:col>23</xdr:col>
                    <xdr:colOff>9525</xdr:colOff>
                    <xdr:row>44</xdr:row>
                    <xdr:rowOff>19050</xdr:rowOff>
                  </from>
                  <to>
                    <xdr:col>30</xdr:col>
                    <xdr:colOff>47625</xdr:colOff>
                    <xdr:row>45</xdr:row>
                    <xdr:rowOff>38100</xdr:rowOff>
                  </to>
                </anchor>
              </controlPr>
            </control>
          </mc:Choice>
        </mc:AlternateContent>
        <mc:AlternateContent xmlns:mc="http://schemas.openxmlformats.org/markup-compatibility/2006">
          <mc:Choice Requires="x14">
            <control shapeId="45108" r:id="rId55" name="Check Box 52">
              <controlPr defaultSize="0" autoFill="0" autoLine="0" autoPict="0">
                <anchor moveWithCells="1">
                  <from>
                    <xdr:col>24</xdr:col>
                    <xdr:colOff>0</xdr:colOff>
                    <xdr:row>45</xdr:row>
                    <xdr:rowOff>9525</xdr:rowOff>
                  </from>
                  <to>
                    <xdr:col>31</xdr:col>
                    <xdr:colOff>38100</xdr:colOff>
                    <xdr:row>46</xdr:row>
                    <xdr:rowOff>47625</xdr:rowOff>
                  </to>
                </anchor>
              </controlPr>
            </control>
          </mc:Choice>
        </mc:AlternateContent>
        <mc:AlternateContent xmlns:mc="http://schemas.openxmlformats.org/markup-compatibility/2006">
          <mc:Choice Requires="x14">
            <control shapeId="45109" r:id="rId56" name="Check Box 53">
              <controlPr defaultSize="0" autoFill="0" autoLine="0" autoPict="0">
                <anchor moveWithCells="1">
                  <from>
                    <xdr:col>23</xdr:col>
                    <xdr:colOff>19050</xdr:colOff>
                    <xdr:row>45</xdr:row>
                    <xdr:rowOff>152400</xdr:rowOff>
                  </from>
                  <to>
                    <xdr:col>30</xdr:col>
                    <xdr:colOff>57150</xdr:colOff>
                    <xdr:row>47</xdr:row>
                    <xdr:rowOff>38100</xdr:rowOff>
                  </to>
                </anchor>
              </controlPr>
            </control>
          </mc:Choice>
        </mc:AlternateContent>
        <mc:AlternateContent xmlns:mc="http://schemas.openxmlformats.org/markup-compatibility/2006">
          <mc:Choice Requires="x14">
            <control shapeId="45110" r:id="rId57" name="Check Box 54">
              <controlPr defaultSize="0" autoFill="0" autoLine="0" autoPict="0">
                <anchor moveWithCells="1">
                  <from>
                    <xdr:col>24</xdr:col>
                    <xdr:colOff>19050</xdr:colOff>
                    <xdr:row>46</xdr:row>
                    <xdr:rowOff>161925</xdr:rowOff>
                  </from>
                  <to>
                    <xdr:col>31</xdr:col>
                    <xdr:colOff>57150</xdr:colOff>
                    <xdr:row>48</xdr:row>
                    <xdr:rowOff>38100</xdr:rowOff>
                  </to>
                </anchor>
              </controlPr>
            </control>
          </mc:Choice>
        </mc:AlternateContent>
        <mc:AlternateContent xmlns:mc="http://schemas.openxmlformats.org/markup-compatibility/2006">
          <mc:Choice Requires="x14">
            <control shapeId="45111" r:id="rId58" name="Check Box 55">
              <controlPr defaultSize="0" autoFill="0" autoLine="0" autoPict="0">
                <anchor moveWithCells="1">
                  <from>
                    <xdr:col>29</xdr:col>
                    <xdr:colOff>171450</xdr:colOff>
                    <xdr:row>46</xdr:row>
                    <xdr:rowOff>142875</xdr:rowOff>
                  </from>
                  <to>
                    <xdr:col>37</xdr:col>
                    <xdr:colOff>19050</xdr:colOff>
                    <xdr:row>48</xdr:row>
                    <xdr:rowOff>38100</xdr:rowOff>
                  </to>
                </anchor>
              </controlPr>
            </control>
          </mc:Choice>
        </mc:AlternateContent>
        <mc:AlternateContent xmlns:mc="http://schemas.openxmlformats.org/markup-compatibility/2006">
          <mc:Choice Requires="x14">
            <control shapeId="45112" r:id="rId59" name="Check Box 56">
              <controlPr defaultSize="0" autoFill="0" autoLine="0" autoPict="0">
                <anchor moveWithCells="1">
                  <from>
                    <xdr:col>29</xdr:col>
                    <xdr:colOff>171450</xdr:colOff>
                    <xdr:row>44</xdr:row>
                    <xdr:rowOff>180975</xdr:rowOff>
                  </from>
                  <to>
                    <xdr:col>37</xdr:col>
                    <xdr:colOff>19050</xdr:colOff>
                    <xdr:row>46</xdr:row>
                    <xdr:rowOff>47625</xdr:rowOff>
                  </to>
                </anchor>
              </controlPr>
            </control>
          </mc:Choice>
        </mc:AlternateContent>
        <mc:AlternateContent xmlns:mc="http://schemas.openxmlformats.org/markup-compatibility/2006">
          <mc:Choice Requires="x14">
            <control shapeId="45113" r:id="rId60" name="Check Box 57">
              <controlPr defaultSize="0" autoFill="0" autoLine="0" autoPict="0">
                <anchor moveWithCells="1">
                  <from>
                    <xdr:col>49</xdr:col>
                    <xdr:colOff>171450</xdr:colOff>
                    <xdr:row>46</xdr:row>
                    <xdr:rowOff>161925</xdr:rowOff>
                  </from>
                  <to>
                    <xdr:col>57</xdr:col>
                    <xdr:colOff>28575</xdr:colOff>
                    <xdr:row>48</xdr:row>
                    <xdr:rowOff>38100</xdr:rowOff>
                  </to>
                </anchor>
              </controlPr>
            </control>
          </mc:Choice>
        </mc:AlternateContent>
        <mc:AlternateContent xmlns:mc="http://schemas.openxmlformats.org/markup-compatibility/2006">
          <mc:Choice Requires="x14">
            <control shapeId="45114" r:id="rId61" name="Check Box 58">
              <controlPr defaultSize="0" autoFill="0" autoLine="0" autoPict="0">
                <anchor moveWithCells="1">
                  <from>
                    <xdr:col>55</xdr:col>
                    <xdr:colOff>9525</xdr:colOff>
                    <xdr:row>46</xdr:row>
                    <xdr:rowOff>161925</xdr:rowOff>
                  </from>
                  <to>
                    <xdr:col>61</xdr:col>
                    <xdr:colOff>228600</xdr:colOff>
                    <xdr:row>48</xdr:row>
                    <xdr:rowOff>38100</xdr:rowOff>
                  </to>
                </anchor>
              </controlPr>
            </control>
          </mc:Choice>
        </mc:AlternateContent>
        <mc:AlternateContent xmlns:mc="http://schemas.openxmlformats.org/markup-compatibility/2006">
          <mc:Choice Requires="x14">
            <control shapeId="45115" r:id="rId62" name="Check Box 59">
              <controlPr defaultSize="0" autoFill="0" autoLine="0" autoPict="0">
                <anchor moveWithCells="1">
                  <from>
                    <xdr:col>24</xdr:col>
                    <xdr:colOff>19050</xdr:colOff>
                    <xdr:row>47</xdr:row>
                    <xdr:rowOff>152400</xdr:rowOff>
                  </from>
                  <to>
                    <xdr:col>31</xdr:col>
                    <xdr:colOff>57150</xdr:colOff>
                    <xdr:row>49</xdr:row>
                    <xdr:rowOff>28575</xdr:rowOff>
                  </to>
                </anchor>
              </controlPr>
            </control>
          </mc:Choice>
        </mc:AlternateContent>
        <mc:AlternateContent xmlns:mc="http://schemas.openxmlformats.org/markup-compatibility/2006">
          <mc:Choice Requires="x14">
            <control shapeId="45116" r:id="rId63" name="Check Box 60">
              <controlPr defaultSize="0" autoFill="0" autoLine="0" autoPict="0">
                <anchor moveWithCells="1">
                  <from>
                    <xdr:col>24</xdr:col>
                    <xdr:colOff>19050</xdr:colOff>
                    <xdr:row>48</xdr:row>
                    <xdr:rowOff>142875</xdr:rowOff>
                  </from>
                  <to>
                    <xdr:col>31</xdr:col>
                    <xdr:colOff>57150</xdr:colOff>
                    <xdr:row>50</xdr:row>
                    <xdr:rowOff>28575</xdr:rowOff>
                  </to>
                </anchor>
              </controlPr>
            </control>
          </mc:Choice>
        </mc:AlternateContent>
        <mc:AlternateContent xmlns:mc="http://schemas.openxmlformats.org/markup-compatibility/2006">
          <mc:Choice Requires="x14">
            <control shapeId="45117" r:id="rId64" name="Check Box 61">
              <controlPr defaultSize="0" autoFill="0" autoLine="0" autoPict="0">
                <anchor moveWithCells="1">
                  <from>
                    <xdr:col>6</xdr:col>
                    <xdr:colOff>161925</xdr:colOff>
                    <xdr:row>51</xdr:row>
                    <xdr:rowOff>161925</xdr:rowOff>
                  </from>
                  <to>
                    <xdr:col>14</xdr:col>
                    <xdr:colOff>19050</xdr:colOff>
                    <xdr:row>53</xdr:row>
                    <xdr:rowOff>47625</xdr:rowOff>
                  </to>
                </anchor>
              </controlPr>
            </control>
          </mc:Choice>
        </mc:AlternateContent>
        <mc:AlternateContent xmlns:mc="http://schemas.openxmlformats.org/markup-compatibility/2006">
          <mc:Choice Requires="x14">
            <control shapeId="45118" r:id="rId65" name="Check Box 62">
              <controlPr defaultSize="0" autoFill="0" autoLine="0" autoPict="0">
                <anchor moveWithCells="1">
                  <from>
                    <xdr:col>32</xdr:col>
                    <xdr:colOff>19050</xdr:colOff>
                    <xdr:row>53</xdr:row>
                    <xdr:rowOff>152400</xdr:rowOff>
                  </from>
                  <to>
                    <xdr:col>39</xdr:col>
                    <xdr:colOff>47625</xdr:colOff>
                    <xdr:row>55</xdr:row>
                    <xdr:rowOff>28575</xdr:rowOff>
                  </to>
                </anchor>
              </controlPr>
            </control>
          </mc:Choice>
        </mc:AlternateContent>
        <mc:AlternateContent xmlns:mc="http://schemas.openxmlformats.org/markup-compatibility/2006">
          <mc:Choice Requires="x14">
            <control shapeId="45119" r:id="rId66" name="Check Box 63">
              <controlPr defaultSize="0" autoFill="0" autoLine="0" autoPict="0">
                <anchor moveWithCells="1">
                  <from>
                    <xdr:col>36</xdr:col>
                    <xdr:colOff>0</xdr:colOff>
                    <xdr:row>53</xdr:row>
                    <xdr:rowOff>161925</xdr:rowOff>
                  </from>
                  <to>
                    <xdr:col>43</xdr:col>
                    <xdr:colOff>28575</xdr:colOff>
                    <xdr:row>55</xdr:row>
                    <xdr:rowOff>38100</xdr:rowOff>
                  </to>
                </anchor>
              </controlPr>
            </control>
          </mc:Choice>
        </mc:AlternateContent>
        <mc:AlternateContent xmlns:mc="http://schemas.openxmlformats.org/markup-compatibility/2006">
          <mc:Choice Requires="x14">
            <control shapeId="45120" r:id="rId67" name="Check Box 64">
              <controlPr defaultSize="0" autoFill="0" autoLine="0" autoPict="0">
                <anchor moveWithCells="1">
                  <from>
                    <xdr:col>40</xdr:col>
                    <xdr:colOff>0</xdr:colOff>
                    <xdr:row>53</xdr:row>
                    <xdr:rowOff>161925</xdr:rowOff>
                  </from>
                  <to>
                    <xdr:col>47</xdr:col>
                    <xdr:colOff>38100</xdr:colOff>
                    <xdr:row>55</xdr:row>
                    <xdr:rowOff>38100</xdr:rowOff>
                  </to>
                </anchor>
              </controlPr>
            </control>
          </mc:Choice>
        </mc:AlternateContent>
        <mc:AlternateContent xmlns:mc="http://schemas.openxmlformats.org/markup-compatibility/2006">
          <mc:Choice Requires="x14">
            <control shapeId="45121" r:id="rId68" name="Check Box 65">
              <controlPr defaultSize="0" autoFill="0" autoLine="0" autoPict="0">
                <anchor moveWithCells="1">
                  <from>
                    <xdr:col>44</xdr:col>
                    <xdr:colOff>0</xdr:colOff>
                    <xdr:row>53</xdr:row>
                    <xdr:rowOff>161925</xdr:rowOff>
                  </from>
                  <to>
                    <xdr:col>51</xdr:col>
                    <xdr:colOff>38100</xdr:colOff>
                    <xdr:row>55</xdr:row>
                    <xdr:rowOff>38100</xdr:rowOff>
                  </to>
                </anchor>
              </controlPr>
            </control>
          </mc:Choice>
        </mc:AlternateContent>
        <mc:AlternateContent xmlns:mc="http://schemas.openxmlformats.org/markup-compatibility/2006">
          <mc:Choice Requires="x14">
            <control shapeId="45122" r:id="rId69" name="Check Box 66">
              <controlPr defaultSize="0" autoFill="0" autoLine="0" autoPict="0">
                <anchor moveWithCells="1">
                  <from>
                    <xdr:col>47</xdr:col>
                    <xdr:colOff>152400</xdr:colOff>
                    <xdr:row>54</xdr:row>
                    <xdr:rowOff>0</xdr:rowOff>
                  </from>
                  <to>
                    <xdr:col>55</xdr:col>
                    <xdr:colOff>0</xdr:colOff>
                    <xdr:row>55</xdr:row>
                    <xdr:rowOff>47625</xdr:rowOff>
                  </to>
                </anchor>
              </controlPr>
            </control>
          </mc:Choice>
        </mc:AlternateContent>
        <mc:AlternateContent xmlns:mc="http://schemas.openxmlformats.org/markup-compatibility/2006">
          <mc:Choice Requires="x14">
            <control shapeId="45123" r:id="rId70" name="Check Box 67">
              <controlPr defaultSize="0" autoFill="0" autoLine="0" autoPict="0">
                <anchor moveWithCells="1">
                  <from>
                    <xdr:col>51</xdr:col>
                    <xdr:colOff>161925</xdr:colOff>
                    <xdr:row>53</xdr:row>
                    <xdr:rowOff>161925</xdr:rowOff>
                  </from>
                  <to>
                    <xdr:col>59</xdr:col>
                    <xdr:colOff>19050</xdr:colOff>
                    <xdr:row>55</xdr:row>
                    <xdr:rowOff>38100</xdr:rowOff>
                  </to>
                </anchor>
              </controlPr>
            </control>
          </mc:Choice>
        </mc:AlternateContent>
        <mc:AlternateContent xmlns:mc="http://schemas.openxmlformats.org/markup-compatibility/2006">
          <mc:Choice Requires="x14">
            <control shapeId="45124" r:id="rId71" name="Check Box 68">
              <controlPr defaultSize="0" autoFill="0" autoLine="0" autoPict="0">
                <anchor moveWithCells="1">
                  <from>
                    <xdr:col>23</xdr:col>
                    <xdr:colOff>19050</xdr:colOff>
                    <xdr:row>56</xdr:row>
                    <xdr:rowOff>152400</xdr:rowOff>
                  </from>
                  <to>
                    <xdr:col>30</xdr:col>
                    <xdr:colOff>57150</xdr:colOff>
                    <xdr:row>58</xdr:row>
                    <xdr:rowOff>28575</xdr:rowOff>
                  </to>
                </anchor>
              </controlPr>
            </control>
          </mc:Choice>
        </mc:AlternateContent>
        <mc:AlternateContent xmlns:mc="http://schemas.openxmlformats.org/markup-compatibility/2006">
          <mc:Choice Requires="x14">
            <control shapeId="45125" r:id="rId72" name="Check Box 69">
              <controlPr defaultSize="0" autoFill="0" autoLine="0" autoPict="0">
                <anchor moveWithCells="1">
                  <from>
                    <xdr:col>24</xdr:col>
                    <xdr:colOff>28575</xdr:colOff>
                    <xdr:row>57</xdr:row>
                    <xdr:rowOff>152400</xdr:rowOff>
                  </from>
                  <to>
                    <xdr:col>31</xdr:col>
                    <xdr:colOff>66675</xdr:colOff>
                    <xdr:row>59</xdr:row>
                    <xdr:rowOff>38100</xdr:rowOff>
                  </to>
                </anchor>
              </controlPr>
            </control>
          </mc:Choice>
        </mc:AlternateContent>
        <mc:AlternateContent xmlns:mc="http://schemas.openxmlformats.org/markup-compatibility/2006">
          <mc:Choice Requires="x14">
            <control shapeId="45126" r:id="rId73" name="Check Box 70">
              <controlPr defaultSize="0" autoFill="0" autoLine="0" autoPict="0">
                <anchor moveWithCells="1">
                  <from>
                    <xdr:col>30</xdr:col>
                    <xdr:colOff>0</xdr:colOff>
                    <xdr:row>57</xdr:row>
                    <xdr:rowOff>152400</xdr:rowOff>
                  </from>
                  <to>
                    <xdr:col>37</xdr:col>
                    <xdr:colOff>28575</xdr:colOff>
                    <xdr:row>59</xdr:row>
                    <xdr:rowOff>38100</xdr:rowOff>
                  </to>
                </anchor>
              </controlPr>
            </control>
          </mc:Choice>
        </mc:AlternateContent>
        <mc:AlternateContent xmlns:mc="http://schemas.openxmlformats.org/markup-compatibility/2006">
          <mc:Choice Requires="x14">
            <control shapeId="45127" r:id="rId74" name="Check Box 71">
              <controlPr defaultSize="0" autoFill="0" autoLine="0" autoPict="0">
                <anchor moveWithCells="1">
                  <from>
                    <xdr:col>23</xdr:col>
                    <xdr:colOff>19050</xdr:colOff>
                    <xdr:row>58</xdr:row>
                    <xdr:rowOff>133350</xdr:rowOff>
                  </from>
                  <to>
                    <xdr:col>30</xdr:col>
                    <xdr:colOff>57150</xdr:colOff>
                    <xdr:row>60</xdr:row>
                    <xdr:rowOff>9525</xdr:rowOff>
                  </to>
                </anchor>
              </controlPr>
            </control>
          </mc:Choice>
        </mc:AlternateContent>
        <mc:AlternateContent xmlns:mc="http://schemas.openxmlformats.org/markup-compatibility/2006">
          <mc:Choice Requires="x14">
            <control shapeId="45128" r:id="rId75" name="Check Box 72">
              <controlPr defaultSize="0" autoFill="0" autoLine="0" autoPict="0">
                <anchor moveWithCells="1">
                  <from>
                    <xdr:col>24</xdr:col>
                    <xdr:colOff>19050</xdr:colOff>
                    <xdr:row>59</xdr:row>
                    <xdr:rowOff>152400</xdr:rowOff>
                  </from>
                  <to>
                    <xdr:col>31</xdr:col>
                    <xdr:colOff>57150</xdr:colOff>
                    <xdr:row>61</xdr:row>
                    <xdr:rowOff>28575</xdr:rowOff>
                  </to>
                </anchor>
              </controlPr>
            </control>
          </mc:Choice>
        </mc:AlternateContent>
        <mc:AlternateContent xmlns:mc="http://schemas.openxmlformats.org/markup-compatibility/2006">
          <mc:Choice Requires="x14">
            <control shapeId="45129" r:id="rId76" name="Check Box 73">
              <controlPr defaultSize="0" autoFill="0" autoLine="0" autoPict="0">
                <anchor moveWithCells="1">
                  <from>
                    <xdr:col>55</xdr:col>
                    <xdr:colOff>171450</xdr:colOff>
                    <xdr:row>59</xdr:row>
                    <xdr:rowOff>161925</xdr:rowOff>
                  </from>
                  <to>
                    <xdr:col>61</xdr:col>
                    <xdr:colOff>390525</xdr:colOff>
                    <xdr:row>61</xdr:row>
                    <xdr:rowOff>38100</xdr:rowOff>
                  </to>
                </anchor>
              </controlPr>
            </control>
          </mc:Choice>
        </mc:AlternateContent>
        <mc:AlternateContent xmlns:mc="http://schemas.openxmlformats.org/markup-compatibility/2006">
          <mc:Choice Requires="x14">
            <control shapeId="45130" r:id="rId77" name="Check Box 74">
              <controlPr defaultSize="0" autoFill="0" autoLine="0" autoPict="0">
                <anchor moveWithCells="1">
                  <from>
                    <xdr:col>30</xdr:col>
                    <xdr:colOff>0</xdr:colOff>
                    <xdr:row>59</xdr:row>
                    <xdr:rowOff>152400</xdr:rowOff>
                  </from>
                  <to>
                    <xdr:col>37</xdr:col>
                    <xdr:colOff>28575</xdr:colOff>
                    <xdr:row>61</xdr:row>
                    <xdr:rowOff>28575</xdr:rowOff>
                  </to>
                </anchor>
              </controlPr>
            </control>
          </mc:Choice>
        </mc:AlternateContent>
        <mc:AlternateContent xmlns:mc="http://schemas.openxmlformats.org/markup-compatibility/2006">
          <mc:Choice Requires="x14">
            <control shapeId="45131" r:id="rId78" name="Check Box 75">
              <controlPr defaultSize="0" autoFill="0" autoLine="0" autoPict="0">
                <anchor moveWithCells="1">
                  <from>
                    <xdr:col>6</xdr:col>
                    <xdr:colOff>161925</xdr:colOff>
                    <xdr:row>56</xdr:row>
                    <xdr:rowOff>152400</xdr:rowOff>
                  </from>
                  <to>
                    <xdr:col>14</xdr:col>
                    <xdr:colOff>19050</xdr:colOff>
                    <xdr:row>58</xdr:row>
                    <xdr:rowOff>28575</xdr:rowOff>
                  </to>
                </anchor>
              </controlPr>
            </control>
          </mc:Choice>
        </mc:AlternateContent>
        <mc:AlternateContent xmlns:mc="http://schemas.openxmlformats.org/markup-compatibility/2006">
          <mc:Choice Requires="x14">
            <control shapeId="45132" r:id="rId79" name="Check Box 76">
              <controlPr defaultSize="0" autoFill="0" autoLine="0" autoPict="0">
                <anchor moveWithCells="1">
                  <from>
                    <xdr:col>7</xdr:col>
                    <xdr:colOff>0</xdr:colOff>
                    <xdr:row>60</xdr:row>
                    <xdr:rowOff>142875</xdr:rowOff>
                  </from>
                  <to>
                    <xdr:col>14</xdr:col>
                    <xdr:colOff>38100</xdr:colOff>
                    <xdr:row>62</xdr:row>
                    <xdr:rowOff>19050</xdr:rowOff>
                  </to>
                </anchor>
              </controlPr>
            </control>
          </mc:Choice>
        </mc:AlternateContent>
        <mc:AlternateContent xmlns:mc="http://schemas.openxmlformats.org/markup-compatibility/2006">
          <mc:Choice Requires="x14">
            <control shapeId="45133" r:id="rId80" name="Check Box 77">
              <controlPr defaultSize="0" autoFill="0" autoLine="0" autoPict="0">
                <anchor moveWithCells="1">
                  <from>
                    <xdr:col>6</xdr:col>
                    <xdr:colOff>171450</xdr:colOff>
                    <xdr:row>62</xdr:row>
                    <xdr:rowOff>142875</xdr:rowOff>
                  </from>
                  <to>
                    <xdr:col>14</xdr:col>
                    <xdr:colOff>28575</xdr:colOff>
                    <xdr:row>64</xdr:row>
                    <xdr:rowOff>28575</xdr:rowOff>
                  </to>
                </anchor>
              </controlPr>
            </control>
          </mc:Choice>
        </mc:AlternateContent>
        <mc:AlternateContent xmlns:mc="http://schemas.openxmlformats.org/markup-compatibility/2006">
          <mc:Choice Requires="x14">
            <control shapeId="45134" r:id="rId81" name="Check Box 78">
              <controlPr defaultSize="0" autoFill="0" autoLine="0" autoPict="0">
                <anchor moveWithCells="1">
                  <from>
                    <xdr:col>7</xdr:col>
                    <xdr:colOff>0</xdr:colOff>
                    <xdr:row>64</xdr:row>
                    <xdr:rowOff>152400</xdr:rowOff>
                  </from>
                  <to>
                    <xdr:col>14</xdr:col>
                    <xdr:colOff>38100</xdr:colOff>
                    <xdr:row>66</xdr:row>
                    <xdr:rowOff>28575</xdr:rowOff>
                  </to>
                </anchor>
              </controlPr>
            </control>
          </mc:Choice>
        </mc:AlternateContent>
        <mc:AlternateContent xmlns:mc="http://schemas.openxmlformats.org/markup-compatibility/2006">
          <mc:Choice Requires="x14">
            <control shapeId="45135" r:id="rId82" name="Check Box 79">
              <controlPr defaultSize="0" autoFill="0" autoLine="0" autoPict="0">
                <anchor moveWithCells="1">
                  <from>
                    <xdr:col>23</xdr:col>
                    <xdr:colOff>0</xdr:colOff>
                    <xdr:row>64</xdr:row>
                    <xdr:rowOff>142875</xdr:rowOff>
                  </from>
                  <to>
                    <xdr:col>30</xdr:col>
                    <xdr:colOff>38100</xdr:colOff>
                    <xdr:row>66</xdr:row>
                    <xdr:rowOff>19050</xdr:rowOff>
                  </to>
                </anchor>
              </controlPr>
            </control>
          </mc:Choice>
        </mc:AlternateContent>
        <mc:AlternateContent xmlns:mc="http://schemas.openxmlformats.org/markup-compatibility/2006">
          <mc:Choice Requires="x14">
            <control shapeId="45136" r:id="rId83" name="Check Box 80">
              <controlPr defaultSize="0" autoFill="0" autoLine="0" autoPict="0">
                <anchor moveWithCells="1">
                  <from>
                    <xdr:col>23</xdr:col>
                    <xdr:colOff>171450</xdr:colOff>
                    <xdr:row>65</xdr:row>
                    <xdr:rowOff>152400</xdr:rowOff>
                  </from>
                  <to>
                    <xdr:col>31</xdr:col>
                    <xdr:colOff>28575</xdr:colOff>
                    <xdr:row>67</xdr:row>
                    <xdr:rowOff>38100</xdr:rowOff>
                  </to>
                </anchor>
              </controlPr>
            </control>
          </mc:Choice>
        </mc:AlternateContent>
        <mc:AlternateContent xmlns:mc="http://schemas.openxmlformats.org/markup-compatibility/2006">
          <mc:Choice Requires="x14">
            <control shapeId="45137" r:id="rId84" name="Check Box 81">
              <controlPr defaultSize="0" autoFill="0" autoLine="0" autoPict="0">
                <anchor moveWithCells="1">
                  <from>
                    <xdr:col>29</xdr:col>
                    <xdr:colOff>161925</xdr:colOff>
                    <xdr:row>65</xdr:row>
                    <xdr:rowOff>152400</xdr:rowOff>
                  </from>
                  <to>
                    <xdr:col>37</xdr:col>
                    <xdr:colOff>9525</xdr:colOff>
                    <xdr:row>67</xdr:row>
                    <xdr:rowOff>38100</xdr:rowOff>
                  </to>
                </anchor>
              </controlPr>
            </control>
          </mc:Choice>
        </mc:AlternateContent>
        <mc:AlternateContent xmlns:mc="http://schemas.openxmlformats.org/markup-compatibility/2006">
          <mc:Choice Requires="x14">
            <control shapeId="45138" r:id="rId85" name="Check Box 82">
              <controlPr defaultSize="0" autoFill="0" autoLine="0" autoPict="0">
                <anchor moveWithCells="1">
                  <from>
                    <xdr:col>56</xdr:col>
                    <xdr:colOff>9525</xdr:colOff>
                    <xdr:row>65</xdr:row>
                    <xdr:rowOff>161925</xdr:rowOff>
                  </from>
                  <to>
                    <xdr:col>61</xdr:col>
                    <xdr:colOff>409575</xdr:colOff>
                    <xdr:row>67</xdr:row>
                    <xdr:rowOff>28575</xdr:rowOff>
                  </to>
                </anchor>
              </controlPr>
            </control>
          </mc:Choice>
        </mc:AlternateContent>
        <mc:AlternateContent xmlns:mc="http://schemas.openxmlformats.org/markup-compatibility/2006">
          <mc:Choice Requires="x14">
            <control shapeId="45139" r:id="rId86" name="Check Box 83">
              <controlPr defaultSize="0" autoFill="0" autoLine="0" autoPict="0">
                <anchor moveWithCells="1">
                  <from>
                    <xdr:col>24</xdr:col>
                    <xdr:colOff>9525</xdr:colOff>
                    <xdr:row>70</xdr:row>
                    <xdr:rowOff>161925</xdr:rowOff>
                  </from>
                  <to>
                    <xdr:col>31</xdr:col>
                    <xdr:colOff>47625</xdr:colOff>
                    <xdr:row>72</xdr:row>
                    <xdr:rowOff>38100</xdr:rowOff>
                  </to>
                </anchor>
              </controlPr>
            </control>
          </mc:Choice>
        </mc:AlternateContent>
        <mc:AlternateContent xmlns:mc="http://schemas.openxmlformats.org/markup-compatibility/2006">
          <mc:Choice Requires="x14">
            <control shapeId="45140" r:id="rId87" name="Check Box 84">
              <controlPr defaultSize="0" autoFill="0" autoLine="0" autoPict="0">
                <anchor moveWithCells="1">
                  <from>
                    <xdr:col>30</xdr:col>
                    <xdr:colOff>0</xdr:colOff>
                    <xdr:row>70</xdr:row>
                    <xdr:rowOff>161925</xdr:rowOff>
                  </from>
                  <to>
                    <xdr:col>37</xdr:col>
                    <xdr:colOff>28575</xdr:colOff>
                    <xdr:row>72</xdr:row>
                    <xdr:rowOff>38100</xdr:rowOff>
                  </to>
                </anchor>
              </controlPr>
            </control>
          </mc:Choice>
        </mc:AlternateContent>
        <mc:AlternateContent xmlns:mc="http://schemas.openxmlformats.org/markup-compatibility/2006">
          <mc:Choice Requires="x14">
            <control shapeId="45141" r:id="rId88" name="Check Box 85">
              <controlPr defaultSize="0" autoFill="0" autoLine="0" autoPict="0">
                <anchor moveWithCells="1">
                  <from>
                    <xdr:col>56</xdr:col>
                    <xdr:colOff>0</xdr:colOff>
                    <xdr:row>70</xdr:row>
                    <xdr:rowOff>161925</xdr:rowOff>
                  </from>
                  <to>
                    <xdr:col>61</xdr:col>
                    <xdr:colOff>409575</xdr:colOff>
                    <xdr:row>72</xdr:row>
                    <xdr:rowOff>38100</xdr:rowOff>
                  </to>
                </anchor>
              </controlPr>
            </control>
          </mc:Choice>
        </mc:AlternateContent>
        <mc:AlternateContent xmlns:mc="http://schemas.openxmlformats.org/markup-compatibility/2006">
          <mc:Choice Requires="x14">
            <control shapeId="45142" r:id="rId89" name="Check Box 86">
              <controlPr defaultSize="0" autoFill="0" autoLine="0" autoPict="0">
                <anchor moveWithCells="1">
                  <from>
                    <xdr:col>6</xdr:col>
                    <xdr:colOff>171450</xdr:colOff>
                    <xdr:row>69</xdr:row>
                    <xdr:rowOff>152400</xdr:rowOff>
                  </from>
                  <to>
                    <xdr:col>14</xdr:col>
                    <xdr:colOff>28575</xdr:colOff>
                    <xdr:row>71</xdr:row>
                    <xdr:rowOff>28575</xdr:rowOff>
                  </to>
                </anchor>
              </controlPr>
            </control>
          </mc:Choice>
        </mc:AlternateContent>
        <mc:AlternateContent xmlns:mc="http://schemas.openxmlformats.org/markup-compatibility/2006">
          <mc:Choice Requires="x14">
            <control shapeId="45143" r:id="rId90" name="Check Box 87">
              <controlPr defaultSize="0" autoFill="0" autoLine="0" autoPict="0">
                <anchor moveWithCells="1">
                  <from>
                    <xdr:col>23</xdr:col>
                    <xdr:colOff>0</xdr:colOff>
                    <xdr:row>67</xdr:row>
                    <xdr:rowOff>0</xdr:rowOff>
                  </from>
                  <to>
                    <xdr:col>30</xdr:col>
                    <xdr:colOff>38100</xdr:colOff>
                    <xdr:row>68</xdr:row>
                    <xdr:rowOff>28575</xdr:rowOff>
                  </to>
                </anchor>
              </controlPr>
            </control>
          </mc:Choice>
        </mc:AlternateContent>
        <mc:AlternateContent xmlns:mc="http://schemas.openxmlformats.org/markup-compatibility/2006">
          <mc:Choice Requires="x14">
            <control shapeId="45144" r:id="rId91" name="Check Box 88">
              <controlPr defaultSize="0" autoFill="0" autoLine="0" autoPict="0">
                <anchor moveWithCells="1">
                  <from>
                    <xdr:col>23</xdr:col>
                    <xdr:colOff>0</xdr:colOff>
                    <xdr:row>67</xdr:row>
                    <xdr:rowOff>152400</xdr:rowOff>
                  </from>
                  <to>
                    <xdr:col>30</xdr:col>
                    <xdr:colOff>38100</xdr:colOff>
                    <xdr:row>69</xdr:row>
                    <xdr:rowOff>28575</xdr:rowOff>
                  </to>
                </anchor>
              </controlPr>
            </control>
          </mc:Choice>
        </mc:AlternateContent>
        <mc:AlternateContent xmlns:mc="http://schemas.openxmlformats.org/markup-compatibility/2006">
          <mc:Choice Requires="x14">
            <control shapeId="45145" r:id="rId92" name="Check Box 89">
              <controlPr defaultSize="0" autoFill="0" autoLine="0" autoPict="0">
                <anchor moveWithCells="1">
                  <from>
                    <xdr:col>23</xdr:col>
                    <xdr:colOff>0</xdr:colOff>
                    <xdr:row>68</xdr:row>
                    <xdr:rowOff>152400</xdr:rowOff>
                  </from>
                  <to>
                    <xdr:col>30</xdr:col>
                    <xdr:colOff>38100</xdr:colOff>
                    <xdr:row>70</xdr:row>
                    <xdr:rowOff>38100</xdr:rowOff>
                  </to>
                </anchor>
              </controlPr>
            </control>
          </mc:Choice>
        </mc:AlternateContent>
        <mc:AlternateContent xmlns:mc="http://schemas.openxmlformats.org/markup-compatibility/2006">
          <mc:Choice Requires="x14">
            <control shapeId="45146" r:id="rId93" name="Check Box 90">
              <controlPr defaultSize="0" autoFill="0" autoLine="0" autoPict="0">
                <anchor moveWithCells="1">
                  <from>
                    <xdr:col>23</xdr:col>
                    <xdr:colOff>0</xdr:colOff>
                    <xdr:row>69</xdr:row>
                    <xdr:rowOff>152400</xdr:rowOff>
                  </from>
                  <to>
                    <xdr:col>30</xdr:col>
                    <xdr:colOff>38100</xdr:colOff>
                    <xdr:row>71</xdr:row>
                    <xdr:rowOff>28575</xdr:rowOff>
                  </to>
                </anchor>
              </controlPr>
            </control>
          </mc:Choice>
        </mc:AlternateContent>
        <mc:AlternateContent xmlns:mc="http://schemas.openxmlformats.org/markup-compatibility/2006">
          <mc:Choice Requires="x14">
            <control shapeId="45147" r:id="rId94" name="Check Box 91">
              <controlPr defaultSize="0" autoFill="0" autoLine="0" autoPict="0">
                <anchor moveWithCells="1">
                  <from>
                    <xdr:col>23</xdr:col>
                    <xdr:colOff>0</xdr:colOff>
                    <xdr:row>71</xdr:row>
                    <xdr:rowOff>142875</xdr:rowOff>
                  </from>
                  <to>
                    <xdr:col>30</xdr:col>
                    <xdr:colOff>38100</xdr:colOff>
                    <xdr:row>73</xdr:row>
                    <xdr:rowOff>28575</xdr:rowOff>
                  </to>
                </anchor>
              </controlPr>
            </control>
          </mc:Choice>
        </mc:AlternateContent>
        <mc:AlternateContent xmlns:mc="http://schemas.openxmlformats.org/markup-compatibility/2006">
          <mc:Choice Requires="x14">
            <control shapeId="45148" r:id="rId95" name="Check Box 92">
              <controlPr defaultSize="0" autoFill="0" autoLine="0" autoPict="0">
                <anchor moveWithCells="1">
                  <from>
                    <xdr:col>23</xdr:col>
                    <xdr:colOff>0</xdr:colOff>
                    <xdr:row>72</xdr:row>
                    <xdr:rowOff>142875</xdr:rowOff>
                  </from>
                  <to>
                    <xdr:col>30</xdr:col>
                    <xdr:colOff>38100</xdr:colOff>
                    <xdr:row>74</xdr:row>
                    <xdr:rowOff>19050</xdr:rowOff>
                  </to>
                </anchor>
              </controlPr>
            </control>
          </mc:Choice>
        </mc:AlternateContent>
        <mc:AlternateContent xmlns:mc="http://schemas.openxmlformats.org/markup-compatibility/2006">
          <mc:Choice Requires="x14">
            <control shapeId="45154" r:id="rId96" name="Check Box 98">
              <controlPr defaultSize="0" autoFill="0" autoLine="0" autoPict="0">
                <anchor moveWithCells="1">
                  <from>
                    <xdr:col>55</xdr:col>
                    <xdr:colOff>171450</xdr:colOff>
                    <xdr:row>57</xdr:row>
                    <xdr:rowOff>161925</xdr:rowOff>
                  </from>
                  <to>
                    <xdr:col>61</xdr:col>
                    <xdr:colOff>390525</xdr:colOff>
                    <xdr:row>59</xdr:row>
                    <xdr:rowOff>47625</xdr:rowOff>
                  </to>
                </anchor>
              </controlPr>
            </control>
          </mc:Choice>
        </mc:AlternateContent>
        <mc:AlternateContent xmlns:mc="http://schemas.openxmlformats.org/markup-compatibility/2006">
          <mc:Choice Requires="x14">
            <control shapeId="45155" r:id="rId97" name="Check Box 99">
              <controlPr defaultSize="0" autoFill="0" autoLine="0" autoPict="0">
                <anchor moveWithCells="1">
                  <from>
                    <xdr:col>56</xdr:col>
                    <xdr:colOff>0</xdr:colOff>
                    <xdr:row>44</xdr:row>
                    <xdr:rowOff>180975</xdr:rowOff>
                  </from>
                  <to>
                    <xdr:col>61</xdr:col>
                    <xdr:colOff>400050</xdr:colOff>
                    <xdr:row>46</xdr:row>
                    <xdr:rowOff>47625</xdr:rowOff>
                  </to>
                </anchor>
              </controlPr>
            </control>
          </mc:Choice>
        </mc:AlternateContent>
        <mc:AlternateContent xmlns:mc="http://schemas.openxmlformats.org/markup-compatibility/2006">
          <mc:Choice Requires="x14">
            <control shapeId="45156" r:id="rId98" name="Check Box 100">
              <controlPr defaultSize="0" autoFill="0" autoLine="0" autoPict="0">
                <anchor moveWithCells="1">
                  <from>
                    <xdr:col>42</xdr:col>
                    <xdr:colOff>0</xdr:colOff>
                    <xdr:row>24</xdr:row>
                    <xdr:rowOff>161925</xdr:rowOff>
                  </from>
                  <to>
                    <xdr:col>49</xdr:col>
                    <xdr:colOff>28575</xdr:colOff>
                    <xdr:row>26</xdr:row>
                    <xdr:rowOff>38100</xdr:rowOff>
                  </to>
                </anchor>
              </controlPr>
            </control>
          </mc:Choice>
        </mc:AlternateContent>
        <mc:AlternateContent xmlns:mc="http://schemas.openxmlformats.org/markup-compatibility/2006">
          <mc:Choice Requires="x14">
            <control shapeId="45157" r:id="rId99" name="Check Box 101">
              <controlPr defaultSize="0" autoFill="0" autoLine="0" autoPict="0">
                <anchor moveWithCells="1">
                  <from>
                    <xdr:col>41</xdr:col>
                    <xdr:colOff>0</xdr:colOff>
                    <xdr:row>20</xdr:row>
                    <xdr:rowOff>161925</xdr:rowOff>
                  </from>
                  <to>
                    <xdr:col>48</xdr:col>
                    <xdr:colOff>38100</xdr:colOff>
                    <xdr:row>22</xdr:row>
                    <xdr:rowOff>38100</xdr:rowOff>
                  </to>
                </anchor>
              </controlPr>
            </control>
          </mc:Choice>
        </mc:AlternateContent>
        <mc:AlternateContent xmlns:mc="http://schemas.openxmlformats.org/markup-compatibility/2006">
          <mc:Choice Requires="x14">
            <control shapeId="45158" r:id="rId100" name="Check Box 102">
              <controlPr defaultSize="0" autoFill="0" autoLine="0" autoPict="0">
                <anchor moveWithCells="1">
                  <from>
                    <xdr:col>55</xdr:col>
                    <xdr:colOff>0</xdr:colOff>
                    <xdr:row>17</xdr:row>
                    <xdr:rowOff>152400</xdr:rowOff>
                  </from>
                  <to>
                    <xdr:col>61</xdr:col>
                    <xdr:colOff>219075</xdr:colOff>
                    <xdr:row>19</xdr:row>
                    <xdr:rowOff>9525</xdr:rowOff>
                  </to>
                </anchor>
              </controlPr>
            </control>
          </mc:Choice>
        </mc:AlternateContent>
        <mc:AlternateContent xmlns:mc="http://schemas.openxmlformats.org/markup-compatibility/2006">
          <mc:Choice Requires="x14">
            <control shapeId="45186" r:id="rId101" name="Check Box 130">
              <controlPr defaultSize="0" autoFill="0" autoLine="0" autoPict="0">
                <anchor moveWithCells="1">
                  <from>
                    <xdr:col>6</xdr:col>
                    <xdr:colOff>171450</xdr:colOff>
                    <xdr:row>105</xdr:row>
                    <xdr:rowOff>142875</xdr:rowOff>
                  </from>
                  <to>
                    <xdr:col>14</xdr:col>
                    <xdr:colOff>28575</xdr:colOff>
                    <xdr:row>107</xdr:row>
                    <xdr:rowOff>28575</xdr:rowOff>
                  </to>
                </anchor>
              </controlPr>
            </control>
          </mc:Choice>
        </mc:AlternateContent>
        <mc:AlternateContent xmlns:mc="http://schemas.openxmlformats.org/markup-compatibility/2006">
          <mc:Choice Requires="x14">
            <control shapeId="45187" r:id="rId102" name="Check Box 131">
              <controlPr defaultSize="0" autoFill="0" autoLine="0" autoPict="0">
                <anchor moveWithCells="1">
                  <from>
                    <xdr:col>23</xdr:col>
                    <xdr:colOff>0</xdr:colOff>
                    <xdr:row>80</xdr:row>
                    <xdr:rowOff>142875</xdr:rowOff>
                  </from>
                  <to>
                    <xdr:col>30</xdr:col>
                    <xdr:colOff>38100</xdr:colOff>
                    <xdr:row>82</xdr:row>
                    <xdr:rowOff>28575</xdr:rowOff>
                  </to>
                </anchor>
              </controlPr>
            </control>
          </mc:Choice>
        </mc:AlternateContent>
        <mc:AlternateContent xmlns:mc="http://schemas.openxmlformats.org/markup-compatibility/2006">
          <mc:Choice Requires="x14">
            <control shapeId="45188" r:id="rId103" name="Check Box 132">
              <controlPr defaultSize="0" autoFill="0" autoLine="0" autoPict="0">
                <anchor moveWithCells="1">
                  <from>
                    <xdr:col>23</xdr:col>
                    <xdr:colOff>0</xdr:colOff>
                    <xdr:row>107</xdr:row>
                    <xdr:rowOff>161925</xdr:rowOff>
                  </from>
                  <to>
                    <xdr:col>30</xdr:col>
                    <xdr:colOff>38100</xdr:colOff>
                    <xdr:row>109</xdr:row>
                    <xdr:rowOff>47625</xdr:rowOff>
                  </to>
                </anchor>
              </controlPr>
            </control>
          </mc:Choice>
        </mc:AlternateContent>
        <mc:AlternateContent xmlns:mc="http://schemas.openxmlformats.org/markup-compatibility/2006">
          <mc:Choice Requires="x14">
            <control shapeId="45189" r:id="rId104" name="Check Box 133">
              <controlPr defaultSize="0" autoFill="0" autoLine="0" autoPict="0">
                <anchor moveWithCells="1">
                  <from>
                    <xdr:col>24</xdr:col>
                    <xdr:colOff>0</xdr:colOff>
                    <xdr:row>106</xdr:row>
                    <xdr:rowOff>161925</xdr:rowOff>
                  </from>
                  <to>
                    <xdr:col>31</xdr:col>
                    <xdr:colOff>38100</xdr:colOff>
                    <xdr:row>108</xdr:row>
                    <xdr:rowOff>19050</xdr:rowOff>
                  </to>
                </anchor>
              </controlPr>
            </control>
          </mc:Choice>
        </mc:AlternateContent>
        <mc:AlternateContent xmlns:mc="http://schemas.openxmlformats.org/markup-compatibility/2006">
          <mc:Choice Requires="x14">
            <control shapeId="45190" r:id="rId105" name="Check Box 134">
              <controlPr defaultSize="0" autoFill="0" autoLine="0" autoPict="0">
                <anchor moveWithCells="1">
                  <from>
                    <xdr:col>27</xdr:col>
                    <xdr:colOff>161925</xdr:colOff>
                    <xdr:row>106</xdr:row>
                    <xdr:rowOff>161925</xdr:rowOff>
                  </from>
                  <to>
                    <xdr:col>35</xdr:col>
                    <xdr:colOff>19050</xdr:colOff>
                    <xdr:row>108</xdr:row>
                    <xdr:rowOff>47625</xdr:rowOff>
                  </to>
                </anchor>
              </controlPr>
            </control>
          </mc:Choice>
        </mc:AlternateContent>
        <mc:AlternateContent xmlns:mc="http://schemas.openxmlformats.org/markup-compatibility/2006">
          <mc:Choice Requires="x14">
            <control shapeId="45191" r:id="rId106" name="Check Box 135">
              <controlPr defaultSize="0" autoFill="0" autoLine="0" autoPict="0">
                <anchor moveWithCells="1">
                  <from>
                    <xdr:col>32</xdr:col>
                    <xdr:colOff>19050</xdr:colOff>
                    <xdr:row>106</xdr:row>
                    <xdr:rowOff>142875</xdr:rowOff>
                  </from>
                  <to>
                    <xdr:col>39</xdr:col>
                    <xdr:colOff>47625</xdr:colOff>
                    <xdr:row>108</xdr:row>
                    <xdr:rowOff>28575</xdr:rowOff>
                  </to>
                </anchor>
              </controlPr>
            </control>
          </mc:Choice>
        </mc:AlternateContent>
        <mc:AlternateContent xmlns:mc="http://schemas.openxmlformats.org/markup-compatibility/2006">
          <mc:Choice Requires="x14">
            <control shapeId="45192" r:id="rId107" name="Check Box 136">
              <controlPr defaultSize="0" autoFill="0" autoLine="0" autoPict="0">
                <anchor moveWithCells="1">
                  <from>
                    <xdr:col>36</xdr:col>
                    <xdr:colOff>9525</xdr:colOff>
                    <xdr:row>106</xdr:row>
                    <xdr:rowOff>161925</xdr:rowOff>
                  </from>
                  <to>
                    <xdr:col>43</xdr:col>
                    <xdr:colOff>38100</xdr:colOff>
                    <xdr:row>108</xdr:row>
                    <xdr:rowOff>47625</xdr:rowOff>
                  </to>
                </anchor>
              </controlPr>
            </control>
          </mc:Choice>
        </mc:AlternateContent>
        <mc:AlternateContent xmlns:mc="http://schemas.openxmlformats.org/markup-compatibility/2006">
          <mc:Choice Requires="x14">
            <control shapeId="45193" r:id="rId108" name="Check Box 137">
              <controlPr defaultSize="0" autoFill="0" autoLine="0" autoPict="0">
                <anchor moveWithCells="1">
                  <from>
                    <xdr:col>39</xdr:col>
                    <xdr:colOff>171450</xdr:colOff>
                    <xdr:row>106</xdr:row>
                    <xdr:rowOff>161925</xdr:rowOff>
                  </from>
                  <to>
                    <xdr:col>47</xdr:col>
                    <xdr:colOff>28575</xdr:colOff>
                    <xdr:row>108</xdr:row>
                    <xdr:rowOff>47625</xdr:rowOff>
                  </to>
                </anchor>
              </controlPr>
            </control>
          </mc:Choice>
        </mc:AlternateContent>
        <mc:AlternateContent xmlns:mc="http://schemas.openxmlformats.org/markup-compatibility/2006">
          <mc:Choice Requires="x14">
            <control shapeId="45194" r:id="rId109" name="Check Box 138">
              <controlPr defaultSize="0" autoFill="0" autoLine="0" autoPict="0">
                <anchor moveWithCells="1">
                  <from>
                    <xdr:col>44</xdr:col>
                    <xdr:colOff>0</xdr:colOff>
                    <xdr:row>107</xdr:row>
                    <xdr:rowOff>0</xdr:rowOff>
                  </from>
                  <to>
                    <xdr:col>51</xdr:col>
                    <xdr:colOff>38100</xdr:colOff>
                    <xdr:row>108</xdr:row>
                    <xdr:rowOff>28575</xdr:rowOff>
                  </to>
                </anchor>
              </controlPr>
            </control>
          </mc:Choice>
        </mc:AlternateContent>
        <mc:AlternateContent xmlns:mc="http://schemas.openxmlformats.org/markup-compatibility/2006">
          <mc:Choice Requires="x14">
            <control shapeId="45195" r:id="rId110" name="Check Box 139">
              <controlPr defaultSize="0" autoFill="0" autoLine="0" autoPict="0">
                <anchor moveWithCells="1">
                  <from>
                    <xdr:col>47</xdr:col>
                    <xdr:colOff>152400</xdr:colOff>
                    <xdr:row>106</xdr:row>
                    <xdr:rowOff>152400</xdr:rowOff>
                  </from>
                  <to>
                    <xdr:col>55</xdr:col>
                    <xdr:colOff>0</xdr:colOff>
                    <xdr:row>108</xdr:row>
                    <xdr:rowOff>38100</xdr:rowOff>
                  </to>
                </anchor>
              </controlPr>
            </control>
          </mc:Choice>
        </mc:AlternateContent>
        <mc:AlternateContent xmlns:mc="http://schemas.openxmlformats.org/markup-compatibility/2006">
          <mc:Choice Requires="x14">
            <control shapeId="45196" r:id="rId111" name="Check Box 140">
              <controlPr defaultSize="0" autoFill="0" autoLine="0" autoPict="0">
                <anchor moveWithCells="1">
                  <from>
                    <xdr:col>29</xdr:col>
                    <xdr:colOff>0</xdr:colOff>
                    <xdr:row>107</xdr:row>
                    <xdr:rowOff>152400</xdr:rowOff>
                  </from>
                  <to>
                    <xdr:col>36</xdr:col>
                    <xdr:colOff>38100</xdr:colOff>
                    <xdr:row>109</xdr:row>
                    <xdr:rowOff>38100</xdr:rowOff>
                  </to>
                </anchor>
              </controlPr>
            </control>
          </mc:Choice>
        </mc:AlternateContent>
        <mc:AlternateContent xmlns:mc="http://schemas.openxmlformats.org/markup-compatibility/2006">
          <mc:Choice Requires="x14">
            <control shapeId="45197" r:id="rId112" name="Check Box 141">
              <controlPr defaultSize="0" autoFill="0" autoLine="0" autoPict="0">
                <anchor moveWithCells="1">
                  <from>
                    <xdr:col>39</xdr:col>
                    <xdr:colOff>161925</xdr:colOff>
                    <xdr:row>107</xdr:row>
                    <xdr:rowOff>161925</xdr:rowOff>
                  </from>
                  <to>
                    <xdr:col>47</xdr:col>
                    <xdr:colOff>19050</xdr:colOff>
                    <xdr:row>109</xdr:row>
                    <xdr:rowOff>47625</xdr:rowOff>
                  </to>
                </anchor>
              </controlPr>
            </control>
          </mc:Choice>
        </mc:AlternateContent>
        <mc:AlternateContent xmlns:mc="http://schemas.openxmlformats.org/markup-compatibility/2006">
          <mc:Choice Requires="x14">
            <control shapeId="45198" r:id="rId113" name="Check Box 142">
              <controlPr defaultSize="0" autoFill="0" autoLine="0" autoPict="0">
                <anchor moveWithCells="1">
                  <from>
                    <xdr:col>23</xdr:col>
                    <xdr:colOff>0</xdr:colOff>
                    <xdr:row>116</xdr:row>
                    <xdr:rowOff>0</xdr:rowOff>
                  </from>
                  <to>
                    <xdr:col>30</xdr:col>
                    <xdr:colOff>38100</xdr:colOff>
                    <xdr:row>117</xdr:row>
                    <xdr:rowOff>38100</xdr:rowOff>
                  </to>
                </anchor>
              </controlPr>
            </control>
          </mc:Choice>
        </mc:AlternateContent>
        <mc:AlternateContent xmlns:mc="http://schemas.openxmlformats.org/markup-compatibility/2006">
          <mc:Choice Requires="x14">
            <control shapeId="45199" r:id="rId114" name="Check Box 143">
              <controlPr defaultSize="0" autoFill="0" autoLine="0" autoPict="0">
                <anchor moveWithCells="1">
                  <from>
                    <xdr:col>24</xdr:col>
                    <xdr:colOff>19050</xdr:colOff>
                    <xdr:row>117</xdr:row>
                    <xdr:rowOff>152400</xdr:rowOff>
                  </from>
                  <to>
                    <xdr:col>31</xdr:col>
                    <xdr:colOff>57150</xdr:colOff>
                    <xdr:row>119</xdr:row>
                    <xdr:rowOff>38100</xdr:rowOff>
                  </to>
                </anchor>
              </controlPr>
            </control>
          </mc:Choice>
        </mc:AlternateContent>
        <mc:AlternateContent xmlns:mc="http://schemas.openxmlformats.org/markup-compatibility/2006">
          <mc:Choice Requires="x14">
            <control shapeId="45200" r:id="rId115" name="Check Box 144">
              <controlPr defaultSize="0" autoFill="0" autoLine="0" autoPict="0">
                <anchor moveWithCells="1">
                  <from>
                    <xdr:col>40</xdr:col>
                    <xdr:colOff>161925</xdr:colOff>
                    <xdr:row>116</xdr:row>
                    <xdr:rowOff>133350</xdr:rowOff>
                  </from>
                  <to>
                    <xdr:col>48</xdr:col>
                    <xdr:colOff>19050</xdr:colOff>
                    <xdr:row>118</xdr:row>
                    <xdr:rowOff>28575</xdr:rowOff>
                  </to>
                </anchor>
              </controlPr>
            </control>
          </mc:Choice>
        </mc:AlternateContent>
        <mc:AlternateContent xmlns:mc="http://schemas.openxmlformats.org/markup-compatibility/2006">
          <mc:Choice Requires="x14">
            <control shapeId="45201" r:id="rId116" name="Check Box 145">
              <controlPr defaultSize="0" autoFill="0" autoLine="0" autoPict="0">
                <anchor moveWithCells="1">
                  <from>
                    <xdr:col>40</xdr:col>
                    <xdr:colOff>161925</xdr:colOff>
                    <xdr:row>117</xdr:row>
                    <xdr:rowOff>133350</xdr:rowOff>
                  </from>
                  <to>
                    <xdr:col>48</xdr:col>
                    <xdr:colOff>19050</xdr:colOff>
                    <xdr:row>119</xdr:row>
                    <xdr:rowOff>19050</xdr:rowOff>
                  </to>
                </anchor>
              </controlPr>
            </control>
          </mc:Choice>
        </mc:AlternateContent>
        <mc:AlternateContent xmlns:mc="http://schemas.openxmlformats.org/markup-compatibility/2006">
          <mc:Choice Requires="x14">
            <control shapeId="45202" r:id="rId117" name="Check Box 146">
              <controlPr defaultSize="0" autoFill="0" autoLine="0" autoPict="0">
                <anchor moveWithCells="1">
                  <from>
                    <xdr:col>40</xdr:col>
                    <xdr:colOff>161925</xdr:colOff>
                    <xdr:row>118</xdr:row>
                    <xdr:rowOff>133350</xdr:rowOff>
                  </from>
                  <to>
                    <xdr:col>48</xdr:col>
                    <xdr:colOff>19050</xdr:colOff>
                    <xdr:row>120</xdr:row>
                    <xdr:rowOff>19050</xdr:rowOff>
                  </to>
                </anchor>
              </controlPr>
            </control>
          </mc:Choice>
        </mc:AlternateContent>
        <mc:AlternateContent xmlns:mc="http://schemas.openxmlformats.org/markup-compatibility/2006">
          <mc:Choice Requires="x14">
            <control shapeId="45203" r:id="rId118" name="Check Box 147">
              <controlPr defaultSize="0" autoFill="0" autoLine="0" autoPict="0">
                <anchor moveWithCells="1">
                  <from>
                    <xdr:col>23</xdr:col>
                    <xdr:colOff>9525</xdr:colOff>
                    <xdr:row>119</xdr:row>
                    <xdr:rowOff>142875</xdr:rowOff>
                  </from>
                  <to>
                    <xdr:col>30</xdr:col>
                    <xdr:colOff>47625</xdr:colOff>
                    <xdr:row>121</xdr:row>
                    <xdr:rowOff>38100</xdr:rowOff>
                  </to>
                </anchor>
              </controlPr>
            </control>
          </mc:Choice>
        </mc:AlternateContent>
        <mc:AlternateContent xmlns:mc="http://schemas.openxmlformats.org/markup-compatibility/2006">
          <mc:Choice Requires="x14">
            <control shapeId="45204" r:id="rId119" name="Check Box 148">
              <controlPr defaultSize="0" autoFill="0" autoLine="0" autoPict="0">
                <anchor moveWithCells="1">
                  <from>
                    <xdr:col>23</xdr:col>
                    <xdr:colOff>9525</xdr:colOff>
                    <xdr:row>120</xdr:row>
                    <xdr:rowOff>142875</xdr:rowOff>
                  </from>
                  <to>
                    <xdr:col>30</xdr:col>
                    <xdr:colOff>47625</xdr:colOff>
                    <xdr:row>122</xdr:row>
                    <xdr:rowOff>28575</xdr:rowOff>
                  </to>
                </anchor>
              </controlPr>
            </control>
          </mc:Choice>
        </mc:AlternateContent>
        <mc:AlternateContent xmlns:mc="http://schemas.openxmlformats.org/markup-compatibility/2006">
          <mc:Choice Requires="x14">
            <control shapeId="45205" r:id="rId120" name="Check Box 149">
              <controlPr defaultSize="0" autoFill="0" autoLine="0" autoPict="0">
                <anchor moveWithCells="1">
                  <from>
                    <xdr:col>23</xdr:col>
                    <xdr:colOff>9525</xdr:colOff>
                    <xdr:row>123</xdr:row>
                    <xdr:rowOff>142875</xdr:rowOff>
                  </from>
                  <to>
                    <xdr:col>30</xdr:col>
                    <xdr:colOff>47625</xdr:colOff>
                    <xdr:row>125</xdr:row>
                    <xdr:rowOff>28575</xdr:rowOff>
                  </to>
                </anchor>
              </controlPr>
            </control>
          </mc:Choice>
        </mc:AlternateContent>
        <mc:AlternateContent xmlns:mc="http://schemas.openxmlformats.org/markup-compatibility/2006">
          <mc:Choice Requires="x14">
            <control shapeId="45206" r:id="rId121" name="Check Box 150">
              <controlPr defaultSize="0" autoFill="0" autoLine="0" autoPict="0">
                <anchor moveWithCells="1">
                  <from>
                    <xdr:col>23</xdr:col>
                    <xdr:colOff>19050</xdr:colOff>
                    <xdr:row>125</xdr:row>
                    <xdr:rowOff>0</xdr:rowOff>
                  </from>
                  <to>
                    <xdr:col>30</xdr:col>
                    <xdr:colOff>57150</xdr:colOff>
                    <xdr:row>126</xdr:row>
                    <xdr:rowOff>38100</xdr:rowOff>
                  </to>
                </anchor>
              </controlPr>
            </control>
          </mc:Choice>
        </mc:AlternateContent>
        <mc:AlternateContent xmlns:mc="http://schemas.openxmlformats.org/markup-compatibility/2006">
          <mc:Choice Requires="x14">
            <control shapeId="45207" r:id="rId122" name="Check Box 151">
              <controlPr defaultSize="0" autoFill="0" autoLine="0" autoPict="0">
                <anchor moveWithCells="1">
                  <from>
                    <xdr:col>30</xdr:col>
                    <xdr:colOff>9525</xdr:colOff>
                    <xdr:row>125</xdr:row>
                    <xdr:rowOff>142875</xdr:rowOff>
                  </from>
                  <to>
                    <xdr:col>37</xdr:col>
                    <xdr:colOff>38100</xdr:colOff>
                    <xdr:row>127</xdr:row>
                    <xdr:rowOff>38100</xdr:rowOff>
                  </to>
                </anchor>
              </controlPr>
            </control>
          </mc:Choice>
        </mc:AlternateContent>
        <mc:AlternateContent xmlns:mc="http://schemas.openxmlformats.org/markup-compatibility/2006">
          <mc:Choice Requires="x14">
            <control shapeId="45208" r:id="rId123" name="Check Box 152">
              <controlPr defaultSize="0" autoFill="0" autoLine="0" autoPict="0">
                <anchor moveWithCells="1">
                  <from>
                    <xdr:col>37</xdr:col>
                    <xdr:colOff>0</xdr:colOff>
                    <xdr:row>125</xdr:row>
                    <xdr:rowOff>142875</xdr:rowOff>
                  </from>
                  <to>
                    <xdr:col>44</xdr:col>
                    <xdr:colOff>28575</xdr:colOff>
                    <xdr:row>127</xdr:row>
                    <xdr:rowOff>38100</xdr:rowOff>
                  </to>
                </anchor>
              </controlPr>
            </control>
          </mc:Choice>
        </mc:AlternateContent>
        <mc:AlternateContent xmlns:mc="http://schemas.openxmlformats.org/markup-compatibility/2006">
          <mc:Choice Requires="x14">
            <control shapeId="45209" r:id="rId124" name="Check Box 153">
              <controlPr defaultSize="0" autoFill="0" autoLine="0" autoPict="0">
                <anchor moveWithCells="1">
                  <from>
                    <xdr:col>45</xdr:col>
                    <xdr:colOff>161925</xdr:colOff>
                    <xdr:row>125</xdr:row>
                    <xdr:rowOff>142875</xdr:rowOff>
                  </from>
                  <to>
                    <xdr:col>53</xdr:col>
                    <xdr:colOff>19050</xdr:colOff>
                    <xdr:row>127</xdr:row>
                    <xdr:rowOff>38100</xdr:rowOff>
                  </to>
                </anchor>
              </controlPr>
            </control>
          </mc:Choice>
        </mc:AlternateContent>
        <mc:AlternateContent xmlns:mc="http://schemas.openxmlformats.org/markup-compatibility/2006">
          <mc:Choice Requires="x14">
            <control shapeId="45210" r:id="rId125" name="Check Box 154">
              <controlPr defaultSize="0" autoFill="0" autoLine="0" autoPict="0">
                <anchor moveWithCells="1">
                  <from>
                    <xdr:col>23</xdr:col>
                    <xdr:colOff>19050</xdr:colOff>
                    <xdr:row>126</xdr:row>
                    <xdr:rowOff>142875</xdr:rowOff>
                  </from>
                  <to>
                    <xdr:col>30</xdr:col>
                    <xdr:colOff>57150</xdr:colOff>
                    <xdr:row>128</xdr:row>
                    <xdr:rowOff>28575</xdr:rowOff>
                  </to>
                </anchor>
              </controlPr>
            </control>
          </mc:Choice>
        </mc:AlternateContent>
        <mc:AlternateContent xmlns:mc="http://schemas.openxmlformats.org/markup-compatibility/2006">
          <mc:Choice Requires="x14">
            <control shapeId="45211" r:id="rId126" name="Check Box 155">
              <controlPr defaultSize="0" autoFill="0" autoLine="0" autoPict="0">
                <anchor moveWithCells="1">
                  <from>
                    <xdr:col>30</xdr:col>
                    <xdr:colOff>9525</xdr:colOff>
                    <xdr:row>127</xdr:row>
                    <xdr:rowOff>142875</xdr:rowOff>
                  </from>
                  <to>
                    <xdr:col>37</xdr:col>
                    <xdr:colOff>38100</xdr:colOff>
                    <xdr:row>129</xdr:row>
                    <xdr:rowOff>28575</xdr:rowOff>
                  </to>
                </anchor>
              </controlPr>
            </control>
          </mc:Choice>
        </mc:AlternateContent>
        <mc:AlternateContent xmlns:mc="http://schemas.openxmlformats.org/markup-compatibility/2006">
          <mc:Choice Requires="x14">
            <control shapeId="45212" r:id="rId127" name="Check Box 156">
              <controlPr defaultSize="0" autoFill="0" autoLine="0" autoPict="0">
                <anchor moveWithCells="1">
                  <from>
                    <xdr:col>56</xdr:col>
                    <xdr:colOff>0</xdr:colOff>
                    <xdr:row>127</xdr:row>
                    <xdr:rowOff>152400</xdr:rowOff>
                  </from>
                  <to>
                    <xdr:col>61</xdr:col>
                    <xdr:colOff>400050</xdr:colOff>
                    <xdr:row>129</xdr:row>
                    <xdr:rowOff>38100</xdr:rowOff>
                  </to>
                </anchor>
              </controlPr>
            </control>
          </mc:Choice>
        </mc:AlternateContent>
        <mc:AlternateContent xmlns:mc="http://schemas.openxmlformats.org/markup-compatibility/2006">
          <mc:Choice Requires="x14">
            <control shapeId="45213" r:id="rId128" name="Check Box 157">
              <controlPr defaultSize="0" autoFill="0" autoLine="0" autoPict="0">
                <anchor moveWithCells="1">
                  <from>
                    <xdr:col>24</xdr:col>
                    <xdr:colOff>19050</xdr:colOff>
                    <xdr:row>127</xdr:row>
                    <xdr:rowOff>142875</xdr:rowOff>
                  </from>
                  <to>
                    <xdr:col>31</xdr:col>
                    <xdr:colOff>57150</xdr:colOff>
                    <xdr:row>129</xdr:row>
                    <xdr:rowOff>28575</xdr:rowOff>
                  </to>
                </anchor>
              </controlPr>
            </control>
          </mc:Choice>
        </mc:AlternateContent>
        <mc:AlternateContent xmlns:mc="http://schemas.openxmlformats.org/markup-compatibility/2006">
          <mc:Choice Requires="x14">
            <control shapeId="45214" r:id="rId129" name="Check Box 158">
              <controlPr defaultSize="0" autoFill="0" autoLine="0" autoPict="0">
                <anchor moveWithCells="1">
                  <from>
                    <xdr:col>6</xdr:col>
                    <xdr:colOff>171450</xdr:colOff>
                    <xdr:row>128</xdr:row>
                    <xdr:rowOff>142875</xdr:rowOff>
                  </from>
                  <to>
                    <xdr:col>14</xdr:col>
                    <xdr:colOff>28575</xdr:colOff>
                    <xdr:row>130</xdr:row>
                    <xdr:rowOff>38100</xdr:rowOff>
                  </to>
                </anchor>
              </controlPr>
            </control>
          </mc:Choice>
        </mc:AlternateContent>
        <mc:AlternateContent xmlns:mc="http://schemas.openxmlformats.org/markup-compatibility/2006">
          <mc:Choice Requires="x14">
            <control shapeId="45215" r:id="rId130" name="Check Box 159">
              <controlPr defaultSize="0" autoFill="0" autoLine="0" autoPict="0">
                <anchor moveWithCells="1">
                  <from>
                    <xdr:col>6</xdr:col>
                    <xdr:colOff>171450</xdr:colOff>
                    <xdr:row>124</xdr:row>
                    <xdr:rowOff>152400</xdr:rowOff>
                  </from>
                  <to>
                    <xdr:col>14</xdr:col>
                    <xdr:colOff>28575</xdr:colOff>
                    <xdr:row>126</xdr:row>
                    <xdr:rowOff>38100</xdr:rowOff>
                  </to>
                </anchor>
              </controlPr>
            </control>
          </mc:Choice>
        </mc:AlternateContent>
        <mc:AlternateContent xmlns:mc="http://schemas.openxmlformats.org/markup-compatibility/2006">
          <mc:Choice Requires="x14">
            <control shapeId="45216" r:id="rId131" name="Check Box 160">
              <controlPr defaultSize="0" autoFill="0" autoLine="0" autoPict="0">
                <anchor moveWithCells="1">
                  <from>
                    <xdr:col>6</xdr:col>
                    <xdr:colOff>171450</xdr:colOff>
                    <xdr:row>123</xdr:row>
                    <xdr:rowOff>161925</xdr:rowOff>
                  </from>
                  <to>
                    <xdr:col>14</xdr:col>
                    <xdr:colOff>28575</xdr:colOff>
                    <xdr:row>125</xdr:row>
                    <xdr:rowOff>28575</xdr:rowOff>
                  </to>
                </anchor>
              </controlPr>
            </control>
          </mc:Choice>
        </mc:AlternateContent>
        <mc:AlternateContent xmlns:mc="http://schemas.openxmlformats.org/markup-compatibility/2006">
          <mc:Choice Requires="x14">
            <control shapeId="45217" r:id="rId132" name="Check Box 161">
              <controlPr defaultSize="0" autoFill="0" autoLine="0" autoPict="0">
                <anchor moveWithCells="1">
                  <from>
                    <xdr:col>23</xdr:col>
                    <xdr:colOff>19050</xdr:colOff>
                    <xdr:row>128</xdr:row>
                    <xdr:rowOff>152400</xdr:rowOff>
                  </from>
                  <to>
                    <xdr:col>30</xdr:col>
                    <xdr:colOff>57150</xdr:colOff>
                    <xdr:row>130</xdr:row>
                    <xdr:rowOff>38100</xdr:rowOff>
                  </to>
                </anchor>
              </controlPr>
            </control>
          </mc:Choice>
        </mc:AlternateContent>
        <mc:AlternateContent xmlns:mc="http://schemas.openxmlformats.org/markup-compatibility/2006">
          <mc:Choice Requires="x14">
            <control shapeId="45218" r:id="rId133" name="Check Box 162">
              <controlPr defaultSize="0" autoFill="0" autoLine="0" autoPict="0">
                <anchor moveWithCells="1">
                  <from>
                    <xdr:col>23</xdr:col>
                    <xdr:colOff>19050</xdr:colOff>
                    <xdr:row>130</xdr:row>
                    <xdr:rowOff>161925</xdr:rowOff>
                  </from>
                  <to>
                    <xdr:col>30</xdr:col>
                    <xdr:colOff>57150</xdr:colOff>
                    <xdr:row>132</xdr:row>
                    <xdr:rowOff>28575</xdr:rowOff>
                  </to>
                </anchor>
              </controlPr>
            </control>
          </mc:Choice>
        </mc:AlternateContent>
        <mc:AlternateContent xmlns:mc="http://schemas.openxmlformats.org/markup-compatibility/2006">
          <mc:Choice Requires="x14">
            <control shapeId="45219" r:id="rId134" name="Check Box 163">
              <controlPr defaultSize="0" autoFill="0" autoLine="0" autoPict="0">
                <anchor moveWithCells="1">
                  <from>
                    <xdr:col>23</xdr:col>
                    <xdr:colOff>9525</xdr:colOff>
                    <xdr:row>133</xdr:row>
                    <xdr:rowOff>133350</xdr:rowOff>
                  </from>
                  <to>
                    <xdr:col>30</xdr:col>
                    <xdr:colOff>47625</xdr:colOff>
                    <xdr:row>135</xdr:row>
                    <xdr:rowOff>28575</xdr:rowOff>
                  </to>
                </anchor>
              </controlPr>
            </control>
          </mc:Choice>
        </mc:AlternateContent>
        <mc:AlternateContent xmlns:mc="http://schemas.openxmlformats.org/markup-compatibility/2006">
          <mc:Choice Requires="x14">
            <control shapeId="45220" r:id="rId135" name="Check Box 164">
              <controlPr defaultSize="0" autoFill="0" autoLine="0" autoPict="0">
                <anchor moveWithCells="1">
                  <from>
                    <xdr:col>23</xdr:col>
                    <xdr:colOff>9525</xdr:colOff>
                    <xdr:row>136</xdr:row>
                    <xdr:rowOff>142875</xdr:rowOff>
                  </from>
                  <to>
                    <xdr:col>30</xdr:col>
                    <xdr:colOff>47625</xdr:colOff>
                    <xdr:row>138</xdr:row>
                    <xdr:rowOff>38100</xdr:rowOff>
                  </to>
                </anchor>
              </controlPr>
            </control>
          </mc:Choice>
        </mc:AlternateContent>
        <mc:AlternateContent xmlns:mc="http://schemas.openxmlformats.org/markup-compatibility/2006">
          <mc:Choice Requires="x14">
            <control shapeId="45221" r:id="rId136" name="Check Box 165">
              <controlPr defaultSize="0" autoFill="0" autoLine="0" autoPict="0">
                <anchor moveWithCells="1">
                  <from>
                    <xdr:col>6</xdr:col>
                    <xdr:colOff>171450</xdr:colOff>
                    <xdr:row>133</xdr:row>
                    <xdr:rowOff>142875</xdr:rowOff>
                  </from>
                  <to>
                    <xdr:col>14</xdr:col>
                    <xdr:colOff>28575</xdr:colOff>
                    <xdr:row>135</xdr:row>
                    <xdr:rowOff>38100</xdr:rowOff>
                  </to>
                </anchor>
              </controlPr>
            </control>
          </mc:Choice>
        </mc:AlternateContent>
        <mc:AlternateContent xmlns:mc="http://schemas.openxmlformats.org/markup-compatibility/2006">
          <mc:Choice Requires="x14">
            <control shapeId="45222" r:id="rId137" name="Check Box 166">
              <controlPr defaultSize="0" autoFill="0" autoLine="0" autoPict="0">
                <anchor moveWithCells="1">
                  <from>
                    <xdr:col>6</xdr:col>
                    <xdr:colOff>161925</xdr:colOff>
                    <xdr:row>136</xdr:row>
                    <xdr:rowOff>142875</xdr:rowOff>
                  </from>
                  <to>
                    <xdr:col>14</xdr:col>
                    <xdr:colOff>19050</xdr:colOff>
                    <xdr:row>138</xdr:row>
                    <xdr:rowOff>28575</xdr:rowOff>
                  </to>
                </anchor>
              </controlPr>
            </control>
          </mc:Choice>
        </mc:AlternateContent>
        <mc:AlternateContent xmlns:mc="http://schemas.openxmlformats.org/markup-compatibility/2006">
          <mc:Choice Requires="x14">
            <control shapeId="45223" r:id="rId138" name="Check Box 167">
              <controlPr defaultSize="0" autoFill="0" autoLine="0" autoPict="0">
                <anchor moveWithCells="1">
                  <from>
                    <xdr:col>6</xdr:col>
                    <xdr:colOff>161925</xdr:colOff>
                    <xdr:row>138</xdr:row>
                    <xdr:rowOff>142875</xdr:rowOff>
                  </from>
                  <to>
                    <xdr:col>14</xdr:col>
                    <xdr:colOff>19050</xdr:colOff>
                    <xdr:row>140</xdr:row>
                    <xdr:rowOff>38100</xdr:rowOff>
                  </to>
                </anchor>
              </controlPr>
            </control>
          </mc:Choice>
        </mc:AlternateContent>
        <mc:AlternateContent xmlns:mc="http://schemas.openxmlformats.org/markup-compatibility/2006">
          <mc:Choice Requires="x14">
            <control shapeId="45224" r:id="rId139" name="Check Box 168">
              <controlPr defaultSize="0" autoFill="0" autoLine="0" autoPict="0">
                <anchor moveWithCells="1">
                  <from>
                    <xdr:col>6</xdr:col>
                    <xdr:colOff>171450</xdr:colOff>
                    <xdr:row>142</xdr:row>
                    <xdr:rowOff>152400</xdr:rowOff>
                  </from>
                  <to>
                    <xdr:col>14</xdr:col>
                    <xdr:colOff>28575</xdr:colOff>
                    <xdr:row>144</xdr:row>
                    <xdr:rowOff>38100</xdr:rowOff>
                  </to>
                </anchor>
              </controlPr>
            </control>
          </mc:Choice>
        </mc:AlternateContent>
        <mc:AlternateContent xmlns:mc="http://schemas.openxmlformats.org/markup-compatibility/2006">
          <mc:Choice Requires="x14">
            <control shapeId="45225" r:id="rId140" name="Check Box 169">
              <controlPr defaultSize="0" autoFill="0" autoLine="0" autoPict="0">
                <anchor moveWithCells="1">
                  <from>
                    <xdr:col>23</xdr:col>
                    <xdr:colOff>19050</xdr:colOff>
                    <xdr:row>138</xdr:row>
                    <xdr:rowOff>133350</xdr:rowOff>
                  </from>
                  <to>
                    <xdr:col>30</xdr:col>
                    <xdr:colOff>57150</xdr:colOff>
                    <xdr:row>140</xdr:row>
                    <xdr:rowOff>19050</xdr:rowOff>
                  </to>
                </anchor>
              </controlPr>
            </control>
          </mc:Choice>
        </mc:AlternateContent>
        <mc:AlternateContent xmlns:mc="http://schemas.openxmlformats.org/markup-compatibility/2006">
          <mc:Choice Requires="x14">
            <control shapeId="45226" r:id="rId141" name="Check Box 170">
              <controlPr defaultSize="0" autoFill="0" autoLine="0" autoPict="0">
                <anchor moveWithCells="1">
                  <from>
                    <xdr:col>24</xdr:col>
                    <xdr:colOff>19050</xdr:colOff>
                    <xdr:row>139</xdr:row>
                    <xdr:rowOff>142875</xdr:rowOff>
                  </from>
                  <to>
                    <xdr:col>25</xdr:col>
                    <xdr:colOff>76200</xdr:colOff>
                    <xdr:row>141</xdr:row>
                    <xdr:rowOff>19050</xdr:rowOff>
                  </to>
                </anchor>
              </controlPr>
            </control>
          </mc:Choice>
        </mc:AlternateContent>
        <mc:AlternateContent xmlns:mc="http://schemas.openxmlformats.org/markup-compatibility/2006">
          <mc:Choice Requires="x14">
            <control shapeId="45227" r:id="rId142" name="Check Box 171">
              <controlPr defaultSize="0" autoFill="0" autoLine="0" autoPict="0">
                <anchor moveWithCells="1">
                  <from>
                    <xdr:col>23</xdr:col>
                    <xdr:colOff>9525</xdr:colOff>
                    <xdr:row>144</xdr:row>
                    <xdr:rowOff>142875</xdr:rowOff>
                  </from>
                  <to>
                    <xdr:col>30</xdr:col>
                    <xdr:colOff>47625</xdr:colOff>
                    <xdr:row>146</xdr:row>
                    <xdr:rowOff>28575</xdr:rowOff>
                  </to>
                </anchor>
              </controlPr>
            </control>
          </mc:Choice>
        </mc:AlternateContent>
        <mc:AlternateContent xmlns:mc="http://schemas.openxmlformats.org/markup-compatibility/2006">
          <mc:Choice Requires="x14">
            <control shapeId="45228" r:id="rId143" name="Check Box 172">
              <controlPr defaultSize="0" autoFill="0" autoLine="0" autoPict="0">
                <anchor moveWithCells="1">
                  <from>
                    <xdr:col>23</xdr:col>
                    <xdr:colOff>9525</xdr:colOff>
                    <xdr:row>145</xdr:row>
                    <xdr:rowOff>133350</xdr:rowOff>
                  </from>
                  <to>
                    <xdr:col>30</xdr:col>
                    <xdr:colOff>47625</xdr:colOff>
                    <xdr:row>147</xdr:row>
                    <xdr:rowOff>19050</xdr:rowOff>
                  </to>
                </anchor>
              </controlPr>
            </control>
          </mc:Choice>
        </mc:AlternateContent>
        <mc:AlternateContent xmlns:mc="http://schemas.openxmlformats.org/markup-compatibility/2006">
          <mc:Choice Requires="x14">
            <control shapeId="45229" r:id="rId144" name="Check Box 173">
              <controlPr defaultSize="0" autoFill="0" autoLine="0" autoPict="0">
                <anchor moveWithCells="1">
                  <from>
                    <xdr:col>23</xdr:col>
                    <xdr:colOff>9525</xdr:colOff>
                    <xdr:row>146</xdr:row>
                    <xdr:rowOff>133350</xdr:rowOff>
                  </from>
                  <to>
                    <xdr:col>30</xdr:col>
                    <xdr:colOff>47625</xdr:colOff>
                    <xdr:row>148</xdr:row>
                    <xdr:rowOff>19050</xdr:rowOff>
                  </to>
                </anchor>
              </controlPr>
            </control>
          </mc:Choice>
        </mc:AlternateContent>
        <mc:AlternateContent xmlns:mc="http://schemas.openxmlformats.org/markup-compatibility/2006">
          <mc:Choice Requires="x14">
            <control shapeId="45230" r:id="rId145" name="Check Box 174">
              <controlPr defaultSize="0" autoFill="0" autoLine="0" autoPict="0">
                <anchor moveWithCells="1">
                  <from>
                    <xdr:col>23</xdr:col>
                    <xdr:colOff>9525</xdr:colOff>
                    <xdr:row>147</xdr:row>
                    <xdr:rowOff>123825</xdr:rowOff>
                  </from>
                  <to>
                    <xdr:col>30</xdr:col>
                    <xdr:colOff>47625</xdr:colOff>
                    <xdr:row>149</xdr:row>
                    <xdr:rowOff>19050</xdr:rowOff>
                  </to>
                </anchor>
              </controlPr>
            </control>
          </mc:Choice>
        </mc:AlternateContent>
        <mc:AlternateContent xmlns:mc="http://schemas.openxmlformats.org/markup-compatibility/2006">
          <mc:Choice Requires="x14">
            <control shapeId="45231" r:id="rId146" name="Check Box 175">
              <controlPr defaultSize="0" autoFill="0" autoLine="0" autoPict="0">
                <anchor moveWithCells="1">
                  <from>
                    <xdr:col>29</xdr:col>
                    <xdr:colOff>0</xdr:colOff>
                    <xdr:row>144</xdr:row>
                    <xdr:rowOff>142875</xdr:rowOff>
                  </from>
                  <to>
                    <xdr:col>36</xdr:col>
                    <xdr:colOff>38100</xdr:colOff>
                    <xdr:row>146</xdr:row>
                    <xdr:rowOff>28575</xdr:rowOff>
                  </to>
                </anchor>
              </controlPr>
            </control>
          </mc:Choice>
        </mc:AlternateContent>
        <mc:AlternateContent xmlns:mc="http://schemas.openxmlformats.org/markup-compatibility/2006">
          <mc:Choice Requires="x14">
            <control shapeId="45232" r:id="rId147" name="Check Box 176">
              <controlPr defaultSize="0" autoFill="0" autoLine="0" autoPict="0">
                <anchor moveWithCells="1">
                  <from>
                    <xdr:col>29</xdr:col>
                    <xdr:colOff>0</xdr:colOff>
                    <xdr:row>145</xdr:row>
                    <xdr:rowOff>133350</xdr:rowOff>
                  </from>
                  <to>
                    <xdr:col>36</xdr:col>
                    <xdr:colOff>38100</xdr:colOff>
                    <xdr:row>147</xdr:row>
                    <xdr:rowOff>19050</xdr:rowOff>
                  </to>
                </anchor>
              </controlPr>
            </control>
          </mc:Choice>
        </mc:AlternateContent>
        <mc:AlternateContent xmlns:mc="http://schemas.openxmlformats.org/markup-compatibility/2006">
          <mc:Choice Requires="x14">
            <control shapeId="45233" r:id="rId148" name="Check Box 177">
              <controlPr defaultSize="0" autoFill="0" autoLine="0" autoPict="0">
                <anchor moveWithCells="1">
                  <from>
                    <xdr:col>36</xdr:col>
                    <xdr:colOff>0</xdr:colOff>
                    <xdr:row>144</xdr:row>
                    <xdr:rowOff>161925</xdr:rowOff>
                  </from>
                  <to>
                    <xdr:col>46</xdr:col>
                    <xdr:colOff>142875</xdr:colOff>
                    <xdr:row>146</xdr:row>
                    <xdr:rowOff>19050</xdr:rowOff>
                  </to>
                </anchor>
              </controlPr>
            </control>
          </mc:Choice>
        </mc:AlternateContent>
        <mc:AlternateContent xmlns:mc="http://schemas.openxmlformats.org/markup-compatibility/2006">
          <mc:Choice Requires="x14">
            <control shapeId="45234" r:id="rId149" name="Check Box 178">
              <controlPr defaultSize="0" autoFill="0" autoLine="0" autoPict="0">
                <anchor moveWithCells="1">
                  <from>
                    <xdr:col>36</xdr:col>
                    <xdr:colOff>0</xdr:colOff>
                    <xdr:row>145</xdr:row>
                    <xdr:rowOff>142875</xdr:rowOff>
                  </from>
                  <to>
                    <xdr:col>43</xdr:col>
                    <xdr:colOff>28575</xdr:colOff>
                    <xdr:row>147</xdr:row>
                    <xdr:rowOff>0</xdr:rowOff>
                  </to>
                </anchor>
              </controlPr>
            </control>
          </mc:Choice>
        </mc:AlternateContent>
        <mc:AlternateContent xmlns:mc="http://schemas.openxmlformats.org/markup-compatibility/2006">
          <mc:Choice Requires="x14">
            <control shapeId="45235" r:id="rId150" name="Check Box 179">
              <controlPr defaultSize="0" autoFill="0" autoLine="0" autoPict="0">
                <anchor moveWithCells="1">
                  <from>
                    <xdr:col>44</xdr:col>
                    <xdr:colOff>0</xdr:colOff>
                    <xdr:row>144</xdr:row>
                    <xdr:rowOff>161925</xdr:rowOff>
                  </from>
                  <to>
                    <xdr:col>51</xdr:col>
                    <xdr:colOff>38100</xdr:colOff>
                    <xdr:row>146</xdr:row>
                    <xdr:rowOff>19050</xdr:rowOff>
                  </to>
                </anchor>
              </controlPr>
            </control>
          </mc:Choice>
        </mc:AlternateContent>
        <mc:AlternateContent xmlns:mc="http://schemas.openxmlformats.org/markup-compatibility/2006">
          <mc:Choice Requires="x14">
            <control shapeId="45236" r:id="rId151" name="Check Box 180">
              <controlPr defaultSize="0" autoFill="0" autoLine="0" autoPict="0">
                <anchor moveWithCells="1">
                  <from>
                    <xdr:col>41</xdr:col>
                    <xdr:colOff>161925</xdr:colOff>
                    <xdr:row>145</xdr:row>
                    <xdr:rowOff>142875</xdr:rowOff>
                  </from>
                  <to>
                    <xdr:col>49</xdr:col>
                    <xdr:colOff>9525</xdr:colOff>
                    <xdr:row>147</xdr:row>
                    <xdr:rowOff>0</xdr:rowOff>
                  </to>
                </anchor>
              </controlPr>
            </control>
          </mc:Choice>
        </mc:AlternateContent>
        <mc:AlternateContent xmlns:mc="http://schemas.openxmlformats.org/markup-compatibility/2006">
          <mc:Choice Requires="x14">
            <control shapeId="45237" r:id="rId152" name="Check Box 181">
              <controlPr defaultSize="0" autoFill="0" autoLine="0" autoPict="0">
                <anchor moveWithCells="1">
                  <from>
                    <xdr:col>49</xdr:col>
                    <xdr:colOff>9525</xdr:colOff>
                    <xdr:row>144</xdr:row>
                    <xdr:rowOff>161925</xdr:rowOff>
                  </from>
                  <to>
                    <xdr:col>56</xdr:col>
                    <xdr:colOff>38100</xdr:colOff>
                    <xdr:row>146</xdr:row>
                    <xdr:rowOff>19050</xdr:rowOff>
                  </to>
                </anchor>
              </controlPr>
            </control>
          </mc:Choice>
        </mc:AlternateContent>
        <mc:AlternateContent xmlns:mc="http://schemas.openxmlformats.org/markup-compatibility/2006">
          <mc:Choice Requires="x14">
            <control shapeId="45238" r:id="rId153" name="Check Box 182">
              <controlPr defaultSize="0" autoFill="0" autoLine="0" autoPict="0">
                <anchor moveWithCells="1">
                  <from>
                    <xdr:col>6</xdr:col>
                    <xdr:colOff>171450</xdr:colOff>
                    <xdr:row>144</xdr:row>
                    <xdr:rowOff>142875</xdr:rowOff>
                  </from>
                  <to>
                    <xdr:col>14</xdr:col>
                    <xdr:colOff>28575</xdr:colOff>
                    <xdr:row>146</xdr:row>
                    <xdr:rowOff>38100</xdr:rowOff>
                  </to>
                </anchor>
              </controlPr>
            </control>
          </mc:Choice>
        </mc:AlternateContent>
        <mc:AlternateContent xmlns:mc="http://schemas.openxmlformats.org/markup-compatibility/2006">
          <mc:Choice Requires="x14">
            <control shapeId="45239" r:id="rId154" name="Check Box 183">
              <controlPr defaultSize="0" autoFill="0" autoLine="0" autoPict="0">
                <anchor moveWithCells="1">
                  <from>
                    <xdr:col>22</xdr:col>
                    <xdr:colOff>171450</xdr:colOff>
                    <xdr:row>151</xdr:row>
                    <xdr:rowOff>152400</xdr:rowOff>
                  </from>
                  <to>
                    <xdr:col>30</xdr:col>
                    <xdr:colOff>28575</xdr:colOff>
                    <xdr:row>153</xdr:row>
                    <xdr:rowOff>38100</xdr:rowOff>
                  </to>
                </anchor>
              </controlPr>
            </control>
          </mc:Choice>
        </mc:AlternateContent>
        <mc:AlternateContent xmlns:mc="http://schemas.openxmlformats.org/markup-compatibility/2006">
          <mc:Choice Requires="x14">
            <control shapeId="45240" r:id="rId155" name="Check Box 184">
              <controlPr defaultSize="0" autoFill="0" autoLine="0" autoPict="0">
                <anchor moveWithCells="1">
                  <from>
                    <xdr:col>22</xdr:col>
                    <xdr:colOff>171450</xdr:colOff>
                    <xdr:row>153</xdr:row>
                    <xdr:rowOff>123825</xdr:rowOff>
                  </from>
                  <to>
                    <xdr:col>30</xdr:col>
                    <xdr:colOff>28575</xdr:colOff>
                    <xdr:row>155</xdr:row>
                    <xdr:rowOff>19050</xdr:rowOff>
                  </to>
                </anchor>
              </controlPr>
            </control>
          </mc:Choice>
        </mc:AlternateContent>
        <mc:AlternateContent xmlns:mc="http://schemas.openxmlformats.org/markup-compatibility/2006">
          <mc:Choice Requires="x14">
            <control shapeId="45241" r:id="rId156" name="Check Box 185">
              <controlPr defaultSize="0" autoFill="0" autoLine="0" autoPict="0">
                <anchor moveWithCells="1">
                  <from>
                    <xdr:col>22</xdr:col>
                    <xdr:colOff>171450</xdr:colOff>
                    <xdr:row>154</xdr:row>
                    <xdr:rowOff>123825</xdr:rowOff>
                  </from>
                  <to>
                    <xdr:col>30</xdr:col>
                    <xdr:colOff>28575</xdr:colOff>
                    <xdr:row>156</xdr:row>
                    <xdr:rowOff>9525</xdr:rowOff>
                  </to>
                </anchor>
              </controlPr>
            </control>
          </mc:Choice>
        </mc:AlternateContent>
        <mc:AlternateContent xmlns:mc="http://schemas.openxmlformats.org/markup-compatibility/2006">
          <mc:Choice Requires="x14">
            <control shapeId="45242" r:id="rId157" name="Check Box 186">
              <controlPr defaultSize="0" autoFill="0" autoLine="0" autoPict="0">
                <anchor moveWithCells="1">
                  <from>
                    <xdr:col>23</xdr:col>
                    <xdr:colOff>0</xdr:colOff>
                    <xdr:row>108</xdr:row>
                    <xdr:rowOff>142875</xdr:rowOff>
                  </from>
                  <to>
                    <xdr:col>30</xdr:col>
                    <xdr:colOff>38100</xdr:colOff>
                    <xdr:row>110</xdr:row>
                    <xdr:rowOff>38100</xdr:rowOff>
                  </to>
                </anchor>
              </controlPr>
            </control>
          </mc:Choice>
        </mc:AlternateContent>
        <mc:AlternateContent xmlns:mc="http://schemas.openxmlformats.org/markup-compatibility/2006">
          <mc:Choice Requires="x14">
            <control shapeId="45243" r:id="rId158" name="Check Box 187">
              <controlPr defaultSize="0" autoFill="0" autoLine="0" autoPict="0">
                <anchor moveWithCells="1">
                  <from>
                    <xdr:col>23</xdr:col>
                    <xdr:colOff>0</xdr:colOff>
                    <xdr:row>109</xdr:row>
                    <xdr:rowOff>142875</xdr:rowOff>
                  </from>
                  <to>
                    <xdr:col>30</xdr:col>
                    <xdr:colOff>38100</xdr:colOff>
                    <xdr:row>111</xdr:row>
                    <xdr:rowOff>28575</xdr:rowOff>
                  </to>
                </anchor>
              </controlPr>
            </control>
          </mc:Choice>
        </mc:AlternateContent>
        <mc:AlternateContent xmlns:mc="http://schemas.openxmlformats.org/markup-compatibility/2006">
          <mc:Choice Requires="x14">
            <control shapeId="45244" r:id="rId159" name="Check Box 188">
              <controlPr defaultSize="0" autoFill="0" autoLine="0" autoPict="0">
                <anchor moveWithCells="1">
                  <from>
                    <xdr:col>23</xdr:col>
                    <xdr:colOff>0</xdr:colOff>
                    <xdr:row>111</xdr:row>
                    <xdr:rowOff>142875</xdr:rowOff>
                  </from>
                  <to>
                    <xdr:col>30</xdr:col>
                    <xdr:colOff>38100</xdr:colOff>
                    <xdr:row>113</xdr:row>
                    <xdr:rowOff>28575</xdr:rowOff>
                  </to>
                </anchor>
              </controlPr>
            </control>
          </mc:Choice>
        </mc:AlternateContent>
        <mc:AlternateContent xmlns:mc="http://schemas.openxmlformats.org/markup-compatibility/2006">
          <mc:Choice Requires="x14">
            <control shapeId="45245" r:id="rId160" name="Check Box 189">
              <controlPr defaultSize="0" autoFill="0" autoLine="0" autoPict="0">
                <anchor moveWithCells="1">
                  <from>
                    <xdr:col>23</xdr:col>
                    <xdr:colOff>0</xdr:colOff>
                    <xdr:row>112</xdr:row>
                    <xdr:rowOff>142875</xdr:rowOff>
                  </from>
                  <to>
                    <xdr:col>30</xdr:col>
                    <xdr:colOff>38100</xdr:colOff>
                    <xdr:row>114</xdr:row>
                    <xdr:rowOff>28575</xdr:rowOff>
                  </to>
                </anchor>
              </controlPr>
            </control>
          </mc:Choice>
        </mc:AlternateContent>
        <mc:AlternateContent xmlns:mc="http://schemas.openxmlformats.org/markup-compatibility/2006">
          <mc:Choice Requires="x14">
            <control shapeId="45246" r:id="rId161" name="Check Box 190">
              <controlPr defaultSize="0" autoFill="0" autoLine="0" autoPict="0">
                <anchor moveWithCells="1">
                  <from>
                    <xdr:col>23</xdr:col>
                    <xdr:colOff>0</xdr:colOff>
                    <xdr:row>113</xdr:row>
                    <xdr:rowOff>133350</xdr:rowOff>
                  </from>
                  <to>
                    <xdr:col>30</xdr:col>
                    <xdr:colOff>38100</xdr:colOff>
                    <xdr:row>115</xdr:row>
                    <xdr:rowOff>28575</xdr:rowOff>
                  </to>
                </anchor>
              </controlPr>
            </control>
          </mc:Choice>
        </mc:AlternateContent>
        <mc:AlternateContent xmlns:mc="http://schemas.openxmlformats.org/markup-compatibility/2006">
          <mc:Choice Requires="x14">
            <control shapeId="45247" r:id="rId162" name="Check Box 191">
              <controlPr defaultSize="0" autoFill="0" autoLine="0" autoPict="0">
                <anchor moveWithCells="1">
                  <from>
                    <xdr:col>23</xdr:col>
                    <xdr:colOff>19050</xdr:colOff>
                    <xdr:row>24</xdr:row>
                    <xdr:rowOff>0</xdr:rowOff>
                  </from>
                  <to>
                    <xdr:col>30</xdr:col>
                    <xdr:colOff>57150</xdr:colOff>
                    <xdr:row>25</xdr:row>
                    <xdr:rowOff>38100</xdr:rowOff>
                  </to>
                </anchor>
              </controlPr>
            </control>
          </mc:Choice>
        </mc:AlternateContent>
        <mc:AlternateContent xmlns:mc="http://schemas.openxmlformats.org/markup-compatibility/2006">
          <mc:Choice Requires="x14">
            <control shapeId="45248" r:id="rId163" name="Check Box 192">
              <controlPr defaultSize="0" autoFill="0" autoLine="0" autoPict="0">
                <anchor moveWithCells="1">
                  <from>
                    <xdr:col>24</xdr:col>
                    <xdr:colOff>19050</xdr:colOff>
                    <xdr:row>116</xdr:row>
                    <xdr:rowOff>161925</xdr:rowOff>
                  </from>
                  <to>
                    <xdr:col>31</xdr:col>
                    <xdr:colOff>57150</xdr:colOff>
                    <xdr:row>118</xdr:row>
                    <xdr:rowOff>28575</xdr:rowOff>
                  </to>
                </anchor>
              </controlPr>
            </control>
          </mc:Choice>
        </mc:AlternateContent>
        <mc:AlternateContent xmlns:mc="http://schemas.openxmlformats.org/markup-compatibility/2006">
          <mc:Choice Requires="x14">
            <control shapeId="45249" r:id="rId164" name="Check Box 193">
              <controlPr defaultSize="0" autoFill="0" autoLine="0" autoPict="0">
                <anchor moveWithCells="1">
                  <from>
                    <xdr:col>36</xdr:col>
                    <xdr:colOff>171450</xdr:colOff>
                    <xdr:row>3</xdr:row>
                    <xdr:rowOff>142875</xdr:rowOff>
                  </from>
                  <to>
                    <xdr:col>44</xdr:col>
                    <xdr:colOff>19050</xdr:colOff>
                    <xdr:row>5</xdr:row>
                    <xdr:rowOff>19050</xdr:rowOff>
                  </to>
                </anchor>
              </controlPr>
            </control>
          </mc:Choice>
        </mc:AlternateContent>
        <mc:AlternateContent xmlns:mc="http://schemas.openxmlformats.org/markup-compatibility/2006">
          <mc:Choice Requires="x14">
            <control shapeId="45250" r:id="rId165" name="Check Box 194">
              <controlPr defaultSize="0" autoFill="0" autoLine="0" autoPict="0">
                <anchor moveWithCells="1">
                  <from>
                    <xdr:col>23</xdr:col>
                    <xdr:colOff>9525</xdr:colOff>
                    <xdr:row>20</xdr:row>
                    <xdr:rowOff>142875</xdr:rowOff>
                  </from>
                  <to>
                    <xdr:col>30</xdr:col>
                    <xdr:colOff>47625</xdr:colOff>
                    <xdr:row>22</xdr:row>
                    <xdr:rowOff>19050</xdr:rowOff>
                  </to>
                </anchor>
              </controlPr>
            </control>
          </mc:Choice>
        </mc:AlternateContent>
        <mc:AlternateContent xmlns:mc="http://schemas.openxmlformats.org/markup-compatibility/2006">
          <mc:Choice Requires="x14">
            <control shapeId="45251" r:id="rId166" name="Check Box 195">
              <controlPr defaultSize="0" autoFill="0" autoLine="0" autoPict="0">
                <anchor moveWithCells="1">
                  <from>
                    <xdr:col>23</xdr:col>
                    <xdr:colOff>19050</xdr:colOff>
                    <xdr:row>25</xdr:row>
                    <xdr:rowOff>0</xdr:rowOff>
                  </from>
                  <to>
                    <xdr:col>30</xdr:col>
                    <xdr:colOff>57150</xdr:colOff>
                    <xdr:row>26</xdr:row>
                    <xdr:rowOff>38100</xdr:rowOff>
                  </to>
                </anchor>
              </controlPr>
            </control>
          </mc:Choice>
        </mc:AlternateContent>
        <mc:AlternateContent xmlns:mc="http://schemas.openxmlformats.org/markup-compatibility/2006">
          <mc:Choice Requires="x14">
            <control shapeId="45252" r:id="rId167" name="Check Box 196">
              <controlPr defaultSize="0" autoFill="0" autoLine="0" autoPict="0">
                <anchor moveWithCells="1">
                  <from>
                    <xdr:col>23</xdr:col>
                    <xdr:colOff>19050</xdr:colOff>
                    <xdr:row>26</xdr:row>
                    <xdr:rowOff>0</xdr:rowOff>
                  </from>
                  <to>
                    <xdr:col>30</xdr:col>
                    <xdr:colOff>57150</xdr:colOff>
                    <xdr:row>27</xdr:row>
                    <xdr:rowOff>28575</xdr:rowOff>
                  </to>
                </anchor>
              </controlPr>
            </control>
          </mc:Choice>
        </mc:AlternateContent>
        <mc:AlternateContent xmlns:mc="http://schemas.openxmlformats.org/markup-compatibility/2006">
          <mc:Choice Requires="x14">
            <control shapeId="45253" r:id="rId168" name="Check Box 197">
              <controlPr defaultSize="0" autoFill="0" autoLine="0" autoPict="0">
                <anchor moveWithCells="1">
                  <from>
                    <xdr:col>23</xdr:col>
                    <xdr:colOff>19050</xdr:colOff>
                    <xdr:row>27</xdr:row>
                    <xdr:rowOff>0</xdr:rowOff>
                  </from>
                  <to>
                    <xdr:col>30</xdr:col>
                    <xdr:colOff>57150</xdr:colOff>
                    <xdr:row>28</xdr:row>
                    <xdr:rowOff>28575</xdr:rowOff>
                  </to>
                </anchor>
              </controlPr>
            </control>
          </mc:Choice>
        </mc:AlternateContent>
        <mc:AlternateContent xmlns:mc="http://schemas.openxmlformats.org/markup-compatibility/2006">
          <mc:Choice Requires="x14">
            <control shapeId="45254" r:id="rId169" name="Check Box 198">
              <controlPr defaultSize="0" autoFill="0" autoLine="0" autoPict="0">
                <anchor moveWithCells="1">
                  <from>
                    <xdr:col>23</xdr:col>
                    <xdr:colOff>19050</xdr:colOff>
                    <xdr:row>27</xdr:row>
                    <xdr:rowOff>161925</xdr:rowOff>
                  </from>
                  <to>
                    <xdr:col>30</xdr:col>
                    <xdr:colOff>57150</xdr:colOff>
                    <xdr:row>29</xdr:row>
                    <xdr:rowOff>28575</xdr:rowOff>
                  </to>
                </anchor>
              </controlPr>
            </control>
          </mc:Choice>
        </mc:AlternateContent>
        <mc:AlternateContent xmlns:mc="http://schemas.openxmlformats.org/markup-compatibility/2006">
          <mc:Choice Requires="x14">
            <control shapeId="45255" r:id="rId170" name="Check Box 199">
              <controlPr defaultSize="0" autoFill="0" autoLine="0" autoPict="0">
                <anchor moveWithCells="1">
                  <from>
                    <xdr:col>23</xdr:col>
                    <xdr:colOff>19050</xdr:colOff>
                    <xdr:row>28</xdr:row>
                    <xdr:rowOff>161925</xdr:rowOff>
                  </from>
                  <to>
                    <xdr:col>30</xdr:col>
                    <xdr:colOff>57150</xdr:colOff>
                    <xdr:row>30</xdr:row>
                    <xdr:rowOff>19050</xdr:rowOff>
                  </to>
                </anchor>
              </controlPr>
            </control>
          </mc:Choice>
        </mc:AlternateContent>
        <mc:AlternateContent xmlns:mc="http://schemas.openxmlformats.org/markup-compatibility/2006">
          <mc:Choice Requires="x14">
            <control shapeId="45256" r:id="rId171" name="Check Box 200">
              <controlPr defaultSize="0" autoFill="0" autoLine="0" autoPict="0">
                <anchor moveWithCells="1">
                  <from>
                    <xdr:col>23</xdr:col>
                    <xdr:colOff>19050</xdr:colOff>
                    <xdr:row>29</xdr:row>
                    <xdr:rowOff>161925</xdr:rowOff>
                  </from>
                  <to>
                    <xdr:col>30</xdr:col>
                    <xdr:colOff>57150</xdr:colOff>
                    <xdr:row>31</xdr:row>
                    <xdr:rowOff>19050</xdr:rowOff>
                  </to>
                </anchor>
              </controlPr>
            </control>
          </mc:Choice>
        </mc:AlternateContent>
        <mc:AlternateContent xmlns:mc="http://schemas.openxmlformats.org/markup-compatibility/2006">
          <mc:Choice Requires="x14">
            <control shapeId="45257" r:id="rId172" name="Check Box 201">
              <controlPr defaultSize="0" autoFill="0" autoLine="0" autoPict="0">
                <anchor moveWithCells="1">
                  <from>
                    <xdr:col>7</xdr:col>
                    <xdr:colOff>0</xdr:colOff>
                    <xdr:row>15</xdr:row>
                    <xdr:rowOff>161925</xdr:rowOff>
                  </from>
                  <to>
                    <xdr:col>14</xdr:col>
                    <xdr:colOff>38100</xdr:colOff>
                    <xdr:row>17</xdr:row>
                    <xdr:rowOff>19050</xdr:rowOff>
                  </to>
                </anchor>
              </controlPr>
            </control>
          </mc:Choice>
        </mc:AlternateContent>
        <mc:AlternateContent xmlns:mc="http://schemas.openxmlformats.org/markup-compatibility/2006">
          <mc:Choice Requires="x14">
            <control shapeId="45258" r:id="rId173" name="Check Box 202">
              <controlPr defaultSize="0" autoFill="0" autoLine="0" autoPict="0">
                <anchor moveWithCells="1">
                  <from>
                    <xdr:col>7</xdr:col>
                    <xdr:colOff>0</xdr:colOff>
                    <xdr:row>18</xdr:row>
                    <xdr:rowOff>152400</xdr:rowOff>
                  </from>
                  <to>
                    <xdr:col>14</xdr:col>
                    <xdr:colOff>38100</xdr:colOff>
                    <xdr:row>20</xdr:row>
                    <xdr:rowOff>9525</xdr:rowOff>
                  </to>
                </anchor>
              </controlPr>
            </control>
          </mc:Choice>
        </mc:AlternateContent>
        <mc:AlternateContent xmlns:mc="http://schemas.openxmlformats.org/markup-compatibility/2006">
          <mc:Choice Requires="x14">
            <control shapeId="45259" r:id="rId174" name="Check Box 203">
              <controlPr defaultSize="0" autoFill="0" autoLine="0" autoPict="0">
                <anchor moveWithCells="1">
                  <from>
                    <xdr:col>7</xdr:col>
                    <xdr:colOff>0</xdr:colOff>
                    <xdr:row>20</xdr:row>
                    <xdr:rowOff>142875</xdr:rowOff>
                  </from>
                  <to>
                    <xdr:col>14</xdr:col>
                    <xdr:colOff>38100</xdr:colOff>
                    <xdr:row>22</xdr:row>
                    <xdr:rowOff>0</xdr:rowOff>
                  </to>
                </anchor>
              </controlPr>
            </control>
          </mc:Choice>
        </mc:AlternateContent>
        <mc:AlternateContent xmlns:mc="http://schemas.openxmlformats.org/markup-compatibility/2006">
          <mc:Choice Requires="x14">
            <control shapeId="45260" r:id="rId175" name="Check Box 204">
              <controlPr defaultSize="0" autoFill="0" autoLine="0" autoPict="0">
                <anchor moveWithCells="1">
                  <from>
                    <xdr:col>7</xdr:col>
                    <xdr:colOff>0</xdr:colOff>
                    <xdr:row>21</xdr:row>
                    <xdr:rowOff>142875</xdr:rowOff>
                  </from>
                  <to>
                    <xdr:col>14</xdr:col>
                    <xdr:colOff>38100</xdr:colOff>
                    <xdr:row>23</xdr:row>
                    <xdr:rowOff>0</xdr:rowOff>
                  </to>
                </anchor>
              </controlPr>
            </control>
          </mc:Choice>
        </mc:AlternateContent>
        <mc:AlternateContent xmlns:mc="http://schemas.openxmlformats.org/markup-compatibility/2006">
          <mc:Choice Requires="x14">
            <control shapeId="45261" r:id="rId176" name="Check Box 205">
              <controlPr defaultSize="0" autoFill="0" autoLine="0" autoPict="0">
                <anchor moveWithCells="1">
                  <from>
                    <xdr:col>7</xdr:col>
                    <xdr:colOff>0</xdr:colOff>
                    <xdr:row>24</xdr:row>
                    <xdr:rowOff>0</xdr:rowOff>
                  </from>
                  <to>
                    <xdr:col>14</xdr:col>
                    <xdr:colOff>38100</xdr:colOff>
                    <xdr:row>25</xdr:row>
                    <xdr:rowOff>19050</xdr:rowOff>
                  </to>
                </anchor>
              </controlPr>
            </control>
          </mc:Choice>
        </mc:AlternateContent>
        <mc:AlternateContent xmlns:mc="http://schemas.openxmlformats.org/markup-compatibility/2006">
          <mc:Choice Requires="x14">
            <control shapeId="45262" r:id="rId177" name="Check Box 206">
              <controlPr defaultSize="0" autoFill="0" autoLine="0" autoPict="0">
                <anchor moveWithCells="1">
                  <from>
                    <xdr:col>7</xdr:col>
                    <xdr:colOff>0</xdr:colOff>
                    <xdr:row>25</xdr:row>
                    <xdr:rowOff>161925</xdr:rowOff>
                  </from>
                  <to>
                    <xdr:col>14</xdr:col>
                    <xdr:colOff>38100</xdr:colOff>
                    <xdr:row>27</xdr:row>
                    <xdr:rowOff>9525</xdr:rowOff>
                  </to>
                </anchor>
              </controlPr>
            </control>
          </mc:Choice>
        </mc:AlternateContent>
        <mc:AlternateContent xmlns:mc="http://schemas.openxmlformats.org/markup-compatibility/2006">
          <mc:Choice Requires="x14">
            <control shapeId="45263" r:id="rId178" name="Check Box 207">
              <controlPr defaultSize="0" autoFill="0" autoLine="0" autoPict="0">
                <anchor moveWithCells="1">
                  <from>
                    <xdr:col>7</xdr:col>
                    <xdr:colOff>0</xdr:colOff>
                    <xdr:row>29</xdr:row>
                    <xdr:rowOff>161925</xdr:rowOff>
                  </from>
                  <to>
                    <xdr:col>14</xdr:col>
                    <xdr:colOff>38100</xdr:colOff>
                    <xdr:row>31</xdr:row>
                    <xdr:rowOff>19050</xdr:rowOff>
                  </to>
                </anchor>
              </controlPr>
            </control>
          </mc:Choice>
        </mc:AlternateContent>
        <mc:AlternateContent xmlns:mc="http://schemas.openxmlformats.org/markup-compatibility/2006">
          <mc:Choice Requires="x14">
            <control shapeId="45264" r:id="rId179" name="Check Box 208">
              <controlPr defaultSize="0" autoFill="0" autoLine="0" autoPict="0">
                <anchor moveWithCells="1">
                  <from>
                    <xdr:col>6</xdr:col>
                    <xdr:colOff>161925</xdr:colOff>
                    <xdr:row>8</xdr:row>
                    <xdr:rowOff>152400</xdr:rowOff>
                  </from>
                  <to>
                    <xdr:col>14</xdr:col>
                    <xdr:colOff>19050</xdr:colOff>
                    <xdr:row>10</xdr:row>
                    <xdr:rowOff>0</xdr:rowOff>
                  </to>
                </anchor>
              </controlPr>
            </control>
          </mc:Choice>
        </mc:AlternateContent>
        <mc:AlternateContent xmlns:mc="http://schemas.openxmlformats.org/markup-compatibility/2006">
          <mc:Choice Requires="x14">
            <control shapeId="45265" r:id="rId180" name="Check Box 209">
              <controlPr defaultSize="0" autoFill="0" autoLine="0" autoPict="0">
                <anchor moveWithCells="1">
                  <from>
                    <xdr:col>22</xdr:col>
                    <xdr:colOff>171450</xdr:colOff>
                    <xdr:row>6</xdr:row>
                    <xdr:rowOff>161925</xdr:rowOff>
                  </from>
                  <to>
                    <xdr:col>30</xdr:col>
                    <xdr:colOff>28575</xdr:colOff>
                    <xdr:row>8</xdr:row>
                    <xdr:rowOff>19050</xdr:rowOff>
                  </to>
                </anchor>
              </controlPr>
            </control>
          </mc:Choice>
        </mc:AlternateContent>
        <mc:AlternateContent xmlns:mc="http://schemas.openxmlformats.org/markup-compatibility/2006">
          <mc:Choice Requires="x14">
            <control shapeId="45266" r:id="rId181" name="Check Box 210">
              <controlPr defaultSize="0" autoFill="0" autoLine="0" autoPict="0">
                <anchor moveWithCells="1">
                  <from>
                    <xdr:col>23</xdr:col>
                    <xdr:colOff>9525</xdr:colOff>
                    <xdr:row>51</xdr:row>
                    <xdr:rowOff>142875</xdr:rowOff>
                  </from>
                  <to>
                    <xdr:col>30</xdr:col>
                    <xdr:colOff>47625</xdr:colOff>
                    <xdr:row>53</xdr:row>
                    <xdr:rowOff>28575</xdr:rowOff>
                  </to>
                </anchor>
              </controlPr>
            </control>
          </mc:Choice>
        </mc:AlternateContent>
        <mc:AlternateContent xmlns:mc="http://schemas.openxmlformats.org/markup-compatibility/2006">
          <mc:Choice Requires="x14">
            <control shapeId="45267" r:id="rId182" name="Check Box 211">
              <controlPr defaultSize="0" autoFill="0" autoLine="0" autoPict="0">
                <anchor moveWithCells="1">
                  <from>
                    <xdr:col>23</xdr:col>
                    <xdr:colOff>9525</xdr:colOff>
                    <xdr:row>52</xdr:row>
                    <xdr:rowOff>142875</xdr:rowOff>
                  </from>
                  <to>
                    <xdr:col>30</xdr:col>
                    <xdr:colOff>47625</xdr:colOff>
                    <xdr:row>54</xdr:row>
                    <xdr:rowOff>19050</xdr:rowOff>
                  </to>
                </anchor>
              </controlPr>
            </control>
          </mc:Choice>
        </mc:AlternateContent>
        <mc:AlternateContent xmlns:mc="http://schemas.openxmlformats.org/markup-compatibility/2006">
          <mc:Choice Requires="x14">
            <control shapeId="45268" r:id="rId183" name="Check Box 212">
              <controlPr defaultSize="0" autoFill="0" autoLine="0" autoPict="0">
                <anchor moveWithCells="1">
                  <from>
                    <xdr:col>23</xdr:col>
                    <xdr:colOff>19050</xdr:colOff>
                    <xdr:row>60</xdr:row>
                    <xdr:rowOff>133350</xdr:rowOff>
                  </from>
                  <to>
                    <xdr:col>30</xdr:col>
                    <xdr:colOff>57150</xdr:colOff>
                    <xdr:row>62</xdr:row>
                    <xdr:rowOff>9525</xdr:rowOff>
                  </to>
                </anchor>
              </controlPr>
            </control>
          </mc:Choice>
        </mc:AlternateContent>
        <mc:AlternateContent xmlns:mc="http://schemas.openxmlformats.org/markup-compatibility/2006">
          <mc:Choice Requires="x14">
            <control shapeId="45269" r:id="rId184" name="Check Box 213">
              <controlPr defaultSize="0" autoFill="0" autoLine="0" autoPict="0">
                <anchor moveWithCells="1">
                  <from>
                    <xdr:col>23</xdr:col>
                    <xdr:colOff>19050</xdr:colOff>
                    <xdr:row>61</xdr:row>
                    <xdr:rowOff>133350</xdr:rowOff>
                  </from>
                  <to>
                    <xdr:col>30</xdr:col>
                    <xdr:colOff>57150</xdr:colOff>
                    <xdr:row>63</xdr:row>
                    <xdr:rowOff>9525</xdr:rowOff>
                  </to>
                </anchor>
              </controlPr>
            </control>
          </mc:Choice>
        </mc:AlternateContent>
        <mc:AlternateContent xmlns:mc="http://schemas.openxmlformats.org/markup-compatibility/2006">
          <mc:Choice Requires="x14">
            <control shapeId="45270" r:id="rId185" name="Check Box 214">
              <controlPr defaultSize="0" autoFill="0" autoLine="0" autoPict="0">
                <anchor moveWithCells="1">
                  <from>
                    <xdr:col>23</xdr:col>
                    <xdr:colOff>19050</xdr:colOff>
                    <xdr:row>62</xdr:row>
                    <xdr:rowOff>142875</xdr:rowOff>
                  </from>
                  <to>
                    <xdr:col>30</xdr:col>
                    <xdr:colOff>57150</xdr:colOff>
                    <xdr:row>64</xdr:row>
                    <xdr:rowOff>28575</xdr:rowOff>
                  </to>
                </anchor>
              </controlPr>
            </control>
          </mc:Choice>
        </mc:AlternateContent>
        <mc:AlternateContent xmlns:mc="http://schemas.openxmlformats.org/markup-compatibility/2006">
          <mc:Choice Requires="x14">
            <control shapeId="45271" r:id="rId186" name="Check Box 215">
              <controlPr defaultSize="0" autoFill="0" autoLine="0" autoPict="0">
                <anchor moveWithCells="1">
                  <from>
                    <xdr:col>7</xdr:col>
                    <xdr:colOff>0</xdr:colOff>
                    <xdr:row>80</xdr:row>
                    <xdr:rowOff>161925</xdr:rowOff>
                  </from>
                  <to>
                    <xdr:col>14</xdr:col>
                    <xdr:colOff>38100</xdr:colOff>
                    <xdr:row>82</xdr:row>
                    <xdr:rowOff>57150</xdr:rowOff>
                  </to>
                </anchor>
              </controlPr>
            </control>
          </mc:Choice>
        </mc:AlternateContent>
        <mc:AlternateContent xmlns:mc="http://schemas.openxmlformats.org/markup-compatibility/2006">
          <mc:Choice Requires="x14">
            <control shapeId="45272" r:id="rId187" name="Check Box 216">
              <controlPr defaultSize="0" autoFill="0" autoLine="0" autoPict="0">
                <anchor moveWithCells="1">
                  <from>
                    <xdr:col>6</xdr:col>
                    <xdr:colOff>171450</xdr:colOff>
                    <xdr:row>109</xdr:row>
                    <xdr:rowOff>152400</xdr:rowOff>
                  </from>
                  <to>
                    <xdr:col>14</xdr:col>
                    <xdr:colOff>28575</xdr:colOff>
                    <xdr:row>111</xdr:row>
                    <xdr:rowOff>57150</xdr:rowOff>
                  </to>
                </anchor>
              </controlPr>
            </control>
          </mc:Choice>
        </mc:AlternateContent>
        <mc:AlternateContent xmlns:mc="http://schemas.openxmlformats.org/markup-compatibility/2006">
          <mc:Choice Requires="x14">
            <control shapeId="45273" r:id="rId188" name="Check Box 217">
              <controlPr defaultSize="0" autoFill="0" autoLine="0" autoPict="0">
                <anchor moveWithCells="1">
                  <from>
                    <xdr:col>6</xdr:col>
                    <xdr:colOff>161925</xdr:colOff>
                    <xdr:row>0</xdr:row>
                    <xdr:rowOff>161925</xdr:rowOff>
                  </from>
                  <to>
                    <xdr:col>14</xdr:col>
                    <xdr:colOff>19050</xdr:colOff>
                    <xdr:row>2</xdr:row>
                    <xdr:rowOff>19050</xdr:rowOff>
                  </to>
                </anchor>
              </controlPr>
            </control>
          </mc:Choice>
        </mc:AlternateContent>
        <mc:AlternateContent xmlns:mc="http://schemas.openxmlformats.org/markup-compatibility/2006">
          <mc:Choice Requires="x14">
            <control shapeId="45274" r:id="rId189" name="Check Box 218">
              <controlPr defaultSize="0" autoFill="0" autoLine="0" autoPict="0">
                <anchor moveWithCells="1">
                  <from>
                    <xdr:col>6</xdr:col>
                    <xdr:colOff>161925</xdr:colOff>
                    <xdr:row>1</xdr:row>
                    <xdr:rowOff>161925</xdr:rowOff>
                  </from>
                  <to>
                    <xdr:col>14</xdr:col>
                    <xdr:colOff>19050</xdr:colOff>
                    <xdr:row>3</xdr:row>
                    <xdr:rowOff>19050</xdr:rowOff>
                  </to>
                </anchor>
              </controlPr>
            </control>
          </mc:Choice>
        </mc:AlternateContent>
        <mc:AlternateContent xmlns:mc="http://schemas.openxmlformats.org/markup-compatibility/2006">
          <mc:Choice Requires="x14">
            <control shapeId="45275" r:id="rId190" name="Check Box 219">
              <controlPr defaultSize="0" autoFill="0" autoLine="0" autoPict="0">
                <anchor moveWithCells="1">
                  <from>
                    <xdr:col>6</xdr:col>
                    <xdr:colOff>161925</xdr:colOff>
                    <xdr:row>3</xdr:row>
                    <xdr:rowOff>152400</xdr:rowOff>
                  </from>
                  <to>
                    <xdr:col>14</xdr:col>
                    <xdr:colOff>19050</xdr:colOff>
                    <xdr:row>5</xdr:row>
                    <xdr:rowOff>9525</xdr:rowOff>
                  </to>
                </anchor>
              </controlPr>
            </control>
          </mc:Choice>
        </mc:AlternateContent>
        <mc:AlternateContent xmlns:mc="http://schemas.openxmlformats.org/markup-compatibility/2006">
          <mc:Choice Requires="x14">
            <control shapeId="45276" r:id="rId191" name="Check Box 220">
              <controlPr defaultSize="0" autoFill="0" autoLine="0" autoPict="0">
                <anchor moveWithCells="1">
                  <from>
                    <xdr:col>6</xdr:col>
                    <xdr:colOff>171450</xdr:colOff>
                    <xdr:row>6</xdr:row>
                    <xdr:rowOff>142875</xdr:rowOff>
                  </from>
                  <to>
                    <xdr:col>14</xdr:col>
                    <xdr:colOff>28575</xdr:colOff>
                    <xdr:row>8</xdr:row>
                    <xdr:rowOff>0</xdr:rowOff>
                  </to>
                </anchor>
              </controlPr>
            </control>
          </mc:Choice>
        </mc:AlternateContent>
        <mc:AlternateContent xmlns:mc="http://schemas.openxmlformats.org/markup-compatibility/2006">
          <mc:Choice Requires="x14">
            <control shapeId="45277" r:id="rId192" name="Check Box 221">
              <controlPr defaultSize="0" autoFill="0" autoLine="0" autoPict="0">
                <anchor moveWithCells="1">
                  <from>
                    <xdr:col>23</xdr:col>
                    <xdr:colOff>0</xdr:colOff>
                    <xdr:row>0</xdr:row>
                    <xdr:rowOff>161925</xdr:rowOff>
                  </from>
                  <to>
                    <xdr:col>30</xdr:col>
                    <xdr:colOff>38100</xdr:colOff>
                    <xdr:row>2</xdr:row>
                    <xdr:rowOff>19050</xdr:rowOff>
                  </to>
                </anchor>
              </controlPr>
            </control>
          </mc:Choice>
        </mc:AlternateContent>
        <mc:AlternateContent xmlns:mc="http://schemas.openxmlformats.org/markup-compatibility/2006">
          <mc:Choice Requires="x14">
            <control shapeId="45278" r:id="rId193" name="Check Box 222">
              <controlPr defaultSize="0" autoFill="0" autoLine="0" autoPict="0">
                <anchor moveWithCells="1">
                  <from>
                    <xdr:col>23</xdr:col>
                    <xdr:colOff>0</xdr:colOff>
                    <xdr:row>1</xdr:row>
                    <xdr:rowOff>161925</xdr:rowOff>
                  </from>
                  <to>
                    <xdr:col>30</xdr:col>
                    <xdr:colOff>38100</xdr:colOff>
                    <xdr:row>3</xdr:row>
                    <xdr:rowOff>19050</xdr:rowOff>
                  </to>
                </anchor>
              </controlPr>
            </control>
          </mc:Choice>
        </mc:AlternateContent>
        <mc:AlternateContent xmlns:mc="http://schemas.openxmlformats.org/markup-compatibility/2006">
          <mc:Choice Requires="x14">
            <control shapeId="45279" r:id="rId194" name="Check Box 223">
              <controlPr defaultSize="0" autoFill="0" autoLine="0" autoPict="0">
                <anchor moveWithCells="1">
                  <from>
                    <xdr:col>23</xdr:col>
                    <xdr:colOff>0</xdr:colOff>
                    <xdr:row>3</xdr:row>
                    <xdr:rowOff>152400</xdr:rowOff>
                  </from>
                  <to>
                    <xdr:col>30</xdr:col>
                    <xdr:colOff>38100</xdr:colOff>
                    <xdr:row>5</xdr:row>
                    <xdr:rowOff>9525</xdr:rowOff>
                  </to>
                </anchor>
              </controlPr>
            </control>
          </mc:Choice>
        </mc:AlternateContent>
        <mc:AlternateContent xmlns:mc="http://schemas.openxmlformats.org/markup-compatibility/2006">
          <mc:Choice Requires="x14">
            <control shapeId="45280" r:id="rId195" name="Check Box 224">
              <controlPr defaultSize="0" autoFill="0" autoLine="0" autoPict="0">
                <anchor moveWithCells="1">
                  <from>
                    <xdr:col>6</xdr:col>
                    <xdr:colOff>171450</xdr:colOff>
                    <xdr:row>111</xdr:row>
                    <xdr:rowOff>152400</xdr:rowOff>
                  </from>
                  <to>
                    <xdr:col>14</xdr:col>
                    <xdr:colOff>28575</xdr:colOff>
                    <xdr:row>113</xdr:row>
                    <xdr:rowOff>38100</xdr:rowOff>
                  </to>
                </anchor>
              </controlPr>
            </control>
          </mc:Choice>
        </mc:AlternateContent>
        <mc:AlternateContent xmlns:mc="http://schemas.openxmlformats.org/markup-compatibility/2006">
          <mc:Choice Requires="x14">
            <control shapeId="45281" r:id="rId196" name="Check Box 225">
              <controlPr defaultSize="0" autoFill="0" autoLine="0" autoPict="0">
                <anchor moveWithCells="1">
                  <from>
                    <xdr:col>6</xdr:col>
                    <xdr:colOff>171450</xdr:colOff>
                    <xdr:row>115</xdr:row>
                    <xdr:rowOff>142875</xdr:rowOff>
                  </from>
                  <to>
                    <xdr:col>14</xdr:col>
                    <xdr:colOff>28575</xdr:colOff>
                    <xdr:row>117</xdr:row>
                    <xdr:rowOff>38100</xdr:rowOff>
                  </to>
                </anchor>
              </controlPr>
            </control>
          </mc:Choice>
        </mc:AlternateContent>
        <mc:AlternateContent xmlns:mc="http://schemas.openxmlformats.org/markup-compatibility/2006">
          <mc:Choice Requires="x14">
            <control shapeId="45282" r:id="rId197" name="Check Box 226">
              <controlPr defaultSize="0" autoFill="0" autoLine="0" autoPict="0">
                <anchor moveWithCells="1">
                  <from>
                    <xdr:col>6</xdr:col>
                    <xdr:colOff>171450</xdr:colOff>
                    <xdr:row>119</xdr:row>
                    <xdr:rowOff>152400</xdr:rowOff>
                  </from>
                  <to>
                    <xdr:col>14</xdr:col>
                    <xdr:colOff>28575</xdr:colOff>
                    <xdr:row>121</xdr:row>
                    <xdr:rowOff>38100</xdr:rowOff>
                  </to>
                </anchor>
              </controlPr>
            </control>
          </mc:Choice>
        </mc:AlternateContent>
        <mc:AlternateContent xmlns:mc="http://schemas.openxmlformats.org/markup-compatibility/2006">
          <mc:Choice Requires="x14">
            <control shapeId="45283" r:id="rId198" name="Check Box 227">
              <controlPr defaultSize="0" autoFill="0" autoLine="0" autoPict="0">
                <anchor moveWithCells="1">
                  <from>
                    <xdr:col>6</xdr:col>
                    <xdr:colOff>171450</xdr:colOff>
                    <xdr:row>121</xdr:row>
                    <xdr:rowOff>142875</xdr:rowOff>
                  </from>
                  <to>
                    <xdr:col>14</xdr:col>
                    <xdr:colOff>28575</xdr:colOff>
                    <xdr:row>123</xdr:row>
                    <xdr:rowOff>38100</xdr:rowOff>
                  </to>
                </anchor>
              </controlPr>
            </control>
          </mc:Choice>
        </mc:AlternateContent>
        <mc:AlternateContent xmlns:mc="http://schemas.openxmlformats.org/markup-compatibility/2006">
          <mc:Choice Requires="x14">
            <control shapeId="45284" r:id="rId199" name="Check Box 228">
              <controlPr defaultSize="0" autoFill="0" autoLine="0" autoPict="0">
                <anchor moveWithCells="1">
                  <from>
                    <xdr:col>6</xdr:col>
                    <xdr:colOff>171450</xdr:colOff>
                    <xdr:row>122</xdr:row>
                    <xdr:rowOff>142875</xdr:rowOff>
                  </from>
                  <to>
                    <xdr:col>14</xdr:col>
                    <xdr:colOff>28575</xdr:colOff>
                    <xdr:row>124</xdr:row>
                    <xdr:rowOff>28575</xdr:rowOff>
                  </to>
                </anchor>
              </controlPr>
            </control>
          </mc:Choice>
        </mc:AlternateContent>
        <mc:AlternateContent xmlns:mc="http://schemas.openxmlformats.org/markup-compatibility/2006">
          <mc:Choice Requires="x14">
            <control shapeId="45285" r:id="rId200" name="Check Box 229">
              <controlPr defaultSize="0" autoFill="0" autoLine="0" autoPict="0">
                <anchor moveWithCells="1">
                  <from>
                    <xdr:col>7</xdr:col>
                    <xdr:colOff>0</xdr:colOff>
                    <xdr:row>44</xdr:row>
                    <xdr:rowOff>0</xdr:rowOff>
                  </from>
                  <to>
                    <xdr:col>14</xdr:col>
                    <xdr:colOff>38100</xdr:colOff>
                    <xdr:row>45</xdr:row>
                    <xdr:rowOff>38100</xdr:rowOff>
                  </to>
                </anchor>
              </controlPr>
            </control>
          </mc:Choice>
        </mc:AlternateContent>
        <mc:AlternateContent xmlns:mc="http://schemas.openxmlformats.org/markup-compatibility/2006">
          <mc:Choice Requires="x14">
            <control shapeId="45286" r:id="rId201" name="Check Box 230">
              <controlPr defaultSize="0" autoFill="0" autoLine="0" autoPict="0">
                <anchor moveWithCells="1">
                  <from>
                    <xdr:col>6</xdr:col>
                    <xdr:colOff>171450</xdr:colOff>
                    <xdr:row>13</xdr:row>
                    <xdr:rowOff>161925</xdr:rowOff>
                  </from>
                  <to>
                    <xdr:col>14</xdr:col>
                    <xdr:colOff>28575</xdr:colOff>
                    <xdr:row>15</xdr:row>
                    <xdr:rowOff>28575</xdr:rowOff>
                  </to>
                </anchor>
              </controlPr>
            </control>
          </mc:Choice>
        </mc:AlternateContent>
        <mc:AlternateContent xmlns:mc="http://schemas.openxmlformats.org/markup-compatibility/2006">
          <mc:Choice Requires="x14">
            <control shapeId="45287" r:id="rId202" name="Check Box 231">
              <controlPr defaultSize="0" autoFill="0" autoLine="0" autoPict="0">
                <anchor moveWithCells="1">
                  <from>
                    <xdr:col>22</xdr:col>
                    <xdr:colOff>171450</xdr:colOff>
                    <xdr:row>13</xdr:row>
                    <xdr:rowOff>161925</xdr:rowOff>
                  </from>
                  <to>
                    <xdr:col>26</xdr:col>
                    <xdr:colOff>142875</xdr:colOff>
                    <xdr:row>15</xdr:row>
                    <xdr:rowOff>9525</xdr:rowOff>
                  </to>
                </anchor>
              </controlPr>
            </control>
          </mc:Choice>
        </mc:AlternateContent>
        <mc:AlternateContent xmlns:mc="http://schemas.openxmlformats.org/markup-compatibility/2006">
          <mc:Choice Requires="x14">
            <control shapeId="45288" r:id="rId203" name="Check Box 232">
              <controlPr defaultSize="0" autoFill="0" autoLine="0" autoPict="0">
                <anchor moveWithCells="1">
                  <from>
                    <xdr:col>31</xdr:col>
                    <xdr:colOff>161925</xdr:colOff>
                    <xdr:row>8</xdr:row>
                    <xdr:rowOff>161925</xdr:rowOff>
                  </from>
                  <to>
                    <xdr:col>39</xdr:col>
                    <xdr:colOff>9525</xdr:colOff>
                    <xdr:row>10</xdr:row>
                    <xdr:rowOff>19050</xdr:rowOff>
                  </to>
                </anchor>
              </controlPr>
            </control>
          </mc:Choice>
        </mc:AlternateContent>
        <mc:AlternateContent xmlns:mc="http://schemas.openxmlformats.org/markup-compatibility/2006">
          <mc:Choice Requires="x14">
            <control shapeId="45289" r:id="rId204" name="Check Box 233">
              <controlPr defaultSize="0" autoFill="0" autoLine="0" autoPict="0">
                <anchor moveWithCells="1">
                  <from>
                    <xdr:col>42</xdr:col>
                    <xdr:colOff>171450</xdr:colOff>
                    <xdr:row>9</xdr:row>
                    <xdr:rowOff>0</xdr:rowOff>
                  </from>
                  <to>
                    <xdr:col>50</xdr:col>
                    <xdr:colOff>19050</xdr:colOff>
                    <xdr:row>10</xdr:row>
                    <xdr:rowOff>28575</xdr:rowOff>
                  </to>
                </anchor>
              </controlPr>
            </control>
          </mc:Choice>
        </mc:AlternateContent>
        <mc:AlternateContent xmlns:mc="http://schemas.openxmlformats.org/markup-compatibility/2006">
          <mc:Choice Requires="x14">
            <control shapeId="45290" r:id="rId205" name="Check Box 234">
              <controlPr defaultSize="0" autoFill="0" autoLine="0" autoPict="0">
                <anchor moveWithCells="1">
                  <from>
                    <xdr:col>23</xdr:col>
                    <xdr:colOff>171450</xdr:colOff>
                    <xdr:row>9</xdr:row>
                    <xdr:rowOff>161925</xdr:rowOff>
                  </from>
                  <to>
                    <xdr:col>28</xdr:col>
                    <xdr:colOff>66675</xdr:colOff>
                    <xdr:row>11</xdr:row>
                    <xdr:rowOff>9525</xdr:rowOff>
                  </to>
                </anchor>
              </controlPr>
            </control>
          </mc:Choice>
        </mc:AlternateContent>
        <mc:AlternateContent xmlns:mc="http://schemas.openxmlformats.org/markup-compatibility/2006">
          <mc:Choice Requires="x14">
            <control shapeId="45291" r:id="rId206" name="Check Box 235">
              <controlPr defaultSize="0" autoFill="0" autoLine="0" autoPict="0">
                <anchor moveWithCells="1">
                  <from>
                    <xdr:col>24</xdr:col>
                    <xdr:colOff>171450</xdr:colOff>
                    <xdr:row>10</xdr:row>
                    <xdr:rowOff>152400</xdr:rowOff>
                  </from>
                  <to>
                    <xdr:col>29</xdr:col>
                    <xdr:colOff>66675</xdr:colOff>
                    <xdr:row>12</xdr:row>
                    <xdr:rowOff>19050</xdr:rowOff>
                  </to>
                </anchor>
              </controlPr>
            </control>
          </mc:Choice>
        </mc:AlternateContent>
        <mc:AlternateContent xmlns:mc="http://schemas.openxmlformats.org/markup-compatibility/2006">
          <mc:Choice Requires="x14">
            <control shapeId="45292" r:id="rId207" name="Check Box 236">
              <controlPr defaultSize="0" autoFill="0" autoLine="0" autoPict="0">
                <anchor moveWithCells="1">
                  <from>
                    <xdr:col>27</xdr:col>
                    <xdr:colOff>171450</xdr:colOff>
                    <xdr:row>11</xdr:row>
                    <xdr:rowOff>0</xdr:rowOff>
                  </from>
                  <to>
                    <xdr:col>35</xdr:col>
                    <xdr:colOff>28575</xdr:colOff>
                    <xdr:row>12</xdr:row>
                    <xdr:rowOff>38100</xdr:rowOff>
                  </to>
                </anchor>
              </controlPr>
            </control>
          </mc:Choice>
        </mc:AlternateContent>
        <mc:AlternateContent xmlns:mc="http://schemas.openxmlformats.org/markup-compatibility/2006">
          <mc:Choice Requires="x14">
            <control shapeId="45293" r:id="rId208" name="Check Box 237">
              <controlPr defaultSize="0" autoFill="0" autoLine="0" autoPict="0">
                <anchor moveWithCells="1">
                  <from>
                    <xdr:col>23</xdr:col>
                    <xdr:colOff>171450</xdr:colOff>
                    <xdr:row>12</xdr:row>
                    <xdr:rowOff>0</xdr:rowOff>
                  </from>
                  <to>
                    <xdr:col>31</xdr:col>
                    <xdr:colOff>28575</xdr:colOff>
                    <xdr:row>13</xdr:row>
                    <xdr:rowOff>28575</xdr:rowOff>
                  </to>
                </anchor>
              </controlPr>
            </control>
          </mc:Choice>
        </mc:AlternateContent>
        <mc:AlternateContent xmlns:mc="http://schemas.openxmlformats.org/markup-compatibility/2006">
          <mc:Choice Requires="x14">
            <control shapeId="45294" r:id="rId209" name="Check Box 238">
              <controlPr defaultSize="0" autoFill="0" autoLine="0" autoPict="0">
                <anchor moveWithCells="1">
                  <from>
                    <xdr:col>24</xdr:col>
                    <xdr:colOff>161925</xdr:colOff>
                    <xdr:row>12</xdr:row>
                    <xdr:rowOff>152400</xdr:rowOff>
                  </from>
                  <to>
                    <xdr:col>32</xdr:col>
                    <xdr:colOff>9525</xdr:colOff>
                    <xdr:row>14</xdr:row>
                    <xdr:rowOff>9525</xdr:rowOff>
                  </to>
                </anchor>
              </controlPr>
            </control>
          </mc:Choice>
        </mc:AlternateContent>
        <mc:AlternateContent xmlns:mc="http://schemas.openxmlformats.org/markup-compatibility/2006">
          <mc:Choice Requires="x14">
            <control shapeId="45295" r:id="rId210" name="Check Box 239">
              <controlPr defaultSize="0" autoFill="0" autoLine="0" autoPict="0">
                <anchor moveWithCells="1">
                  <from>
                    <xdr:col>27</xdr:col>
                    <xdr:colOff>171450</xdr:colOff>
                    <xdr:row>12</xdr:row>
                    <xdr:rowOff>152400</xdr:rowOff>
                  </from>
                  <to>
                    <xdr:col>35</xdr:col>
                    <xdr:colOff>28575</xdr:colOff>
                    <xdr:row>14</xdr:row>
                    <xdr:rowOff>9525</xdr:rowOff>
                  </to>
                </anchor>
              </controlPr>
            </control>
          </mc:Choice>
        </mc:AlternateContent>
        <mc:AlternateContent xmlns:mc="http://schemas.openxmlformats.org/markup-compatibility/2006">
          <mc:Choice Requires="x14">
            <control shapeId="45296" r:id="rId211" name="Check Box 240">
              <controlPr defaultSize="0" autoFill="0" autoLine="0" autoPict="0">
                <anchor moveWithCells="1">
                  <from>
                    <xdr:col>23</xdr:col>
                    <xdr:colOff>0</xdr:colOff>
                    <xdr:row>2</xdr:row>
                    <xdr:rowOff>152400</xdr:rowOff>
                  </from>
                  <to>
                    <xdr:col>30</xdr:col>
                    <xdr:colOff>38100</xdr:colOff>
                    <xdr:row>4</xdr:row>
                    <xdr:rowOff>19050</xdr:rowOff>
                  </to>
                </anchor>
              </controlPr>
            </control>
          </mc:Choice>
        </mc:AlternateContent>
        <mc:AlternateContent xmlns:mc="http://schemas.openxmlformats.org/markup-compatibility/2006">
          <mc:Choice Requires="x14">
            <control shapeId="45297" r:id="rId212" name="Check Box 241">
              <controlPr defaultSize="0" autoFill="0" autoLine="0" autoPict="0">
                <anchor moveWithCells="1">
                  <from>
                    <xdr:col>28</xdr:col>
                    <xdr:colOff>0</xdr:colOff>
                    <xdr:row>6</xdr:row>
                    <xdr:rowOff>152400</xdr:rowOff>
                  </from>
                  <to>
                    <xdr:col>35</xdr:col>
                    <xdr:colOff>38100</xdr:colOff>
                    <xdr:row>8</xdr:row>
                    <xdr:rowOff>9525</xdr:rowOff>
                  </to>
                </anchor>
              </controlPr>
            </control>
          </mc:Choice>
        </mc:AlternateContent>
        <mc:AlternateContent xmlns:mc="http://schemas.openxmlformats.org/markup-compatibility/2006">
          <mc:Choice Requires="x14">
            <control shapeId="45298" r:id="rId213" name="Check Box 242">
              <controlPr defaultSize="0" autoFill="0" autoLine="0" autoPict="0">
                <anchor moveWithCells="1">
                  <from>
                    <xdr:col>36</xdr:col>
                    <xdr:colOff>161925</xdr:colOff>
                    <xdr:row>6</xdr:row>
                    <xdr:rowOff>142875</xdr:rowOff>
                  </from>
                  <to>
                    <xdr:col>44</xdr:col>
                    <xdr:colOff>9525</xdr:colOff>
                    <xdr:row>8</xdr:row>
                    <xdr:rowOff>0</xdr:rowOff>
                  </to>
                </anchor>
              </controlPr>
            </control>
          </mc:Choice>
        </mc:AlternateContent>
        <mc:AlternateContent xmlns:mc="http://schemas.openxmlformats.org/markup-compatibility/2006">
          <mc:Choice Requires="x14">
            <control shapeId="45299" r:id="rId214" name="Check Box 243">
              <controlPr defaultSize="0" autoFill="0" autoLine="0" autoPict="0">
                <anchor moveWithCells="1">
                  <from>
                    <xdr:col>48</xdr:col>
                    <xdr:colOff>171450</xdr:colOff>
                    <xdr:row>3</xdr:row>
                    <xdr:rowOff>152400</xdr:rowOff>
                  </from>
                  <to>
                    <xdr:col>56</xdr:col>
                    <xdr:colOff>19050</xdr:colOff>
                    <xdr:row>5</xdr:row>
                    <xdr:rowOff>28575</xdr:rowOff>
                  </to>
                </anchor>
              </controlPr>
            </control>
          </mc:Choice>
        </mc:AlternateContent>
        <mc:AlternateContent xmlns:mc="http://schemas.openxmlformats.org/markup-compatibility/2006">
          <mc:Choice Requires="x14">
            <control shapeId="45300" r:id="rId215" name="Check Box 244">
              <controlPr defaultSize="0" autoFill="0" autoLine="0" autoPict="0">
                <anchor moveWithCells="1">
                  <from>
                    <xdr:col>36</xdr:col>
                    <xdr:colOff>171450</xdr:colOff>
                    <xdr:row>4</xdr:row>
                    <xdr:rowOff>133350</xdr:rowOff>
                  </from>
                  <to>
                    <xdr:col>44</xdr:col>
                    <xdr:colOff>19050</xdr:colOff>
                    <xdr:row>6</xdr:row>
                    <xdr:rowOff>9525</xdr:rowOff>
                  </to>
                </anchor>
              </controlPr>
            </control>
          </mc:Choice>
        </mc:AlternateContent>
        <mc:AlternateContent xmlns:mc="http://schemas.openxmlformats.org/markup-compatibility/2006">
          <mc:Choice Requires="x14">
            <control shapeId="45301" r:id="rId216" name="Check Box 245">
              <controlPr defaultSize="0" autoFill="0" autoLine="0" autoPict="0">
                <anchor moveWithCells="1">
                  <from>
                    <xdr:col>48</xdr:col>
                    <xdr:colOff>171450</xdr:colOff>
                    <xdr:row>4</xdr:row>
                    <xdr:rowOff>142875</xdr:rowOff>
                  </from>
                  <to>
                    <xdr:col>56</xdr:col>
                    <xdr:colOff>19050</xdr:colOff>
                    <xdr:row>6</xdr:row>
                    <xdr:rowOff>19050</xdr:rowOff>
                  </to>
                </anchor>
              </controlPr>
            </control>
          </mc:Choice>
        </mc:AlternateContent>
        <mc:AlternateContent xmlns:mc="http://schemas.openxmlformats.org/markup-compatibility/2006">
          <mc:Choice Requires="x14">
            <control shapeId="45302" r:id="rId217" name="Check Box 246">
              <controlPr defaultSize="0" autoFill="0" autoLine="0" autoPict="0">
                <anchor moveWithCells="1">
                  <from>
                    <xdr:col>24</xdr:col>
                    <xdr:colOff>19050</xdr:colOff>
                    <xdr:row>125</xdr:row>
                    <xdr:rowOff>152400</xdr:rowOff>
                  </from>
                  <to>
                    <xdr:col>29</xdr:col>
                    <xdr:colOff>95250</xdr:colOff>
                    <xdr:row>127</xdr:row>
                    <xdr:rowOff>47625</xdr:rowOff>
                  </to>
                </anchor>
              </controlPr>
            </control>
          </mc:Choice>
        </mc:AlternateContent>
        <mc:AlternateContent xmlns:mc="http://schemas.openxmlformats.org/markup-compatibility/2006">
          <mc:Choice Requires="x14">
            <control shapeId="45303" r:id="rId218" name="Check Box 247">
              <controlPr defaultSize="0" autoFill="0" autoLine="0" autoPict="0">
                <anchor moveWithCells="1">
                  <from>
                    <xdr:col>30</xdr:col>
                    <xdr:colOff>9525</xdr:colOff>
                    <xdr:row>139</xdr:row>
                    <xdr:rowOff>142875</xdr:rowOff>
                  </from>
                  <to>
                    <xdr:col>31</xdr:col>
                    <xdr:colOff>66675</xdr:colOff>
                    <xdr:row>141</xdr:row>
                    <xdr:rowOff>19050</xdr:rowOff>
                  </to>
                </anchor>
              </controlPr>
            </control>
          </mc:Choice>
        </mc:AlternateContent>
        <mc:AlternateContent xmlns:mc="http://schemas.openxmlformats.org/markup-compatibility/2006">
          <mc:Choice Requires="x14">
            <control shapeId="45304" r:id="rId219" name="Check Box 248">
              <controlPr defaultSize="0" autoFill="0" autoLine="0" autoPict="0">
                <anchor moveWithCells="1">
                  <from>
                    <xdr:col>36</xdr:col>
                    <xdr:colOff>161925</xdr:colOff>
                    <xdr:row>139</xdr:row>
                    <xdr:rowOff>142875</xdr:rowOff>
                  </from>
                  <to>
                    <xdr:col>38</xdr:col>
                    <xdr:colOff>28575</xdr:colOff>
                    <xdr:row>141</xdr:row>
                    <xdr:rowOff>19050</xdr:rowOff>
                  </to>
                </anchor>
              </controlPr>
            </control>
          </mc:Choice>
        </mc:AlternateContent>
        <mc:AlternateContent xmlns:mc="http://schemas.openxmlformats.org/markup-compatibility/2006">
          <mc:Choice Requires="x14">
            <control shapeId="45306" r:id="rId220" name="Check Box 250">
              <controlPr defaultSize="0" autoFill="0" autoLine="0" autoPict="0">
                <anchor moveWithCells="1">
                  <from>
                    <xdr:col>7</xdr:col>
                    <xdr:colOff>0</xdr:colOff>
                    <xdr:row>80</xdr:row>
                    <xdr:rowOff>161925</xdr:rowOff>
                  </from>
                  <to>
                    <xdr:col>8</xdr:col>
                    <xdr:colOff>123825</xdr:colOff>
                    <xdr:row>82</xdr:row>
                    <xdr:rowOff>28575</xdr:rowOff>
                  </to>
                </anchor>
              </controlPr>
            </control>
          </mc:Choice>
        </mc:AlternateContent>
        <mc:AlternateContent xmlns:mc="http://schemas.openxmlformats.org/markup-compatibility/2006">
          <mc:Choice Requires="x14">
            <control shapeId="45307" r:id="rId221" name="Check Box 251">
              <controlPr defaultSize="0" autoFill="0" autoLine="0" autoPict="0">
                <anchor moveWithCells="1">
                  <from>
                    <xdr:col>23</xdr:col>
                    <xdr:colOff>9525</xdr:colOff>
                    <xdr:row>80</xdr:row>
                    <xdr:rowOff>142875</xdr:rowOff>
                  </from>
                  <to>
                    <xdr:col>24</xdr:col>
                    <xdr:colOff>133350</xdr:colOff>
                    <xdr:row>82</xdr:row>
                    <xdr:rowOff>28575</xdr:rowOff>
                  </to>
                </anchor>
              </controlPr>
            </control>
          </mc:Choice>
        </mc:AlternateContent>
        <mc:AlternateContent xmlns:mc="http://schemas.openxmlformats.org/markup-compatibility/2006">
          <mc:Choice Requires="x14">
            <control shapeId="45308" r:id="rId222" name="Check Box 252">
              <controlPr defaultSize="0" autoFill="0" autoLine="0" autoPict="0">
                <anchor moveWithCells="1">
                  <from>
                    <xdr:col>7</xdr:col>
                    <xdr:colOff>0</xdr:colOff>
                    <xdr:row>81</xdr:row>
                    <xdr:rowOff>133350</xdr:rowOff>
                  </from>
                  <to>
                    <xdr:col>8</xdr:col>
                    <xdr:colOff>133350</xdr:colOff>
                    <xdr:row>83</xdr:row>
                    <xdr:rowOff>19050</xdr:rowOff>
                  </to>
                </anchor>
              </controlPr>
            </control>
          </mc:Choice>
        </mc:AlternateContent>
        <mc:AlternateContent xmlns:mc="http://schemas.openxmlformats.org/markup-compatibility/2006">
          <mc:Choice Requires="x14">
            <control shapeId="45309" r:id="rId223" name="Check Box 253">
              <controlPr defaultSize="0" autoFill="0" autoLine="0" autoPict="0">
                <anchor moveWithCells="1">
                  <from>
                    <xdr:col>7</xdr:col>
                    <xdr:colOff>0</xdr:colOff>
                    <xdr:row>84</xdr:row>
                    <xdr:rowOff>133350</xdr:rowOff>
                  </from>
                  <to>
                    <xdr:col>8</xdr:col>
                    <xdr:colOff>123825</xdr:colOff>
                    <xdr:row>85</xdr:row>
                    <xdr:rowOff>161925</xdr:rowOff>
                  </to>
                </anchor>
              </controlPr>
            </control>
          </mc:Choice>
        </mc:AlternateContent>
        <mc:AlternateContent xmlns:mc="http://schemas.openxmlformats.org/markup-compatibility/2006">
          <mc:Choice Requires="x14">
            <control shapeId="45310" r:id="rId224" name="Check Box 254">
              <controlPr defaultSize="0" autoFill="0" autoLine="0" autoPict="0">
                <anchor moveWithCells="1">
                  <from>
                    <xdr:col>23</xdr:col>
                    <xdr:colOff>9525</xdr:colOff>
                    <xdr:row>84</xdr:row>
                    <xdr:rowOff>142875</xdr:rowOff>
                  </from>
                  <to>
                    <xdr:col>24</xdr:col>
                    <xdr:colOff>133350</xdr:colOff>
                    <xdr:row>86</xdr:row>
                    <xdr:rowOff>28575</xdr:rowOff>
                  </to>
                </anchor>
              </controlPr>
            </control>
          </mc:Choice>
        </mc:AlternateContent>
        <mc:AlternateContent xmlns:mc="http://schemas.openxmlformats.org/markup-compatibility/2006">
          <mc:Choice Requires="x14">
            <control shapeId="45311" r:id="rId225" name="Check Box 255">
              <controlPr defaultSize="0" autoFill="0" autoLine="0" autoPict="0">
                <anchor moveWithCells="1">
                  <from>
                    <xdr:col>27</xdr:col>
                    <xdr:colOff>161925</xdr:colOff>
                    <xdr:row>85</xdr:row>
                    <xdr:rowOff>142875</xdr:rowOff>
                  </from>
                  <to>
                    <xdr:col>29</xdr:col>
                    <xdr:colOff>104775</xdr:colOff>
                    <xdr:row>87</xdr:row>
                    <xdr:rowOff>38100</xdr:rowOff>
                  </to>
                </anchor>
              </controlPr>
            </control>
          </mc:Choice>
        </mc:AlternateContent>
        <mc:AlternateContent xmlns:mc="http://schemas.openxmlformats.org/markup-compatibility/2006">
          <mc:Choice Requires="x14">
            <control shapeId="45312" r:id="rId226" name="Check Box 256">
              <controlPr defaultSize="0" autoFill="0" autoLine="0" autoPict="0">
                <anchor moveWithCells="1">
                  <from>
                    <xdr:col>31</xdr:col>
                    <xdr:colOff>171450</xdr:colOff>
                    <xdr:row>85</xdr:row>
                    <xdr:rowOff>123825</xdr:rowOff>
                  </from>
                  <to>
                    <xdr:col>33</xdr:col>
                    <xdr:colOff>104775</xdr:colOff>
                    <xdr:row>87</xdr:row>
                    <xdr:rowOff>19050</xdr:rowOff>
                  </to>
                </anchor>
              </controlPr>
            </control>
          </mc:Choice>
        </mc:AlternateContent>
        <mc:AlternateContent xmlns:mc="http://schemas.openxmlformats.org/markup-compatibility/2006">
          <mc:Choice Requires="x14">
            <control shapeId="45313" r:id="rId227" name="Check Box 257">
              <controlPr defaultSize="0" autoFill="0" autoLine="0" autoPict="0">
                <anchor moveWithCells="1">
                  <from>
                    <xdr:col>35</xdr:col>
                    <xdr:colOff>171450</xdr:colOff>
                    <xdr:row>85</xdr:row>
                    <xdr:rowOff>133350</xdr:rowOff>
                  </from>
                  <to>
                    <xdr:col>37</xdr:col>
                    <xdr:colOff>104775</xdr:colOff>
                    <xdr:row>87</xdr:row>
                    <xdr:rowOff>28575</xdr:rowOff>
                  </to>
                </anchor>
              </controlPr>
            </control>
          </mc:Choice>
        </mc:AlternateContent>
        <mc:AlternateContent xmlns:mc="http://schemas.openxmlformats.org/markup-compatibility/2006">
          <mc:Choice Requires="x14">
            <control shapeId="45314" r:id="rId228" name="Check Box 258">
              <controlPr defaultSize="0" autoFill="0" autoLine="0" autoPict="0">
                <anchor moveWithCells="1">
                  <from>
                    <xdr:col>39</xdr:col>
                    <xdr:colOff>152400</xdr:colOff>
                    <xdr:row>85</xdr:row>
                    <xdr:rowOff>133350</xdr:rowOff>
                  </from>
                  <to>
                    <xdr:col>41</xdr:col>
                    <xdr:colOff>95250</xdr:colOff>
                    <xdr:row>87</xdr:row>
                    <xdr:rowOff>28575</xdr:rowOff>
                  </to>
                </anchor>
              </controlPr>
            </control>
          </mc:Choice>
        </mc:AlternateContent>
        <mc:AlternateContent xmlns:mc="http://schemas.openxmlformats.org/markup-compatibility/2006">
          <mc:Choice Requires="x14">
            <control shapeId="45315" r:id="rId229" name="Check Box 259">
              <controlPr defaultSize="0" autoFill="0" autoLine="0" autoPict="0">
                <anchor moveWithCells="1">
                  <from>
                    <xdr:col>23</xdr:col>
                    <xdr:colOff>9525</xdr:colOff>
                    <xdr:row>86</xdr:row>
                    <xdr:rowOff>142875</xdr:rowOff>
                  </from>
                  <to>
                    <xdr:col>24</xdr:col>
                    <xdr:colOff>133350</xdr:colOff>
                    <xdr:row>88</xdr:row>
                    <xdr:rowOff>0</xdr:rowOff>
                  </to>
                </anchor>
              </controlPr>
            </control>
          </mc:Choice>
        </mc:AlternateContent>
        <mc:AlternateContent xmlns:mc="http://schemas.openxmlformats.org/markup-compatibility/2006">
          <mc:Choice Requires="x14">
            <control shapeId="45316" r:id="rId230" name="Check Box 260">
              <controlPr defaultSize="0" autoFill="0" autoLine="0" autoPict="0">
                <anchor moveWithCells="1">
                  <from>
                    <xdr:col>24</xdr:col>
                    <xdr:colOff>0</xdr:colOff>
                    <xdr:row>89</xdr:row>
                    <xdr:rowOff>133350</xdr:rowOff>
                  </from>
                  <to>
                    <xdr:col>25</xdr:col>
                    <xdr:colOff>123825</xdr:colOff>
                    <xdr:row>91</xdr:row>
                    <xdr:rowOff>19050</xdr:rowOff>
                  </to>
                </anchor>
              </controlPr>
            </control>
          </mc:Choice>
        </mc:AlternateContent>
        <mc:AlternateContent xmlns:mc="http://schemas.openxmlformats.org/markup-compatibility/2006">
          <mc:Choice Requires="x14">
            <control shapeId="45317" r:id="rId231" name="Check Box 261">
              <controlPr defaultSize="0" autoFill="0" autoLine="0" autoPict="0">
                <anchor moveWithCells="1">
                  <from>
                    <xdr:col>23</xdr:col>
                    <xdr:colOff>9525</xdr:colOff>
                    <xdr:row>91</xdr:row>
                    <xdr:rowOff>123825</xdr:rowOff>
                  </from>
                  <to>
                    <xdr:col>24</xdr:col>
                    <xdr:colOff>133350</xdr:colOff>
                    <xdr:row>93</xdr:row>
                    <xdr:rowOff>19050</xdr:rowOff>
                  </to>
                </anchor>
              </controlPr>
            </control>
          </mc:Choice>
        </mc:AlternateContent>
        <mc:AlternateContent xmlns:mc="http://schemas.openxmlformats.org/markup-compatibility/2006">
          <mc:Choice Requires="x14">
            <control shapeId="45318" r:id="rId232" name="Check Box 262">
              <controlPr defaultSize="0" autoFill="0" autoLine="0" autoPict="0">
                <anchor moveWithCells="1">
                  <from>
                    <xdr:col>23</xdr:col>
                    <xdr:colOff>0</xdr:colOff>
                    <xdr:row>81</xdr:row>
                    <xdr:rowOff>123825</xdr:rowOff>
                  </from>
                  <to>
                    <xdr:col>24</xdr:col>
                    <xdr:colOff>123825</xdr:colOff>
                    <xdr:row>82</xdr:row>
                    <xdr:rowOff>161925</xdr:rowOff>
                  </to>
                </anchor>
              </controlPr>
            </control>
          </mc:Choice>
        </mc:AlternateContent>
        <mc:AlternateContent xmlns:mc="http://schemas.openxmlformats.org/markup-compatibility/2006">
          <mc:Choice Requires="x14">
            <control shapeId="45319" r:id="rId233" name="Check Box 263">
              <controlPr defaultSize="0" autoFill="0" autoLine="0" autoPict="0">
                <anchor moveWithCells="1">
                  <from>
                    <xdr:col>29</xdr:col>
                    <xdr:colOff>0</xdr:colOff>
                    <xdr:row>83</xdr:row>
                    <xdr:rowOff>142875</xdr:rowOff>
                  </from>
                  <to>
                    <xdr:col>30</xdr:col>
                    <xdr:colOff>123825</xdr:colOff>
                    <xdr:row>85</xdr:row>
                    <xdr:rowOff>28575</xdr:rowOff>
                  </to>
                </anchor>
              </controlPr>
            </control>
          </mc:Choice>
        </mc:AlternateContent>
        <mc:AlternateContent xmlns:mc="http://schemas.openxmlformats.org/markup-compatibility/2006">
          <mc:Choice Requires="x14">
            <control shapeId="45320" r:id="rId234" name="Check Box 264">
              <controlPr defaultSize="0" autoFill="0" autoLine="0" autoPict="0">
                <anchor moveWithCells="1">
                  <from>
                    <xdr:col>44</xdr:col>
                    <xdr:colOff>38100</xdr:colOff>
                    <xdr:row>85</xdr:row>
                    <xdr:rowOff>133350</xdr:rowOff>
                  </from>
                  <to>
                    <xdr:col>45</xdr:col>
                    <xdr:colOff>161925</xdr:colOff>
                    <xdr:row>87</xdr:row>
                    <xdr:rowOff>47625</xdr:rowOff>
                  </to>
                </anchor>
              </controlPr>
            </control>
          </mc:Choice>
        </mc:AlternateContent>
        <mc:AlternateContent xmlns:mc="http://schemas.openxmlformats.org/markup-compatibility/2006">
          <mc:Choice Requires="x14">
            <control shapeId="45321" r:id="rId235" name="Check Box 265">
              <controlPr defaultSize="0" autoFill="0" autoLine="0" autoPict="0">
                <anchor moveWithCells="1">
                  <from>
                    <xdr:col>24</xdr:col>
                    <xdr:colOff>0</xdr:colOff>
                    <xdr:row>88</xdr:row>
                    <xdr:rowOff>57150</xdr:rowOff>
                  </from>
                  <to>
                    <xdr:col>26</xdr:col>
                    <xdr:colOff>95250</xdr:colOff>
                    <xdr:row>90</xdr:row>
                    <xdr:rowOff>66675</xdr:rowOff>
                  </to>
                </anchor>
              </controlPr>
            </control>
          </mc:Choice>
        </mc:AlternateContent>
        <mc:AlternateContent xmlns:mc="http://schemas.openxmlformats.org/markup-compatibility/2006">
          <mc:Choice Requires="x14">
            <control shapeId="45322" r:id="rId236" name="Check Box 266">
              <controlPr defaultSize="0" autoFill="0" autoLine="0" autoPict="0">
                <anchor moveWithCells="1">
                  <from>
                    <xdr:col>38</xdr:col>
                    <xdr:colOff>0</xdr:colOff>
                    <xdr:row>89</xdr:row>
                    <xdr:rowOff>142875</xdr:rowOff>
                  </from>
                  <to>
                    <xdr:col>39</xdr:col>
                    <xdr:colOff>123825</xdr:colOff>
                    <xdr:row>91</xdr:row>
                    <xdr:rowOff>28575</xdr:rowOff>
                  </to>
                </anchor>
              </controlPr>
            </control>
          </mc:Choice>
        </mc:AlternateContent>
        <mc:AlternateContent xmlns:mc="http://schemas.openxmlformats.org/markup-compatibility/2006">
          <mc:Choice Requires="x14">
            <control shapeId="45323" r:id="rId237" name="Check Box 267">
              <controlPr defaultSize="0" autoFill="0" autoLine="0" autoPict="0">
                <anchor moveWithCells="1">
                  <from>
                    <xdr:col>24</xdr:col>
                    <xdr:colOff>0</xdr:colOff>
                    <xdr:row>87</xdr:row>
                    <xdr:rowOff>133350</xdr:rowOff>
                  </from>
                  <to>
                    <xdr:col>25</xdr:col>
                    <xdr:colOff>123825</xdr:colOff>
                    <xdr:row>89</xdr:row>
                    <xdr:rowOff>19050</xdr:rowOff>
                  </to>
                </anchor>
              </controlPr>
            </control>
          </mc:Choice>
        </mc:AlternateContent>
        <mc:AlternateContent xmlns:mc="http://schemas.openxmlformats.org/markup-compatibility/2006">
          <mc:Choice Requires="x14">
            <control shapeId="45324" r:id="rId238" name="Check Box 268">
              <controlPr defaultSize="0" autoFill="0" autoLine="0" autoPict="0">
                <anchor moveWithCells="1">
                  <from>
                    <xdr:col>38</xdr:col>
                    <xdr:colOff>152400</xdr:colOff>
                    <xdr:row>87</xdr:row>
                    <xdr:rowOff>123825</xdr:rowOff>
                  </from>
                  <to>
                    <xdr:col>41</xdr:col>
                    <xdr:colOff>38100</xdr:colOff>
                    <xdr:row>89</xdr:row>
                    <xdr:rowOff>9525</xdr:rowOff>
                  </to>
                </anchor>
              </controlPr>
            </control>
          </mc:Choice>
        </mc:AlternateContent>
        <mc:AlternateContent xmlns:mc="http://schemas.openxmlformats.org/markup-compatibility/2006">
          <mc:Choice Requires="x14">
            <control shapeId="45325" r:id="rId239" name="Check Box 269">
              <controlPr defaultSize="0" autoFill="0" autoLine="0" autoPict="0">
                <anchor moveWithCells="1">
                  <from>
                    <xdr:col>38</xdr:col>
                    <xdr:colOff>152400</xdr:colOff>
                    <xdr:row>88</xdr:row>
                    <xdr:rowOff>57150</xdr:rowOff>
                  </from>
                  <to>
                    <xdr:col>40</xdr:col>
                    <xdr:colOff>123825</xdr:colOff>
                    <xdr:row>90</xdr:row>
                    <xdr:rowOff>95250</xdr:rowOff>
                  </to>
                </anchor>
              </controlPr>
            </control>
          </mc:Choice>
        </mc:AlternateContent>
        <mc:AlternateContent xmlns:mc="http://schemas.openxmlformats.org/markup-compatibility/2006">
          <mc:Choice Requires="x14">
            <control shapeId="45326" r:id="rId240" name="Check Box 270">
              <controlPr defaultSize="0" autoFill="0" autoLine="0" autoPict="0">
                <anchor moveWithCells="1">
                  <from>
                    <xdr:col>23</xdr:col>
                    <xdr:colOff>19050</xdr:colOff>
                    <xdr:row>93</xdr:row>
                    <xdr:rowOff>142875</xdr:rowOff>
                  </from>
                  <to>
                    <xdr:col>24</xdr:col>
                    <xdr:colOff>142875</xdr:colOff>
                    <xdr:row>95</xdr:row>
                    <xdr:rowOff>28575</xdr:rowOff>
                  </to>
                </anchor>
              </controlPr>
            </control>
          </mc:Choice>
        </mc:AlternateContent>
        <mc:AlternateContent xmlns:mc="http://schemas.openxmlformats.org/markup-compatibility/2006">
          <mc:Choice Requires="x14">
            <control shapeId="45327" r:id="rId241" name="Check Box 271">
              <controlPr defaultSize="0" autoFill="0" autoLine="0" autoPict="0">
                <anchor moveWithCells="1">
                  <from>
                    <xdr:col>24</xdr:col>
                    <xdr:colOff>0</xdr:colOff>
                    <xdr:row>85</xdr:row>
                    <xdr:rowOff>142875</xdr:rowOff>
                  </from>
                  <to>
                    <xdr:col>25</xdr:col>
                    <xdr:colOff>123825</xdr:colOff>
                    <xdr:row>87</xdr:row>
                    <xdr:rowOff>38100</xdr:rowOff>
                  </to>
                </anchor>
              </controlPr>
            </control>
          </mc:Choice>
        </mc:AlternateContent>
        <mc:AlternateContent xmlns:mc="http://schemas.openxmlformats.org/markup-compatibility/2006">
          <mc:Choice Requires="x14">
            <control shapeId="45328" r:id="rId242" name="Check Box 272">
              <controlPr defaultSize="0" autoFill="0" autoLine="0" autoPict="0">
                <anchor moveWithCells="1">
                  <from>
                    <xdr:col>24</xdr:col>
                    <xdr:colOff>28575</xdr:colOff>
                    <xdr:row>83</xdr:row>
                    <xdr:rowOff>142875</xdr:rowOff>
                  </from>
                  <to>
                    <xdr:col>25</xdr:col>
                    <xdr:colOff>152400</xdr:colOff>
                    <xdr:row>85</xdr:row>
                    <xdr:rowOff>28575</xdr:rowOff>
                  </to>
                </anchor>
              </controlPr>
            </control>
          </mc:Choice>
        </mc:AlternateContent>
        <mc:AlternateContent xmlns:mc="http://schemas.openxmlformats.org/markup-compatibility/2006">
          <mc:Choice Requires="x14">
            <control shapeId="45329" r:id="rId243" name="Check Box 273">
              <controlPr defaultSize="0" autoFill="0" autoLine="0" autoPict="0">
                <anchor moveWithCells="1">
                  <from>
                    <xdr:col>24</xdr:col>
                    <xdr:colOff>0</xdr:colOff>
                    <xdr:row>90</xdr:row>
                    <xdr:rowOff>152400</xdr:rowOff>
                  </from>
                  <to>
                    <xdr:col>25</xdr:col>
                    <xdr:colOff>123825</xdr:colOff>
                    <xdr:row>92</xdr:row>
                    <xdr:rowOff>9525</xdr:rowOff>
                  </to>
                </anchor>
              </controlPr>
            </control>
          </mc:Choice>
        </mc:AlternateContent>
        <mc:AlternateContent xmlns:mc="http://schemas.openxmlformats.org/markup-compatibility/2006">
          <mc:Choice Requires="x14">
            <control shapeId="45330" r:id="rId244" name="Check Box 274">
              <controlPr defaultSize="0" autoFill="0" autoLine="0" autoPict="0">
                <anchor moveWithCells="1">
                  <from>
                    <xdr:col>7</xdr:col>
                    <xdr:colOff>0</xdr:colOff>
                    <xdr:row>82</xdr:row>
                    <xdr:rowOff>85725</xdr:rowOff>
                  </from>
                  <to>
                    <xdr:col>9</xdr:col>
                    <xdr:colOff>9525</xdr:colOff>
                    <xdr:row>84</xdr:row>
                    <xdr:rowOff>57150</xdr:rowOff>
                  </to>
                </anchor>
              </controlPr>
            </control>
          </mc:Choice>
        </mc:AlternateContent>
        <mc:AlternateContent xmlns:mc="http://schemas.openxmlformats.org/markup-compatibility/2006">
          <mc:Choice Requires="x14">
            <control shapeId="45331" r:id="rId245" name="Check Box 275">
              <controlPr defaultSize="0" autoFill="0" autoLine="0" autoPict="0">
                <anchor moveWithCells="1">
                  <from>
                    <xdr:col>23</xdr:col>
                    <xdr:colOff>0</xdr:colOff>
                    <xdr:row>82</xdr:row>
                    <xdr:rowOff>123825</xdr:rowOff>
                  </from>
                  <to>
                    <xdr:col>24</xdr:col>
                    <xdr:colOff>123825</xdr:colOff>
                    <xdr:row>84</xdr:row>
                    <xdr:rowOff>9525</xdr:rowOff>
                  </to>
                </anchor>
              </controlPr>
            </control>
          </mc:Choice>
        </mc:AlternateContent>
        <mc:AlternateContent xmlns:mc="http://schemas.openxmlformats.org/markup-compatibility/2006">
          <mc:Choice Requires="x14">
            <control shapeId="45332" r:id="rId246" name="Check Box 276">
              <controlPr defaultSize="0" autoFill="0" autoLine="0" autoPict="0">
                <anchor moveWithCells="1">
                  <from>
                    <xdr:col>7</xdr:col>
                    <xdr:colOff>0</xdr:colOff>
                    <xdr:row>103</xdr:row>
                    <xdr:rowOff>114300</xdr:rowOff>
                  </from>
                  <to>
                    <xdr:col>8</xdr:col>
                    <xdr:colOff>123825</xdr:colOff>
                    <xdr:row>105</xdr:row>
                    <xdr:rowOff>66675</xdr:rowOff>
                  </to>
                </anchor>
              </controlPr>
            </control>
          </mc:Choice>
        </mc:AlternateContent>
        <mc:AlternateContent xmlns:mc="http://schemas.openxmlformats.org/markup-compatibility/2006">
          <mc:Choice Requires="x14">
            <control shapeId="45333" r:id="rId247" name="Check Box 277">
              <controlPr defaultSize="0" autoFill="0" autoLine="0" autoPict="0">
                <anchor moveWithCells="1">
                  <from>
                    <xdr:col>23</xdr:col>
                    <xdr:colOff>9525</xdr:colOff>
                    <xdr:row>103</xdr:row>
                    <xdr:rowOff>152400</xdr:rowOff>
                  </from>
                  <to>
                    <xdr:col>25</xdr:col>
                    <xdr:colOff>76200</xdr:colOff>
                    <xdr:row>105</xdr:row>
                    <xdr:rowOff>38100</xdr:rowOff>
                  </to>
                </anchor>
              </controlPr>
            </control>
          </mc:Choice>
        </mc:AlternateContent>
        <mc:AlternateContent xmlns:mc="http://schemas.openxmlformats.org/markup-compatibility/2006">
          <mc:Choice Requires="x14">
            <control shapeId="45334" r:id="rId248" name="Check Box 278">
              <controlPr defaultSize="0" autoFill="0" autoLine="0" autoPict="0">
                <anchor moveWithCells="1">
                  <from>
                    <xdr:col>23</xdr:col>
                    <xdr:colOff>0</xdr:colOff>
                    <xdr:row>105</xdr:row>
                    <xdr:rowOff>152400</xdr:rowOff>
                  </from>
                  <to>
                    <xdr:col>30</xdr:col>
                    <xdr:colOff>38100</xdr:colOff>
                    <xdr:row>107</xdr:row>
                    <xdr:rowOff>381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O58"/>
  <sheetViews>
    <sheetView zoomScale="40" zoomScaleNormal="40" zoomScaleSheetLayoutView="70" workbookViewId="0">
      <selection activeCell="J52" sqref="J52"/>
    </sheetView>
  </sheetViews>
  <sheetFormatPr defaultRowHeight="14.25"/>
  <cols>
    <col min="1" max="1" width="3.5" style="195" customWidth="1"/>
    <col min="2" max="2" width="16.5" style="195" customWidth="1"/>
    <col min="3" max="4" width="20.75" style="195" customWidth="1"/>
    <col min="5" max="5" width="21.25" style="195" customWidth="1"/>
    <col min="6" max="6" width="6.375" style="196" customWidth="1"/>
    <col min="7" max="7" width="9.5" style="196" customWidth="1"/>
    <col min="8" max="9" width="15.75" style="197" customWidth="1"/>
    <col min="10" max="10" width="27.75" style="197" customWidth="1"/>
    <col min="11" max="11" width="13.625" style="197" customWidth="1"/>
    <col min="12" max="12" width="13.875" style="198" customWidth="1"/>
    <col min="13" max="13" width="11.5" style="198" customWidth="1"/>
    <col min="14" max="16384" width="9" style="195"/>
  </cols>
  <sheetData>
    <row r="1" spans="2:13">
      <c r="B1" s="195" t="s">
        <v>198</v>
      </c>
      <c r="C1" s="195" t="s">
        <v>1654</v>
      </c>
    </row>
    <row r="2" spans="2:13" ht="15" thickBot="1">
      <c r="B2" s="195" t="s">
        <v>199</v>
      </c>
      <c r="C2" s="195" t="s">
        <v>1655</v>
      </c>
    </row>
    <row r="3" spans="2:13" ht="36" customHeight="1">
      <c r="B3" s="199"/>
      <c r="C3" s="200"/>
      <c r="D3" s="200"/>
      <c r="E3" s="695" t="s">
        <v>218</v>
      </c>
      <c r="F3" s="695"/>
      <c r="G3" s="695"/>
      <c r="H3" s="201"/>
      <c r="I3" s="201" t="s">
        <v>461</v>
      </c>
      <c r="J3" s="202"/>
      <c r="K3" s="202"/>
      <c r="L3" s="202"/>
      <c r="M3" s="203"/>
    </row>
    <row r="4" spans="2:13" ht="37.5" customHeight="1">
      <c r="B4" s="205" t="s">
        <v>200</v>
      </c>
      <c r="C4" s="206" t="s">
        <v>201</v>
      </c>
      <c r="D4" s="207" t="s">
        <v>197</v>
      </c>
      <c r="E4" s="207" t="s">
        <v>202</v>
      </c>
      <c r="F4" s="207" t="s">
        <v>203</v>
      </c>
      <c r="G4" s="207" t="s">
        <v>175</v>
      </c>
      <c r="H4" s="208" t="s">
        <v>463</v>
      </c>
      <c r="I4" s="208" t="s">
        <v>228</v>
      </c>
      <c r="J4" s="696" t="s">
        <v>229</v>
      </c>
      <c r="K4" s="697"/>
      <c r="L4" s="697"/>
      <c r="M4" s="209"/>
    </row>
    <row r="5" spans="2:13" ht="15" customHeight="1">
      <c r="B5" s="210"/>
      <c r="C5" s="211"/>
      <c r="D5" s="211"/>
      <c r="E5" s="212"/>
      <c r="F5" s="213"/>
      <c r="G5" s="213"/>
      <c r="H5" s="214"/>
      <c r="I5" s="214"/>
      <c r="J5" s="215"/>
      <c r="K5" s="216"/>
      <c r="L5" s="216"/>
      <c r="M5" s="217"/>
    </row>
    <row r="6" spans="2:13" ht="15" customHeight="1">
      <c r="B6" s="218"/>
      <c r="C6" s="219"/>
      <c r="D6" s="219"/>
      <c r="E6" s="220"/>
      <c r="F6" s="221"/>
      <c r="G6" s="221"/>
      <c r="H6" s="265"/>
      <c r="I6" s="265"/>
      <c r="J6" s="222"/>
      <c r="K6" s="223"/>
      <c r="L6" s="224"/>
      <c r="M6" s="225"/>
    </row>
    <row r="7" spans="2:13" ht="15" customHeight="1">
      <c r="B7" s="226" t="s">
        <v>230</v>
      </c>
      <c r="C7" s="227"/>
      <c r="D7" s="227"/>
      <c r="E7" s="228"/>
      <c r="F7" s="229" t="s">
        <v>23</v>
      </c>
      <c r="G7" s="229">
        <v>1</v>
      </c>
      <c r="H7" s="552"/>
      <c r="I7" s="552"/>
      <c r="J7" s="553" t="s">
        <v>231</v>
      </c>
      <c r="K7" s="230"/>
      <c r="L7" s="230"/>
      <c r="M7" s="231"/>
    </row>
    <row r="8" spans="2:13" ht="15" customHeight="1">
      <c r="B8" s="218"/>
      <c r="C8" s="219"/>
      <c r="D8" s="219"/>
      <c r="E8" s="220"/>
      <c r="F8" s="221"/>
      <c r="G8" s="221"/>
      <c r="H8" s="232"/>
      <c r="I8" s="232"/>
      <c r="J8" s="554"/>
      <c r="K8" s="224"/>
      <c r="L8" s="224"/>
      <c r="M8" s="217"/>
    </row>
    <row r="9" spans="2:13" ht="15" customHeight="1">
      <c r="B9" s="218"/>
      <c r="C9" s="219"/>
      <c r="D9" s="219"/>
      <c r="E9" s="220"/>
      <c r="F9" s="221"/>
      <c r="G9" s="221"/>
      <c r="H9" s="232"/>
      <c r="I9" s="232"/>
      <c r="J9" s="554"/>
      <c r="K9" s="224"/>
      <c r="L9" s="224"/>
      <c r="M9" s="225"/>
    </row>
    <row r="10" spans="2:13" ht="15" customHeight="1">
      <c r="B10" s="233" t="s">
        <v>204</v>
      </c>
      <c r="C10" s="234"/>
      <c r="D10" s="234"/>
      <c r="E10" s="220"/>
      <c r="F10" s="229" t="s">
        <v>23</v>
      </c>
      <c r="G10" s="229">
        <v>1</v>
      </c>
      <c r="H10" s="232"/>
      <c r="I10" s="232"/>
      <c r="J10" s="555"/>
      <c r="K10" s="224"/>
      <c r="L10" s="224"/>
      <c r="M10" s="235"/>
    </row>
    <row r="11" spans="2:13" ht="15" customHeight="1">
      <c r="B11" s="210"/>
      <c r="C11" s="211"/>
      <c r="D11" s="211"/>
      <c r="E11" s="212"/>
      <c r="F11" s="213"/>
      <c r="G11" s="213"/>
      <c r="H11" s="214"/>
      <c r="I11" s="214"/>
      <c r="J11" s="236"/>
      <c r="K11" s="237"/>
      <c r="L11" s="216"/>
      <c r="M11" s="217"/>
    </row>
    <row r="12" spans="2:13" ht="15" customHeight="1">
      <c r="B12" s="218"/>
      <c r="C12" s="219"/>
      <c r="D12" s="219"/>
      <c r="E12" s="220"/>
      <c r="F12" s="221"/>
      <c r="G12" s="221"/>
      <c r="H12" s="238"/>
      <c r="I12" s="238"/>
      <c r="J12" s="556"/>
      <c r="K12" s="557"/>
      <c r="L12" s="558"/>
      <c r="M12" s="225"/>
    </row>
    <row r="13" spans="2:13" ht="15" customHeight="1">
      <c r="B13" s="239"/>
      <c r="C13" s="240" t="s">
        <v>205</v>
      </c>
      <c r="D13" s="227"/>
      <c r="E13" s="228"/>
      <c r="F13" s="229"/>
      <c r="G13" s="229"/>
      <c r="H13" s="241"/>
      <c r="I13" s="241"/>
      <c r="J13" s="242"/>
      <c r="K13" s="243"/>
      <c r="L13" s="244"/>
      <c r="M13" s="231"/>
    </row>
    <row r="14" spans="2:13" ht="15" customHeight="1">
      <c r="B14" s="218"/>
      <c r="C14" s="234"/>
      <c r="D14" s="219"/>
      <c r="E14" s="220"/>
      <c r="F14" s="221"/>
      <c r="G14" s="221"/>
      <c r="H14" s="246"/>
      <c r="I14" s="246"/>
      <c r="J14" s="295"/>
      <c r="K14" s="296"/>
      <c r="L14" s="297"/>
      <c r="M14" s="225"/>
    </row>
    <row r="15" spans="2:13" ht="15" customHeight="1">
      <c r="B15" s="218"/>
      <c r="C15" s="234"/>
      <c r="D15" s="219"/>
      <c r="E15" s="220"/>
      <c r="F15" s="221"/>
      <c r="G15" s="221"/>
      <c r="H15" s="246"/>
      <c r="I15" s="246"/>
      <c r="J15" s="295"/>
      <c r="K15" s="296"/>
      <c r="L15" s="297"/>
      <c r="M15" s="225"/>
    </row>
    <row r="16" spans="2:13" ht="15" customHeight="1">
      <c r="B16" s="239"/>
      <c r="C16" s="247" t="s">
        <v>232</v>
      </c>
      <c r="D16" s="247"/>
      <c r="E16" s="228"/>
      <c r="F16" s="229"/>
      <c r="G16" s="229"/>
      <c r="H16" s="241"/>
      <c r="I16" s="241"/>
      <c r="J16" s="553" t="s">
        <v>231</v>
      </c>
      <c r="K16" s="243"/>
      <c r="L16" s="244"/>
      <c r="M16" s="231"/>
    </row>
    <row r="17" spans="2:15" ht="15" customHeight="1">
      <c r="B17" s="218"/>
      <c r="C17" s="234"/>
      <c r="D17" s="219"/>
      <c r="E17" s="220"/>
      <c r="F17" s="221"/>
      <c r="G17" s="221"/>
      <c r="H17" s="246"/>
      <c r="I17" s="246"/>
      <c r="J17" s="295"/>
      <c r="K17" s="296"/>
      <c r="L17" s="297"/>
      <c r="M17" s="225"/>
    </row>
    <row r="18" spans="2:15" ht="15" customHeight="1">
      <c r="B18" s="218"/>
      <c r="C18" s="234"/>
      <c r="D18" s="219"/>
      <c r="E18" s="220"/>
      <c r="F18" s="221"/>
      <c r="G18" s="221"/>
      <c r="H18" s="246"/>
      <c r="I18" s="246"/>
      <c r="J18" s="295"/>
      <c r="K18" s="296"/>
      <c r="L18" s="297"/>
      <c r="M18" s="225"/>
    </row>
    <row r="19" spans="2:15" ht="15" customHeight="1">
      <c r="B19" s="218"/>
      <c r="C19" s="234" t="s">
        <v>544</v>
      </c>
      <c r="D19" s="234"/>
      <c r="E19" s="220"/>
      <c r="F19" s="229"/>
      <c r="G19" s="229"/>
      <c r="H19" s="246"/>
      <c r="I19" s="246"/>
      <c r="J19" s="553" t="s">
        <v>231</v>
      </c>
      <c r="K19" s="296"/>
      <c r="L19" s="297"/>
      <c r="M19" s="225"/>
    </row>
    <row r="20" spans="2:15" ht="15" customHeight="1">
      <c r="B20" s="210"/>
      <c r="C20" s="211"/>
      <c r="D20" s="211"/>
      <c r="E20" s="212"/>
      <c r="F20" s="213"/>
      <c r="G20" s="213"/>
      <c r="H20" s="245"/>
      <c r="I20" s="245"/>
      <c r="J20" s="236"/>
      <c r="K20" s="237"/>
      <c r="L20" s="216"/>
      <c r="M20" s="217"/>
    </row>
    <row r="21" spans="2:15" ht="15" customHeight="1">
      <c r="B21" s="218"/>
      <c r="C21" s="219"/>
      <c r="D21" s="219"/>
      <c r="E21" s="220"/>
      <c r="F21" s="221"/>
      <c r="G21" s="221"/>
      <c r="H21" s="246"/>
      <c r="I21" s="246"/>
      <c r="J21" s="559"/>
      <c r="K21" s="560"/>
      <c r="L21" s="561"/>
      <c r="M21" s="225"/>
    </row>
    <row r="22" spans="2:15" ht="15" customHeight="1">
      <c r="B22" s="226"/>
      <c r="C22" s="240" t="s">
        <v>206</v>
      </c>
      <c r="D22" s="247"/>
      <c r="E22" s="228"/>
      <c r="F22" s="229"/>
      <c r="G22" s="229"/>
      <c r="H22" s="241"/>
      <c r="I22" s="241"/>
      <c r="J22" s="248"/>
      <c r="K22" s="249"/>
      <c r="L22" s="250"/>
      <c r="M22" s="231"/>
    </row>
    <row r="23" spans="2:15" ht="15" customHeight="1">
      <c r="B23" s="233"/>
      <c r="C23" s="251"/>
      <c r="D23" s="234"/>
      <c r="E23" s="220"/>
      <c r="F23" s="221"/>
      <c r="G23" s="221"/>
      <c r="H23" s="246"/>
      <c r="I23" s="246"/>
      <c r="J23" s="252"/>
      <c r="K23" s="253"/>
      <c r="L23" s="254"/>
      <c r="M23" s="217"/>
    </row>
    <row r="24" spans="2:15" ht="15" customHeight="1">
      <c r="B24" s="233"/>
      <c r="C24" s="251"/>
      <c r="D24" s="234"/>
      <c r="E24" s="220"/>
      <c r="F24" s="221"/>
      <c r="G24" s="221"/>
      <c r="H24" s="246"/>
      <c r="I24" s="246"/>
      <c r="J24" s="252"/>
      <c r="K24" s="253"/>
      <c r="L24" s="254"/>
      <c r="M24" s="225"/>
    </row>
    <row r="25" spans="2:15" ht="15" customHeight="1">
      <c r="B25" s="233" t="s">
        <v>208</v>
      </c>
      <c r="C25" s="251"/>
      <c r="D25" s="234"/>
      <c r="E25" s="220"/>
      <c r="F25" s="229" t="s">
        <v>23</v>
      </c>
      <c r="G25" s="229">
        <v>1</v>
      </c>
      <c r="H25" s="246"/>
      <c r="I25" s="246"/>
      <c r="J25" s="555"/>
      <c r="K25" s="253"/>
      <c r="L25" s="254"/>
      <c r="M25" s="235"/>
    </row>
    <row r="26" spans="2:15" ht="15" customHeight="1">
      <c r="B26" s="210"/>
      <c r="C26" s="212"/>
      <c r="D26" s="211"/>
      <c r="E26" s="212"/>
      <c r="F26" s="213"/>
      <c r="G26" s="213"/>
      <c r="H26" s="255"/>
      <c r="I26" s="255"/>
      <c r="J26" s="236"/>
      <c r="K26" s="237"/>
      <c r="L26" s="216"/>
      <c r="M26" s="217"/>
    </row>
    <row r="27" spans="2:15" ht="15" customHeight="1">
      <c r="B27" s="218"/>
      <c r="C27" s="220"/>
      <c r="D27" s="219"/>
      <c r="E27" s="220"/>
      <c r="F27" s="221"/>
      <c r="G27" s="221"/>
      <c r="H27" s="246"/>
      <c r="I27" s="246"/>
      <c r="J27" s="556"/>
      <c r="K27" s="557"/>
      <c r="L27" s="558"/>
      <c r="M27" s="225"/>
    </row>
    <row r="28" spans="2:15" ht="15" customHeight="1">
      <c r="B28" s="239"/>
      <c r="C28" s="240" t="s">
        <v>207</v>
      </c>
      <c r="E28" s="228"/>
      <c r="F28" s="229"/>
      <c r="G28" s="229"/>
      <c r="H28" s="241"/>
      <c r="I28" s="241"/>
      <c r="J28" s="242"/>
      <c r="K28" s="243"/>
      <c r="L28" s="244"/>
      <c r="M28" s="231"/>
    </row>
    <row r="29" spans="2:15" ht="15" customHeight="1">
      <c r="B29" s="210"/>
      <c r="C29" s="212"/>
      <c r="D29" s="211"/>
      <c r="E29" s="212"/>
      <c r="F29" s="213"/>
      <c r="G29" s="213"/>
      <c r="H29" s="255"/>
      <c r="I29" s="255"/>
      <c r="J29" s="236"/>
      <c r="K29" s="237"/>
      <c r="L29" s="216"/>
      <c r="M29" s="217"/>
    </row>
    <row r="30" spans="2:15" ht="15" customHeight="1">
      <c r="B30" s="218"/>
      <c r="C30" s="220"/>
      <c r="D30" s="219"/>
      <c r="E30" s="220"/>
      <c r="F30" s="221"/>
      <c r="G30" s="221"/>
      <c r="H30" s="246"/>
      <c r="I30" s="246"/>
      <c r="J30" s="562"/>
      <c r="K30" s="560"/>
      <c r="L30" s="563"/>
      <c r="M30" s="225"/>
    </row>
    <row r="31" spans="2:15" ht="15" customHeight="1">
      <c r="B31" s="226"/>
      <c r="C31" s="240" t="s">
        <v>209</v>
      </c>
      <c r="D31" s="227"/>
      <c r="E31" s="228"/>
      <c r="F31" s="229"/>
      <c r="G31" s="229"/>
      <c r="H31" s="241"/>
      <c r="I31" s="241"/>
      <c r="J31" s="248"/>
      <c r="K31" s="256"/>
      <c r="L31" s="257"/>
      <c r="M31" s="231"/>
      <c r="N31" s="204"/>
      <c r="O31" s="204"/>
    </row>
    <row r="32" spans="2:15" ht="15" customHeight="1">
      <c r="B32" s="210"/>
      <c r="C32" s="211"/>
      <c r="D32" s="211"/>
      <c r="E32" s="258"/>
      <c r="F32" s="213"/>
      <c r="G32" s="213"/>
      <c r="H32" s="255"/>
      <c r="I32" s="255"/>
      <c r="J32" s="236"/>
      <c r="K32" s="237"/>
      <c r="L32" s="216"/>
      <c r="M32" s="217"/>
      <c r="N32" s="204"/>
      <c r="O32" s="204"/>
    </row>
    <row r="33" spans="2:15" ht="15" customHeight="1">
      <c r="B33" s="218"/>
      <c r="C33" s="219"/>
      <c r="D33" s="219"/>
      <c r="E33" s="220"/>
      <c r="F33" s="221"/>
      <c r="G33" s="221"/>
      <c r="H33" s="246"/>
      <c r="I33" s="246"/>
      <c r="J33" s="562"/>
      <c r="K33" s="560"/>
      <c r="L33" s="564"/>
      <c r="M33" s="225"/>
      <c r="N33" s="204"/>
      <c r="O33" s="204"/>
    </row>
    <row r="34" spans="2:15" ht="15" customHeight="1">
      <c r="B34" s="226" t="s">
        <v>219</v>
      </c>
      <c r="C34" s="247"/>
      <c r="D34" s="227"/>
      <c r="E34" s="228"/>
      <c r="F34" s="229" t="s">
        <v>23</v>
      </c>
      <c r="G34" s="229">
        <v>1</v>
      </c>
      <c r="H34" s="241"/>
      <c r="I34" s="241"/>
      <c r="J34" s="248"/>
      <c r="K34" s="249"/>
      <c r="L34" s="250"/>
      <c r="M34" s="231"/>
      <c r="N34" s="204"/>
      <c r="O34" s="204"/>
    </row>
    <row r="35" spans="2:15" ht="15" customHeight="1">
      <c r="B35" s="210"/>
      <c r="C35" s="211"/>
      <c r="D35" s="211"/>
      <c r="E35" s="258"/>
      <c r="F35" s="213"/>
      <c r="G35" s="213"/>
      <c r="H35" s="255"/>
      <c r="I35" s="255"/>
      <c r="J35" s="236"/>
      <c r="K35" s="237"/>
      <c r="L35" s="216"/>
      <c r="M35" s="217"/>
      <c r="N35" s="204"/>
      <c r="O35" s="204"/>
    </row>
    <row r="36" spans="2:15" ht="15" customHeight="1">
      <c r="B36" s="218"/>
      <c r="C36" s="219"/>
      <c r="D36" s="219"/>
      <c r="F36" s="221"/>
      <c r="G36" s="221"/>
      <c r="H36" s="246"/>
      <c r="I36" s="246"/>
      <c r="J36" s="556"/>
      <c r="K36" s="557"/>
      <c r="L36" s="558"/>
      <c r="M36" s="565"/>
      <c r="N36" s="204"/>
      <c r="O36" s="204"/>
    </row>
    <row r="37" spans="2:15" ht="15" customHeight="1">
      <c r="B37" s="239"/>
      <c r="C37" s="240" t="s">
        <v>210</v>
      </c>
      <c r="D37" s="259"/>
      <c r="E37" s="298"/>
      <c r="F37" s="229"/>
      <c r="G37" s="229"/>
      <c r="H37" s="241"/>
      <c r="I37" s="241"/>
      <c r="J37" s="260"/>
      <c r="K37" s="261"/>
      <c r="L37" s="262"/>
      <c r="M37" s="263"/>
    </row>
    <row r="38" spans="2:15" ht="15" customHeight="1">
      <c r="B38" s="218"/>
      <c r="C38" s="219"/>
      <c r="D38" s="234"/>
      <c r="E38" s="212"/>
      <c r="F38" s="213"/>
      <c r="G38" s="213"/>
      <c r="H38" s="214"/>
      <c r="I38" s="214"/>
      <c r="J38" s="566"/>
      <c r="K38" s="237"/>
      <c r="L38" s="264"/>
      <c r="M38" s="217"/>
    </row>
    <row r="39" spans="2:15" ht="15" customHeight="1">
      <c r="B39" s="233" t="s">
        <v>211</v>
      </c>
      <c r="C39" s="219"/>
      <c r="D39" s="234"/>
      <c r="E39" s="220"/>
      <c r="F39" s="221"/>
      <c r="G39" s="221"/>
      <c r="H39" s="265"/>
      <c r="I39" s="265"/>
      <c r="J39" s="266"/>
      <c r="K39" s="253"/>
      <c r="L39" s="264"/>
      <c r="M39" s="225"/>
    </row>
    <row r="40" spans="2:15" ht="15" customHeight="1">
      <c r="B40" s="233" t="s">
        <v>212</v>
      </c>
      <c r="C40" s="234" t="s">
        <v>213</v>
      </c>
      <c r="D40" s="234"/>
      <c r="E40" s="240"/>
      <c r="F40" s="229" t="s">
        <v>23</v>
      </c>
      <c r="G40" s="229">
        <v>1</v>
      </c>
      <c r="H40" s="267"/>
      <c r="I40" s="267"/>
      <c r="J40" s="268"/>
      <c r="K40" s="269"/>
      <c r="L40" s="264"/>
      <c r="M40" s="270"/>
    </row>
    <row r="41" spans="2:15" ht="15" customHeight="1">
      <c r="B41" s="210"/>
      <c r="C41" s="211"/>
      <c r="D41" s="271"/>
      <c r="E41" s="251"/>
      <c r="F41" s="221"/>
      <c r="G41" s="221"/>
      <c r="H41" s="272"/>
      <c r="I41" s="272"/>
      <c r="J41" s="346"/>
      <c r="K41" s="320"/>
      <c r="L41" s="216"/>
      <c r="M41" s="217"/>
    </row>
    <row r="42" spans="2:15" ht="15" customHeight="1">
      <c r="B42" s="218"/>
      <c r="C42" s="219"/>
      <c r="D42" s="234"/>
      <c r="E42" s="251"/>
      <c r="F42" s="221"/>
      <c r="G42" s="221"/>
      <c r="H42" s="272"/>
      <c r="I42" s="272"/>
      <c r="J42" s="347"/>
      <c r="K42" s="321"/>
      <c r="L42" s="254"/>
      <c r="M42" s="225"/>
    </row>
    <row r="43" spans="2:15" ht="15" customHeight="1">
      <c r="B43" s="218"/>
      <c r="C43" s="234" t="s">
        <v>214</v>
      </c>
      <c r="D43" s="234"/>
      <c r="E43" s="251"/>
      <c r="F43" s="221"/>
      <c r="G43" s="221"/>
      <c r="H43" s="272"/>
      <c r="I43" s="272"/>
      <c r="J43" s="348" t="s">
        <v>233</v>
      </c>
      <c r="K43" s="323"/>
      <c r="L43" s="250"/>
      <c r="M43" s="231"/>
    </row>
    <row r="44" spans="2:15" ht="15" customHeight="1">
      <c r="B44" s="210"/>
      <c r="C44" s="271"/>
      <c r="D44" s="271"/>
      <c r="E44" s="319"/>
      <c r="F44" s="213"/>
      <c r="G44" s="213"/>
      <c r="H44" s="316"/>
      <c r="I44" s="316"/>
      <c r="J44" s="556"/>
      <c r="K44" s="277"/>
      <c r="L44" s="264"/>
      <c r="M44" s="225"/>
    </row>
    <row r="45" spans="2:15" ht="15" customHeight="1">
      <c r="B45" s="218"/>
      <c r="C45" s="234"/>
      <c r="D45" s="234"/>
      <c r="E45" s="251"/>
      <c r="F45" s="221"/>
      <c r="G45" s="221"/>
      <c r="H45" s="317"/>
      <c r="I45" s="317"/>
      <c r="J45" s="266"/>
      <c r="K45" s="253"/>
      <c r="L45" s="264"/>
      <c r="M45" s="225"/>
    </row>
    <row r="46" spans="2:15" ht="15" customHeight="1">
      <c r="B46" s="226" t="s">
        <v>462</v>
      </c>
      <c r="C46" s="322" t="s">
        <v>316</v>
      </c>
      <c r="D46" s="247"/>
      <c r="E46" s="240"/>
      <c r="F46" s="229" t="s">
        <v>23</v>
      </c>
      <c r="G46" s="229">
        <v>1</v>
      </c>
      <c r="H46" s="318"/>
      <c r="I46" s="318"/>
      <c r="J46" s="348" t="s">
        <v>233</v>
      </c>
      <c r="K46" s="269"/>
      <c r="L46" s="264"/>
      <c r="M46" s="270"/>
    </row>
    <row r="47" spans="2:15" ht="15" customHeight="1">
      <c r="B47" s="210"/>
      <c r="C47" s="211"/>
      <c r="D47" s="211"/>
      <c r="E47" s="212"/>
      <c r="F47" s="213"/>
      <c r="G47" s="213"/>
      <c r="H47" s="214"/>
      <c r="I47" s="214"/>
      <c r="J47" s="236"/>
      <c r="K47" s="237"/>
      <c r="L47" s="216"/>
      <c r="M47" s="217"/>
    </row>
    <row r="48" spans="2:15" ht="15" customHeight="1">
      <c r="B48" s="218"/>
      <c r="C48" s="219"/>
      <c r="D48" s="219"/>
      <c r="E48" s="220"/>
      <c r="F48" s="221"/>
      <c r="G48" s="221"/>
      <c r="H48" s="246"/>
      <c r="I48" s="246"/>
      <c r="J48" s="562"/>
      <c r="K48" s="560"/>
      <c r="L48" s="698"/>
      <c r="M48" s="699"/>
    </row>
    <row r="49" spans="2:13" ht="15" customHeight="1">
      <c r="B49" s="239" t="s">
        <v>215</v>
      </c>
      <c r="C49" s="227"/>
      <c r="D49" s="227"/>
      <c r="E49" s="228"/>
      <c r="F49" s="229" t="s">
        <v>23</v>
      </c>
      <c r="G49" s="229">
        <v>1</v>
      </c>
      <c r="H49" s="241"/>
      <c r="I49" s="241"/>
      <c r="J49" s="248"/>
      <c r="K49" s="256"/>
      <c r="L49" s="273"/>
      <c r="M49" s="274"/>
    </row>
    <row r="50" spans="2:13" ht="15" customHeight="1">
      <c r="B50" s="210"/>
      <c r="C50" s="211"/>
      <c r="D50" s="211"/>
      <c r="E50" s="212"/>
      <c r="F50" s="213"/>
      <c r="G50" s="213"/>
      <c r="H50" s="245"/>
      <c r="I50" s="245"/>
      <c r="J50" s="236"/>
      <c r="K50" s="237"/>
      <c r="L50" s="275"/>
      <c r="M50" s="217"/>
    </row>
    <row r="51" spans="2:13" ht="15" customHeight="1">
      <c r="B51" s="218"/>
      <c r="C51" s="219"/>
      <c r="D51" s="219"/>
      <c r="E51" s="220"/>
      <c r="F51" s="221"/>
      <c r="G51" s="221"/>
      <c r="H51" s="276"/>
      <c r="I51" s="276"/>
      <c r="J51" s="567"/>
      <c r="K51" s="277"/>
      <c r="L51" s="254"/>
      <c r="M51" s="225"/>
    </row>
    <row r="52" spans="2:13" ht="15" customHeight="1">
      <c r="B52" s="239"/>
      <c r="C52" s="227"/>
      <c r="D52" s="227"/>
      <c r="E52" s="278"/>
      <c r="F52" s="229"/>
      <c r="G52" s="229"/>
      <c r="H52" s="241"/>
      <c r="I52" s="241"/>
      <c r="J52" s="279"/>
      <c r="K52" s="280"/>
      <c r="L52" s="250"/>
      <c r="M52" s="231"/>
    </row>
    <row r="53" spans="2:13" ht="15" customHeight="1">
      <c r="B53" s="210"/>
      <c r="C53" s="211"/>
      <c r="D53" s="211"/>
      <c r="E53" s="258"/>
      <c r="F53" s="213"/>
      <c r="G53" s="213"/>
      <c r="H53" s="245"/>
      <c r="I53" s="245"/>
      <c r="J53" s="236"/>
      <c r="K53" s="237"/>
      <c r="L53" s="216"/>
      <c r="M53" s="217"/>
    </row>
    <row r="54" spans="2:13" ht="15" customHeight="1">
      <c r="B54" s="218"/>
      <c r="C54" s="219"/>
      <c r="D54" s="219"/>
      <c r="E54" s="220"/>
      <c r="F54" s="221"/>
      <c r="G54" s="221"/>
      <c r="H54" s="276"/>
      <c r="I54" s="276"/>
      <c r="J54" s="562"/>
      <c r="K54" s="568"/>
      <c r="L54" s="281"/>
      <c r="M54" s="225"/>
    </row>
    <row r="55" spans="2:13" ht="15" customHeight="1" thickBot="1">
      <c r="B55" s="282"/>
      <c r="C55" s="283"/>
      <c r="D55" s="283"/>
      <c r="E55" s="284"/>
      <c r="F55" s="285"/>
      <c r="G55" s="285"/>
      <c r="H55" s="286"/>
      <c r="I55" s="286"/>
      <c r="J55" s="287"/>
      <c r="K55" s="288"/>
      <c r="L55" s="289"/>
      <c r="M55" s="290"/>
    </row>
    <row r="56" spans="2:13" ht="15" customHeight="1"/>
    <row r="57" spans="2:13" ht="15" customHeight="1"/>
    <row r="58" spans="2:13" ht="15" customHeight="1"/>
  </sheetData>
  <mergeCells count="3">
    <mergeCell ref="E3:G3"/>
    <mergeCell ref="J4:L4"/>
    <mergeCell ref="L48:M48"/>
  </mergeCells>
  <phoneticPr fontId="4"/>
  <dataValidations count="2">
    <dataValidation type="list" allowBlank="1" showInputMessage="1" showErrorMessage="1" sqref="L37">
      <formula1>#REF!</formula1>
    </dataValidation>
    <dataValidation type="list" allowBlank="1" showInputMessage="1" showErrorMessage="1" sqref="M37">
      <formula1>#REF!</formula1>
    </dataValidation>
  </dataValidations>
  <printOptions horizontalCentered="1" verticalCentered="1"/>
  <pageMargins left="0.70866141732283472" right="0.70866141732283472" top="0.74803149606299213" bottom="0.74803149606299213" header="0.31496062992125984" footer="0.31496062992125984"/>
  <pageSetup paperSize="9" scale="62" orientation="landscape" horizontalDpi="4294967294"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89"/>
  <sheetViews>
    <sheetView showGridLines="0" zoomScale="120" zoomScaleNormal="120" zoomScaleSheetLayoutView="115" workbookViewId="0">
      <selection sqref="A1:A2"/>
    </sheetView>
  </sheetViews>
  <sheetFormatPr defaultRowHeight="13.5"/>
  <cols>
    <col min="1" max="1" width="7.375" style="569" customWidth="1"/>
    <col min="2" max="2" width="10.625" style="569" customWidth="1"/>
    <col min="3" max="3" width="14.875" style="569" customWidth="1"/>
    <col min="4" max="4" width="6.75" style="569" bestFit="1" customWidth="1"/>
    <col min="5" max="5" width="5.75" style="569" bestFit="1" customWidth="1"/>
    <col min="6" max="6" width="5.875" style="569" customWidth="1"/>
    <col min="7" max="7" width="7.625" style="569" customWidth="1"/>
    <col min="8" max="8" width="9.25" style="569" customWidth="1"/>
    <col min="9" max="9" width="9" style="569" customWidth="1"/>
    <col min="10" max="16384" width="9" style="569"/>
  </cols>
  <sheetData>
    <row r="1" spans="1:9" s="30" customFormat="1">
      <c r="A1" s="702" t="s">
        <v>1</v>
      </c>
      <c r="B1" s="704" t="s">
        <v>2</v>
      </c>
      <c r="C1" s="704" t="s">
        <v>3</v>
      </c>
      <c r="D1" s="704" t="s">
        <v>4</v>
      </c>
      <c r="E1" s="704" t="s">
        <v>224</v>
      </c>
      <c r="F1" s="706" t="s">
        <v>225</v>
      </c>
      <c r="G1" s="707"/>
      <c r="H1" s="708"/>
      <c r="I1" s="700" t="s">
        <v>7</v>
      </c>
    </row>
    <row r="2" spans="1:9" s="30" customFormat="1">
      <c r="A2" s="703"/>
      <c r="B2" s="705"/>
      <c r="C2" s="705"/>
      <c r="D2" s="705"/>
      <c r="E2" s="705"/>
      <c r="F2" s="546" t="s">
        <v>223</v>
      </c>
      <c r="G2" s="546" t="s">
        <v>5</v>
      </c>
      <c r="H2" s="292" t="s">
        <v>6</v>
      </c>
      <c r="I2" s="701"/>
    </row>
    <row r="3" spans="1:9" s="29" customFormat="1" ht="9.4" customHeight="1">
      <c r="A3" s="1"/>
      <c r="B3" s="2"/>
      <c r="C3" s="2"/>
      <c r="D3" s="2"/>
      <c r="E3" s="3"/>
      <c r="F3" s="106"/>
      <c r="G3" s="121"/>
      <c r="H3" s="122"/>
      <c r="I3" s="107"/>
    </row>
    <row r="4" spans="1:9" s="29" customFormat="1" ht="9.4" customHeight="1">
      <c r="A4" s="4"/>
      <c r="B4" s="5"/>
      <c r="C4" s="5"/>
      <c r="D4" s="5"/>
      <c r="E4" s="6"/>
      <c r="F4" s="108"/>
      <c r="G4" s="123"/>
      <c r="H4" s="124"/>
      <c r="I4" s="109"/>
    </row>
    <row r="5" spans="1:9" s="28" customFormat="1" ht="9.4" customHeight="1">
      <c r="A5" s="11" t="s">
        <v>369</v>
      </c>
      <c r="B5" s="7"/>
      <c r="C5" s="7"/>
      <c r="D5" s="7"/>
      <c r="E5" s="8"/>
      <c r="F5" s="110"/>
      <c r="G5" s="125"/>
      <c r="H5" s="126"/>
      <c r="I5" s="111"/>
    </row>
    <row r="6" spans="1:9" s="29" customFormat="1" ht="9.4" customHeight="1">
      <c r="A6" s="9"/>
      <c r="B6" s="2"/>
      <c r="C6" s="2"/>
      <c r="D6" s="2"/>
      <c r="E6" s="3"/>
      <c r="F6" s="106"/>
      <c r="G6" s="121"/>
      <c r="H6" s="122"/>
      <c r="I6" s="107"/>
    </row>
    <row r="7" spans="1:9" s="29" customFormat="1" ht="9.4" customHeight="1">
      <c r="A7" s="10"/>
      <c r="B7" s="5"/>
      <c r="C7" s="5"/>
      <c r="D7" s="5"/>
      <c r="E7" s="6"/>
      <c r="F7" s="108"/>
      <c r="G7" s="123"/>
      <c r="H7" s="124"/>
      <c r="I7" s="109"/>
    </row>
    <row r="8" spans="1:9" s="28" customFormat="1" ht="9.4" customHeight="1">
      <c r="A8" s="11"/>
      <c r="B8" s="7" t="s">
        <v>439</v>
      </c>
      <c r="C8" s="7"/>
      <c r="D8" s="7"/>
      <c r="E8" s="8" t="s">
        <v>0</v>
      </c>
      <c r="F8" s="110">
        <v>1</v>
      </c>
      <c r="G8" s="133"/>
      <c r="H8" s="324"/>
      <c r="I8" s="111" t="s">
        <v>220</v>
      </c>
    </row>
    <row r="9" spans="1:9" s="28" customFormat="1" ht="9.4" customHeight="1">
      <c r="A9" s="1"/>
      <c r="B9" s="2"/>
      <c r="C9" s="2"/>
      <c r="D9" s="2"/>
      <c r="E9" s="3"/>
      <c r="F9" s="106"/>
      <c r="G9" s="121"/>
      <c r="H9" s="122"/>
      <c r="I9" s="107"/>
    </row>
    <row r="10" spans="1:9" s="28" customFormat="1" ht="9.4" customHeight="1">
      <c r="A10" s="4"/>
      <c r="B10" s="5"/>
      <c r="C10" s="5"/>
      <c r="D10" s="5"/>
      <c r="E10" s="6"/>
      <c r="F10" s="108"/>
      <c r="G10" s="123"/>
      <c r="H10" s="124"/>
      <c r="I10" s="109"/>
    </row>
    <row r="11" spans="1:9" s="28" customFormat="1" ht="9.4" customHeight="1">
      <c r="A11" s="11"/>
      <c r="B11" s="7" t="s">
        <v>437</v>
      </c>
      <c r="C11" s="7"/>
      <c r="D11" s="7"/>
      <c r="E11" s="8" t="s">
        <v>0</v>
      </c>
      <c r="F11" s="110">
        <v>1</v>
      </c>
      <c r="G11" s="125"/>
      <c r="H11" s="324"/>
      <c r="I11" s="111" t="s">
        <v>221</v>
      </c>
    </row>
    <row r="12" spans="1:9" s="29" customFormat="1" ht="9.4" customHeight="1">
      <c r="A12" s="1"/>
      <c r="B12" s="2"/>
      <c r="C12" s="2"/>
      <c r="D12" s="2"/>
      <c r="E12" s="3"/>
      <c r="F12" s="106"/>
      <c r="G12" s="121"/>
      <c r="H12" s="122"/>
      <c r="I12" s="107"/>
    </row>
    <row r="13" spans="1:9" s="29" customFormat="1" ht="9.4" customHeight="1">
      <c r="A13" s="4"/>
      <c r="B13" s="5"/>
      <c r="C13" s="5"/>
      <c r="D13" s="5"/>
      <c r="E13" s="6"/>
      <c r="F13" s="108"/>
      <c r="G13" s="123"/>
      <c r="H13" s="124"/>
      <c r="I13" s="109"/>
    </row>
    <row r="14" spans="1:9" s="28" customFormat="1" ht="9.4" customHeight="1">
      <c r="A14" s="12"/>
      <c r="B14" s="7" t="s">
        <v>438</v>
      </c>
      <c r="C14" s="7"/>
      <c r="D14" s="7"/>
      <c r="E14" s="8" t="s">
        <v>0</v>
      </c>
      <c r="F14" s="110">
        <v>1</v>
      </c>
      <c r="G14" s="125"/>
      <c r="H14" s="324"/>
      <c r="I14" s="111" t="s">
        <v>469</v>
      </c>
    </row>
    <row r="15" spans="1:9" s="28" customFormat="1" ht="9.4" customHeight="1">
      <c r="A15" s="13"/>
      <c r="B15" s="309"/>
      <c r="C15" s="309"/>
      <c r="D15" s="309"/>
      <c r="E15" s="310"/>
      <c r="F15" s="311"/>
      <c r="G15" s="312"/>
      <c r="H15" s="122"/>
      <c r="I15" s="313"/>
    </row>
    <row r="16" spans="1:9" s="28" customFormat="1" ht="9.4" customHeight="1">
      <c r="A16" s="13"/>
      <c r="B16" s="309"/>
      <c r="C16" s="309"/>
      <c r="D16" s="309"/>
      <c r="E16" s="310"/>
      <c r="F16" s="311"/>
      <c r="G16" s="312"/>
      <c r="H16" s="124"/>
      <c r="I16" s="313"/>
    </row>
    <row r="17" spans="1:9" s="28" customFormat="1" ht="9.4" customHeight="1">
      <c r="A17" s="13"/>
      <c r="B17" s="309"/>
      <c r="C17" s="309"/>
      <c r="D17" s="309"/>
      <c r="E17" s="8"/>
      <c r="F17" s="110"/>
      <c r="G17" s="312"/>
      <c r="H17" s="324"/>
      <c r="I17" s="313"/>
    </row>
    <row r="18" spans="1:9" s="28" customFormat="1" ht="9.4" customHeight="1">
      <c r="A18" s="1"/>
      <c r="B18" s="2"/>
      <c r="C18" s="2"/>
      <c r="D18" s="2"/>
      <c r="E18" s="3"/>
      <c r="F18" s="106"/>
      <c r="G18" s="121"/>
      <c r="H18" s="122"/>
      <c r="I18" s="107"/>
    </row>
    <row r="19" spans="1:9" s="28" customFormat="1" ht="9.4" customHeight="1">
      <c r="A19" s="4"/>
      <c r="B19" s="5"/>
      <c r="C19" s="5"/>
      <c r="D19" s="5"/>
      <c r="E19" s="6"/>
      <c r="F19" s="108"/>
      <c r="G19" s="123"/>
      <c r="H19" s="124"/>
      <c r="I19" s="109"/>
    </row>
    <row r="20" spans="1:9" s="28" customFormat="1" ht="9.4" customHeight="1">
      <c r="A20" s="11"/>
      <c r="B20" s="7"/>
      <c r="C20" s="7"/>
      <c r="D20" s="7"/>
      <c r="E20" s="8"/>
      <c r="F20" s="110"/>
      <c r="G20" s="133"/>
      <c r="H20" s="324"/>
      <c r="I20" s="111"/>
    </row>
    <row r="21" spans="1:9" s="28" customFormat="1" ht="9.4" customHeight="1">
      <c r="A21" s="1"/>
      <c r="B21" s="2"/>
      <c r="C21" s="2"/>
      <c r="D21" s="2"/>
      <c r="E21" s="3"/>
      <c r="F21" s="106"/>
      <c r="G21" s="121"/>
      <c r="H21" s="122"/>
      <c r="I21" s="107"/>
    </row>
    <row r="22" spans="1:9" s="28" customFormat="1" ht="9.4" customHeight="1">
      <c r="A22" s="4"/>
      <c r="B22" s="5"/>
      <c r="C22" s="5"/>
      <c r="D22" s="5"/>
      <c r="E22" s="6"/>
      <c r="F22" s="108"/>
      <c r="G22" s="123"/>
      <c r="H22" s="124"/>
      <c r="I22" s="109"/>
    </row>
    <row r="23" spans="1:9" s="28" customFormat="1" ht="9.4" customHeight="1">
      <c r="A23" s="11"/>
      <c r="B23" s="7"/>
      <c r="C23" s="7"/>
      <c r="D23" s="7"/>
      <c r="E23" s="8"/>
      <c r="F23" s="110"/>
      <c r="G23" s="133"/>
      <c r="H23" s="324"/>
      <c r="I23" s="111"/>
    </row>
    <row r="24" spans="1:9" s="29" customFormat="1" ht="9.4" customHeight="1">
      <c r="A24" s="1"/>
      <c r="B24" s="2"/>
      <c r="C24" s="2"/>
      <c r="D24" s="2"/>
      <c r="E24" s="3"/>
      <c r="F24" s="106"/>
      <c r="G24" s="121"/>
      <c r="H24" s="122"/>
      <c r="I24" s="107"/>
    </row>
    <row r="25" spans="1:9" s="29" customFormat="1" ht="9.4" customHeight="1">
      <c r="A25" s="4"/>
      <c r="B25" s="5"/>
      <c r="C25" s="5"/>
      <c r="D25" s="5"/>
      <c r="E25" s="6"/>
      <c r="F25" s="108"/>
      <c r="G25" s="123"/>
      <c r="H25" s="124"/>
      <c r="I25" s="109"/>
    </row>
    <row r="26" spans="1:9" s="28" customFormat="1" ht="9.4" customHeight="1">
      <c r="A26" s="11"/>
      <c r="B26" s="7"/>
      <c r="C26" s="7"/>
      <c r="D26" s="7"/>
      <c r="E26" s="8"/>
      <c r="F26" s="110"/>
      <c r="G26" s="125"/>
      <c r="H26" s="324"/>
      <c r="I26" s="111"/>
    </row>
    <row r="27" spans="1:9" s="29" customFormat="1" ht="9.4" customHeight="1">
      <c r="A27" s="1"/>
      <c r="B27" s="2"/>
      <c r="C27" s="2"/>
      <c r="D27" s="2"/>
      <c r="E27" s="3"/>
      <c r="F27" s="106"/>
      <c r="G27" s="121"/>
      <c r="H27" s="122"/>
      <c r="I27" s="107"/>
    </row>
    <row r="28" spans="1:9" s="29" customFormat="1" ht="9.4" customHeight="1">
      <c r="A28" s="4"/>
      <c r="B28" s="5"/>
      <c r="C28" s="5"/>
      <c r="D28" s="5"/>
      <c r="E28" s="6"/>
      <c r="F28" s="108"/>
      <c r="G28" s="123"/>
      <c r="H28" s="124"/>
      <c r="I28" s="109"/>
    </row>
    <row r="29" spans="1:9" s="28" customFormat="1" ht="9.4" customHeight="1">
      <c r="A29" s="11"/>
      <c r="B29" s="7"/>
      <c r="C29" s="7"/>
      <c r="D29" s="7"/>
      <c r="E29" s="8"/>
      <c r="F29" s="110"/>
      <c r="G29" s="125"/>
      <c r="H29" s="324"/>
      <c r="I29" s="111"/>
    </row>
    <row r="30" spans="1:9" s="29" customFormat="1" ht="9.4" customHeight="1">
      <c r="A30" s="1"/>
      <c r="B30" s="2"/>
      <c r="C30" s="2"/>
      <c r="D30" s="2"/>
      <c r="E30" s="3"/>
      <c r="F30" s="106"/>
      <c r="G30" s="121"/>
      <c r="H30" s="122"/>
      <c r="I30" s="107"/>
    </row>
    <row r="31" spans="1:9" s="29" customFormat="1" ht="9.4" customHeight="1">
      <c r="A31" s="4"/>
      <c r="B31" s="5"/>
      <c r="C31" s="5"/>
      <c r="D31" s="5"/>
      <c r="E31" s="6"/>
      <c r="F31" s="108"/>
      <c r="G31" s="123"/>
      <c r="H31" s="124"/>
      <c r="I31" s="109"/>
    </row>
    <row r="32" spans="1:9" s="28" customFormat="1" ht="9.4" customHeight="1">
      <c r="A32" s="11"/>
      <c r="B32" s="7"/>
      <c r="C32" s="7"/>
      <c r="D32" s="7"/>
      <c r="E32" s="8"/>
      <c r="F32" s="110"/>
      <c r="G32" s="133"/>
      <c r="H32" s="324"/>
      <c r="I32" s="111"/>
    </row>
    <row r="33" spans="1:9" s="29" customFormat="1" ht="9.4" customHeight="1">
      <c r="A33" s="1"/>
      <c r="B33" s="2"/>
      <c r="C33" s="2"/>
      <c r="D33" s="2"/>
      <c r="E33" s="3"/>
      <c r="F33" s="106"/>
      <c r="G33" s="121"/>
      <c r="H33" s="122"/>
      <c r="I33" s="107"/>
    </row>
    <row r="34" spans="1:9" s="29" customFormat="1" ht="9.4" customHeight="1">
      <c r="A34" s="4"/>
      <c r="B34" s="5"/>
      <c r="C34" s="5"/>
      <c r="D34" s="5"/>
      <c r="E34" s="6"/>
      <c r="F34" s="108"/>
      <c r="G34" s="123"/>
      <c r="H34" s="124"/>
      <c r="I34" s="109"/>
    </row>
    <row r="35" spans="1:9" s="28" customFormat="1" ht="9.4" customHeight="1">
      <c r="A35" s="11"/>
      <c r="B35" s="7"/>
      <c r="C35" s="7"/>
      <c r="D35" s="7"/>
      <c r="E35" s="8"/>
      <c r="F35" s="110"/>
      <c r="G35" s="125"/>
      <c r="H35" s="324"/>
      <c r="I35" s="111"/>
    </row>
    <row r="36" spans="1:9" s="29" customFormat="1" ht="9.4" customHeight="1">
      <c r="A36" s="1"/>
      <c r="B36" s="2"/>
      <c r="C36" s="2"/>
      <c r="D36" s="2"/>
      <c r="E36" s="3"/>
      <c r="F36" s="106"/>
      <c r="G36" s="121"/>
      <c r="H36" s="122"/>
      <c r="I36" s="107"/>
    </row>
    <row r="37" spans="1:9" s="29" customFormat="1" ht="9.4" customHeight="1">
      <c r="A37" s="4"/>
      <c r="B37" s="5"/>
      <c r="C37" s="5"/>
      <c r="D37" s="5"/>
      <c r="E37" s="6"/>
      <c r="F37" s="108"/>
      <c r="G37" s="123"/>
      <c r="H37" s="124"/>
      <c r="I37" s="109"/>
    </row>
    <row r="38" spans="1:9" s="28" customFormat="1" ht="9.4" customHeight="1">
      <c r="A38" s="11"/>
      <c r="B38" s="7" t="s">
        <v>10</v>
      </c>
      <c r="C38" s="7"/>
      <c r="D38" s="7"/>
      <c r="E38" s="8"/>
      <c r="F38" s="110"/>
      <c r="G38" s="125"/>
      <c r="H38" s="324"/>
      <c r="I38" s="111"/>
    </row>
    <row r="39" spans="1:9" s="29" customFormat="1" ht="9.4" customHeight="1">
      <c r="A39" s="1"/>
      <c r="B39" s="2"/>
      <c r="C39" s="2"/>
      <c r="D39" s="2"/>
      <c r="E39" s="3"/>
      <c r="F39" s="106"/>
      <c r="G39" s="121"/>
      <c r="H39" s="122"/>
      <c r="I39" s="107"/>
    </row>
    <row r="40" spans="1:9" s="29" customFormat="1" ht="9.4" customHeight="1">
      <c r="A40" s="4"/>
      <c r="B40" s="5"/>
      <c r="C40" s="5"/>
      <c r="D40" s="5"/>
      <c r="E40" s="6"/>
      <c r="F40" s="108"/>
      <c r="G40" s="123"/>
      <c r="H40" s="124"/>
      <c r="I40" s="109"/>
    </row>
    <row r="41" spans="1:9" s="28" customFormat="1" ht="9.4" customHeight="1">
      <c r="A41" s="11"/>
      <c r="B41" s="7"/>
      <c r="C41" s="7"/>
      <c r="D41" s="7"/>
      <c r="E41" s="8"/>
      <c r="F41" s="110"/>
      <c r="G41" s="125"/>
      <c r="H41" s="126"/>
      <c r="I41" s="111"/>
    </row>
    <row r="42" spans="1:9" s="27" customFormat="1" ht="26.1" customHeight="1">
      <c r="A42" s="96"/>
      <c r="B42" s="172"/>
      <c r="C42" s="172" t="s">
        <v>8</v>
      </c>
      <c r="D42" s="172"/>
      <c r="E42" s="173"/>
      <c r="F42" s="174" t="s">
        <v>11</v>
      </c>
      <c r="G42" s="174"/>
      <c r="H42" s="175"/>
      <c r="I42" s="336"/>
    </row>
    <row r="43" spans="1:9" s="30" customFormat="1">
      <c r="A43" s="702" t="s">
        <v>1</v>
      </c>
      <c r="B43" s="704" t="s">
        <v>2</v>
      </c>
      <c r="C43" s="704" t="s">
        <v>3</v>
      </c>
      <c r="D43" s="704" t="s">
        <v>4</v>
      </c>
      <c r="E43" s="704" t="s">
        <v>224</v>
      </c>
      <c r="F43" s="706" t="s">
        <v>225</v>
      </c>
      <c r="G43" s="707"/>
      <c r="H43" s="708"/>
      <c r="I43" s="700" t="s">
        <v>7</v>
      </c>
    </row>
    <row r="44" spans="1:9" s="30" customFormat="1">
      <c r="A44" s="703"/>
      <c r="B44" s="705"/>
      <c r="C44" s="705"/>
      <c r="D44" s="705"/>
      <c r="E44" s="705"/>
      <c r="F44" s="546" t="s">
        <v>223</v>
      </c>
      <c r="G44" s="546" t="s">
        <v>5</v>
      </c>
      <c r="H44" s="292" t="s">
        <v>6</v>
      </c>
      <c r="I44" s="701"/>
    </row>
    <row r="45" spans="1:9" s="29" customFormat="1" ht="9.4" customHeight="1">
      <c r="A45" s="1"/>
      <c r="B45" s="2"/>
      <c r="C45" s="2"/>
      <c r="D45" s="2"/>
      <c r="E45" s="3"/>
      <c r="F45" s="106"/>
      <c r="G45" s="121"/>
      <c r="H45" s="122"/>
      <c r="I45" s="107"/>
    </row>
    <row r="46" spans="1:9" s="29" customFormat="1" ht="9.4" customHeight="1">
      <c r="A46" s="4"/>
      <c r="B46" s="5"/>
      <c r="C46" s="5"/>
      <c r="D46" s="5"/>
      <c r="E46" s="6"/>
      <c r="F46" s="108"/>
      <c r="G46" s="123"/>
      <c r="H46" s="124"/>
      <c r="I46" s="109"/>
    </row>
    <row r="47" spans="1:9" s="28" customFormat="1" ht="9.4" customHeight="1">
      <c r="A47" s="11" t="s">
        <v>539</v>
      </c>
      <c r="B47" s="7"/>
      <c r="C47" s="7"/>
      <c r="D47" s="7"/>
      <c r="E47" s="8"/>
      <c r="F47" s="110"/>
      <c r="G47" s="125"/>
      <c r="H47" s="126"/>
      <c r="I47" s="111"/>
    </row>
    <row r="48" spans="1:9" s="29" customFormat="1" ht="9.4" customHeight="1">
      <c r="A48" s="9"/>
      <c r="B48" s="2"/>
      <c r="C48" s="2"/>
      <c r="D48" s="2"/>
      <c r="E48" s="3"/>
      <c r="F48" s="106"/>
      <c r="G48" s="121"/>
      <c r="H48" s="122"/>
      <c r="I48" s="313"/>
    </row>
    <row r="49" spans="1:9" s="28" customFormat="1" ht="9.4" customHeight="1">
      <c r="A49" s="10"/>
      <c r="B49" s="5"/>
      <c r="C49" s="5"/>
      <c r="D49" s="5"/>
      <c r="E49" s="6"/>
      <c r="F49" s="108"/>
      <c r="G49" s="123"/>
      <c r="H49" s="124"/>
      <c r="I49" s="313"/>
    </row>
    <row r="50" spans="1:9" s="29" customFormat="1" ht="9.4" customHeight="1">
      <c r="A50" s="11"/>
      <c r="B50" s="7" t="s">
        <v>539</v>
      </c>
      <c r="C50" s="7"/>
      <c r="D50" s="7"/>
      <c r="E50" s="8" t="s">
        <v>0</v>
      </c>
      <c r="F50" s="110">
        <v>1</v>
      </c>
      <c r="G50" s="133"/>
      <c r="H50" s="324"/>
      <c r="I50" s="111" t="s">
        <v>542</v>
      </c>
    </row>
    <row r="51" spans="1:9" s="29" customFormat="1" ht="9.4" customHeight="1">
      <c r="A51" s="1"/>
      <c r="B51" s="2"/>
      <c r="C51" s="2"/>
      <c r="D51" s="2"/>
      <c r="E51" s="3"/>
      <c r="F51" s="106"/>
      <c r="G51" s="121"/>
      <c r="H51" s="122"/>
      <c r="I51" s="107"/>
    </row>
    <row r="52" spans="1:9" s="29" customFormat="1" ht="9.4" customHeight="1">
      <c r="A52" s="4"/>
      <c r="B52" s="5"/>
      <c r="C52" s="5"/>
      <c r="D52" s="5"/>
      <c r="E52" s="6"/>
      <c r="F52" s="108"/>
      <c r="G52" s="123"/>
      <c r="H52" s="124"/>
      <c r="I52" s="109"/>
    </row>
    <row r="53" spans="1:9" s="29" customFormat="1" ht="9.4" customHeight="1">
      <c r="A53" s="11"/>
      <c r="B53" s="7"/>
      <c r="C53" s="7"/>
      <c r="D53" s="7"/>
      <c r="E53" s="8"/>
      <c r="F53" s="110"/>
      <c r="G53" s="133"/>
      <c r="H53" s="132"/>
      <c r="I53" s="111"/>
    </row>
    <row r="54" spans="1:9" s="29" customFormat="1" ht="9.4" customHeight="1">
      <c r="A54" s="1"/>
      <c r="B54" s="2"/>
      <c r="C54" s="2"/>
      <c r="D54" s="2"/>
      <c r="E54" s="3"/>
      <c r="F54" s="106"/>
      <c r="G54" s="121"/>
      <c r="H54" s="122"/>
      <c r="I54" s="313"/>
    </row>
    <row r="55" spans="1:9" s="29" customFormat="1" ht="9.4" customHeight="1">
      <c r="A55" s="4"/>
      <c r="B55" s="5"/>
      <c r="C55" s="5"/>
      <c r="D55" s="5"/>
      <c r="E55" s="6"/>
      <c r="F55" s="108"/>
      <c r="G55" s="123"/>
      <c r="H55" s="124"/>
      <c r="I55" s="313"/>
    </row>
    <row r="56" spans="1:9" s="29" customFormat="1" ht="9.4" customHeight="1">
      <c r="A56" s="11" t="s">
        <v>540</v>
      </c>
      <c r="B56" s="7"/>
      <c r="C56" s="7"/>
      <c r="D56" s="7"/>
      <c r="E56" s="8"/>
      <c r="F56" s="110"/>
      <c r="G56" s="125"/>
      <c r="H56" s="324"/>
      <c r="I56" s="313"/>
    </row>
    <row r="57" spans="1:9" s="29" customFormat="1" ht="9.4" customHeight="1">
      <c r="A57" s="1"/>
      <c r="B57" s="2"/>
      <c r="C57" s="2"/>
      <c r="D57" s="2"/>
      <c r="E57" s="3"/>
      <c r="F57" s="106"/>
      <c r="G57" s="121"/>
      <c r="H57" s="122"/>
      <c r="I57" s="107"/>
    </row>
    <row r="58" spans="1:9" s="28" customFormat="1" ht="9.4" customHeight="1">
      <c r="A58" s="4"/>
      <c r="B58" s="5"/>
      <c r="C58" s="5"/>
      <c r="D58" s="5"/>
      <c r="E58" s="6"/>
      <c r="F58" s="108"/>
      <c r="G58" s="123"/>
      <c r="H58" s="124"/>
      <c r="I58" s="109"/>
    </row>
    <row r="59" spans="1:9" s="29" customFormat="1" ht="9.4" customHeight="1">
      <c r="A59" s="11"/>
      <c r="B59" s="7"/>
      <c r="C59" s="7"/>
      <c r="D59" s="7"/>
      <c r="E59" s="8"/>
      <c r="F59" s="110"/>
      <c r="G59" s="125"/>
      <c r="H59" s="345"/>
      <c r="I59" s="111"/>
    </row>
    <row r="60" spans="1:9" s="29" customFormat="1" ht="9.4" customHeight="1">
      <c r="A60" s="1"/>
      <c r="B60" s="2"/>
      <c r="C60" s="2"/>
      <c r="D60" s="2"/>
      <c r="E60" s="3"/>
      <c r="F60" s="106"/>
      <c r="G60" s="121"/>
      <c r="H60" s="122"/>
      <c r="I60" s="107"/>
    </row>
    <row r="61" spans="1:9" s="29" customFormat="1" ht="9.4" customHeight="1">
      <c r="A61" s="4"/>
      <c r="B61" s="5"/>
      <c r="C61" s="5"/>
      <c r="D61" s="5"/>
      <c r="E61" s="6"/>
      <c r="F61" s="108"/>
      <c r="G61" s="123"/>
      <c r="H61" s="124"/>
      <c r="I61" s="109"/>
    </row>
    <row r="62" spans="1:9" s="28" customFormat="1" ht="9.4" customHeight="1">
      <c r="A62" s="11" t="s">
        <v>552</v>
      </c>
      <c r="B62" s="7"/>
      <c r="C62" s="7"/>
      <c r="D62" s="7"/>
      <c r="E62" s="8"/>
      <c r="F62" s="110"/>
      <c r="G62" s="125"/>
      <c r="H62" s="126"/>
      <c r="I62" s="111"/>
    </row>
    <row r="63" spans="1:9" s="29" customFormat="1" ht="9.4" customHeight="1">
      <c r="A63" s="9"/>
      <c r="B63" s="2"/>
      <c r="C63" s="2"/>
      <c r="D63" s="2"/>
      <c r="E63" s="3"/>
      <c r="F63" s="106"/>
      <c r="G63" s="121"/>
      <c r="H63" s="122"/>
      <c r="I63" s="313"/>
    </row>
    <row r="64" spans="1:9" s="28" customFormat="1" ht="9.4" customHeight="1">
      <c r="A64" s="10"/>
      <c r="B64" s="5"/>
      <c r="C64" s="5"/>
      <c r="D64" s="5"/>
      <c r="E64" s="6"/>
      <c r="F64" s="108"/>
      <c r="G64" s="123"/>
      <c r="H64" s="124"/>
      <c r="I64" s="313"/>
    </row>
    <row r="65" spans="1:9" s="29" customFormat="1" ht="9.4" customHeight="1">
      <c r="A65" s="11"/>
      <c r="B65" s="7" t="s">
        <v>552</v>
      </c>
      <c r="C65" s="7"/>
      <c r="D65" s="7"/>
      <c r="E65" s="8" t="s">
        <v>0</v>
      </c>
      <c r="F65" s="110">
        <v>1</v>
      </c>
      <c r="G65" s="133"/>
      <c r="H65" s="324"/>
      <c r="I65" s="111" t="s">
        <v>543</v>
      </c>
    </row>
    <row r="66" spans="1:9" s="29" customFormat="1" ht="9.4" customHeight="1">
      <c r="A66" s="1"/>
      <c r="B66" s="2"/>
      <c r="C66" s="2"/>
      <c r="D66" s="2"/>
      <c r="E66" s="3"/>
      <c r="F66" s="106"/>
      <c r="G66" s="121"/>
      <c r="H66" s="122"/>
      <c r="I66" s="107"/>
    </row>
    <row r="67" spans="1:9" s="29" customFormat="1" ht="9.4" customHeight="1">
      <c r="A67" s="4"/>
      <c r="B67" s="5"/>
      <c r="C67" s="5"/>
      <c r="D67" s="5"/>
      <c r="E67" s="6"/>
      <c r="F67" s="108"/>
      <c r="G67" s="123"/>
      <c r="H67" s="124"/>
      <c r="I67" s="109"/>
    </row>
    <row r="68" spans="1:9" s="29" customFormat="1" ht="9.4" customHeight="1">
      <c r="A68" s="11"/>
      <c r="B68" s="7"/>
      <c r="C68" s="7"/>
      <c r="D68" s="7"/>
      <c r="E68" s="8"/>
      <c r="F68" s="110"/>
      <c r="G68" s="133"/>
      <c r="H68" s="132"/>
      <c r="I68" s="111"/>
    </row>
    <row r="69" spans="1:9" s="29" customFormat="1" ht="9.4" customHeight="1">
      <c r="A69" s="1"/>
      <c r="B69" s="2"/>
      <c r="C69" s="2"/>
      <c r="D69" s="2"/>
      <c r="E69" s="3"/>
      <c r="F69" s="106"/>
      <c r="G69" s="121"/>
      <c r="H69" s="122"/>
      <c r="I69" s="313"/>
    </row>
    <row r="70" spans="1:9" s="29" customFormat="1" ht="9.4" customHeight="1">
      <c r="A70" s="4"/>
      <c r="B70" s="5"/>
      <c r="C70" s="5"/>
      <c r="D70" s="5"/>
      <c r="E70" s="6"/>
      <c r="F70" s="108"/>
      <c r="G70" s="123"/>
      <c r="H70" s="124"/>
      <c r="I70" s="313"/>
    </row>
    <row r="71" spans="1:9" s="29" customFormat="1" ht="9.4" customHeight="1">
      <c r="A71" s="11" t="s">
        <v>553</v>
      </c>
      <c r="B71" s="7"/>
      <c r="C71" s="7"/>
      <c r="D71" s="7"/>
      <c r="E71" s="8"/>
      <c r="F71" s="110"/>
      <c r="G71" s="125"/>
      <c r="H71" s="324"/>
      <c r="I71" s="313"/>
    </row>
    <row r="72" spans="1:9" s="29" customFormat="1" ht="9.4" customHeight="1">
      <c r="A72" s="1"/>
      <c r="B72" s="2"/>
      <c r="C72" s="2"/>
      <c r="D72" s="2"/>
      <c r="E72" s="3"/>
      <c r="F72" s="106"/>
      <c r="G72" s="121"/>
      <c r="H72" s="122"/>
      <c r="I72" s="107"/>
    </row>
    <row r="73" spans="1:9" s="28" customFormat="1" ht="9.4" customHeight="1">
      <c r="A73" s="4"/>
      <c r="B73" s="5"/>
      <c r="C73" s="5"/>
      <c r="D73" s="5"/>
      <c r="E73" s="6"/>
      <c r="F73" s="108"/>
      <c r="G73" s="123"/>
      <c r="H73" s="124"/>
      <c r="I73" s="109"/>
    </row>
    <row r="74" spans="1:9" s="29" customFormat="1" ht="9.4" customHeight="1">
      <c r="A74" s="11"/>
      <c r="B74" s="7"/>
      <c r="C74" s="7"/>
      <c r="D74" s="7"/>
      <c r="E74" s="8"/>
      <c r="F74" s="110"/>
      <c r="G74" s="133"/>
      <c r="H74" s="132"/>
      <c r="I74" s="111"/>
    </row>
    <row r="75" spans="1:9" s="29" customFormat="1" ht="9.4" customHeight="1">
      <c r="A75" s="1"/>
      <c r="B75" s="2"/>
      <c r="C75" s="2"/>
      <c r="D75" s="2"/>
      <c r="E75" s="3"/>
      <c r="F75" s="106"/>
      <c r="G75" s="121"/>
      <c r="H75" s="122"/>
      <c r="I75" s="107"/>
    </row>
    <row r="76" spans="1:9" s="29" customFormat="1" ht="9.4" customHeight="1">
      <c r="A76" s="4"/>
      <c r="B76" s="5"/>
      <c r="C76" s="5"/>
      <c r="D76" s="5"/>
      <c r="E76" s="6"/>
      <c r="F76" s="108"/>
      <c r="G76" s="123"/>
      <c r="H76" s="124"/>
      <c r="I76" s="109"/>
    </row>
    <row r="77" spans="1:9" s="28" customFormat="1" ht="9.4" customHeight="1">
      <c r="A77" s="11" t="s">
        <v>216</v>
      </c>
      <c r="B77" s="7"/>
      <c r="C77" s="7"/>
      <c r="D77" s="7"/>
      <c r="E77" s="8"/>
      <c r="F77" s="110"/>
      <c r="G77" s="125"/>
      <c r="H77" s="126"/>
      <c r="I77" s="111"/>
    </row>
    <row r="78" spans="1:9" s="29" customFormat="1" ht="9.4" customHeight="1">
      <c r="A78" s="9"/>
      <c r="B78" s="2"/>
      <c r="C78" s="2"/>
      <c r="D78" s="2"/>
      <c r="E78" s="3"/>
      <c r="F78" s="106"/>
      <c r="G78" s="121"/>
      <c r="H78" s="122"/>
      <c r="I78" s="313"/>
    </row>
    <row r="79" spans="1:9" s="28" customFormat="1" ht="9.4" customHeight="1">
      <c r="A79" s="10"/>
      <c r="B79" s="5"/>
      <c r="C79" s="5"/>
      <c r="D79" s="5"/>
      <c r="E79" s="6"/>
      <c r="F79" s="108"/>
      <c r="G79" s="123"/>
      <c r="H79" s="124"/>
      <c r="I79" s="313"/>
    </row>
    <row r="80" spans="1:9" s="29" customFormat="1" ht="9.4" customHeight="1">
      <c r="A80" s="11"/>
      <c r="B80" s="7" t="s">
        <v>216</v>
      </c>
      <c r="C80" s="7"/>
      <c r="D80" s="7"/>
      <c r="E80" s="8" t="s">
        <v>0</v>
      </c>
      <c r="F80" s="110">
        <v>1</v>
      </c>
      <c r="G80" s="133"/>
      <c r="H80" s="324"/>
      <c r="I80" s="111" t="s">
        <v>554</v>
      </c>
    </row>
    <row r="81" spans="1:9" s="29" customFormat="1" ht="9.4" customHeight="1">
      <c r="A81" s="1"/>
      <c r="B81" s="2"/>
      <c r="C81" s="2"/>
      <c r="D81" s="2"/>
      <c r="E81" s="3"/>
      <c r="F81" s="106"/>
      <c r="G81" s="121"/>
      <c r="H81" s="122"/>
      <c r="I81" s="107"/>
    </row>
    <row r="82" spans="1:9" s="29" customFormat="1" ht="9.4" customHeight="1">
      <c r="A82" s="4"/>
      <c r="B82" s="5"/>
      <c r="C82" s="5"/>
      <c r="D82" s="5"/>
      <c r="E82" s="6"/>
      <c r="F82" s="108"/>
      <c r="G82" s="123"/>
      <c r="H82" s="124"/>
      <c r="I82" s="109"/>
    </row>
    <row r="83" spans="1:9" s="29" customFormat="1" ht="9.4" customHeight="1">
      <c r="A83" s="11"/>
      <c r="B83" s="7"/>
      <c r="C83" s="7"/>
      <c r="D83" s="7"/>
      <c r="E83" s="8"/>
      <c r="F83" s="110"/>
      <c r="G83" s="133"/>
      <c r="H83" s="132"/>
      <c r="I83" s="111"/>
    </row>
    <row r="84" spans="1:9" s="29" customFormat="1" ht="9.4" customHeight="1">
      <c r="A84" s="1"/>
      <c r="B84" s="2"/>
      <c r="C84" s="2"/>
      <c r="D84" s="2"/>
      <c r="E84" s="3"/>
      <c r="F84" s="106"/>
      <c r="G84" s="121"/>
      <c r="H84" s="122"/>
      <c r="I84" s="313"/>
    </row>
    <row r="85" spans="1:9" s="29" customFormat="1" ht="9.4" customHeight="1">
      <c r="A85" s="4"/>
      <c r="B85" s="5"/>
      <c r="C85" s="5"/>
      <c r="D85" s="5"/>
      <c r="E85" s="6"/>
      <c r="F85" s="108"/>
      <c r="G85" s="123"/>
      <c r="H85" s="124"/>
      <c r="I85" s="313"/>
    </row>
    <row r="86" spans="1:9" s="29" customFormat="1" ht="9.4" customHeight="1">
      <c r="A86" s="11" t="s">
        <v>217</v>
      </c>
      <c r="B86" s="7"/>
      <c r="C86" s="7"/>
      <c r="D86" s="7"/>
      <c r="E86" s="8"/>
      <c r="F86" s="110"/>
      <c r="G86" s="125"/>
      <c r="H86" s="324"/>
      <c r="I86" s="313"/>
    </row>
    <row r="87" spans="1:9" s="29" customFormat="1" ht="9.4" customHeight="1">
      <c r="A87" s="15"/>
      <c r="B87" s="18"/>
      <c r="C87" s="18"/>
      <c r="D87" s="18"/>
      <c r="E87" s="19"/>
      <c r="F87" s="112"/>
      <c r="G87" s="127"/>
      <c r="H87" s="129"/>
      <c r="I87" s="16"/>
    </row>
    <row r="88" spans="1:9" s="28" customFormat="1" ht="9.4" customHeight="1">
      <c r="A88" s="14"/>
      <c r="B88" s="20"/>
      <c r="C88" s="20"/>
      <c r="D88" s="20"/>
      <c r="E88" s="21"/>
      <c r="F88" s="113"/>
      <c r="G88" s="128"/>
      <c r="H88" s="150"/>
      <c r="I88" s="17"/>
    </row>
    <row r="89" spans="1:9" s="29" customFormat="1" ht="9.4" customHeight="1">
      <c r="A89" s="22"/>
      <c r="B89" s="23"/>
      <c r="C89" s="24"/>
      <c r="D89" s="24"/>
      <c r="E89" s="25"/>
      <c r="F89" s="114"/>
      <c r="G89" s="130"/>
      <c r="H89" s="98"/>
      <c r="I89" s="26"/>
    </row>
  </sheetData>
  <mergeCells count="14">
    <mergeCell ref="I1:I2"/>
    <mergeCell ref="A43:A44"/>
    <mergeCell ref="B43:B44"/>
    <mergeCell ref="C43:C44"/>
    <mergeCell ref="D43:D44"/>
    <mergeCell ref="E43:E44"/>
    <mergeCell ref="F43:H43"/>
    <mergeCell ref="I43:I44"/>
    <mergeCell ref="A1:A2"/>
    <mergeCell ref="B1:B2"/>
    <mergeCell ref="C1:C2"/>
    <mergeCell ref="D1:D2"/>
    <mergeCell ref="E1:E2"/>
    <mergeCell ref="F1:H1"/>
  </mergeCells>
  <phoneticPr fontId="6"/>
  <printOptions horizontalCentered="1" verticalCentered="1"/>
  <pageMargins left="0.9055118110236221" right="0.31496062992125984" top="0.74803149606299213" bottom="0.74803149606299213" header="0.31496062992125984" footer="0.31496062992125984"/>
  <pageSetup paperSize="9" scale="91" orientation="portrait" horizontalDpi="4294967294" r:id="rId1"/>
  <headerFooter>
    <oddHeader>&amp;C&amp;A</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32"/>
  <sheetViews>
    <sheetView zoomScaleNormal="100" zoomScaleSheetLayoutView="100" workbookViewId="0">
      <selection activeCell="I12" sqref="I12"/>
    </sheetView>
  </sheetViews>
  <sheetFormatPr defaultRowHeight="15.75" customHeight="1"/>
  <cols>
    <col min="1" max="1" width="3.125" style="452" customWidth="1" collapsed="1"/>
    <col min="2" max="2" width="7.375" style="451" customWidth="1" collapsed="1"/>
    <col min="3" max="3" width="11.25" style="451" customWidth="1" collapsed="1"/>
    <col min="4" max="4" width="12.625" style="451" customWidth="1" collapsed="1"/>
    <col min="5" max="5" width="8.125" style="451" customWidth="1" collapsed="1"/>
    <col min="6" max="6" width="9.25" style="451" customWidth="1" collapsed="1"/>
    <col min="7" max="9" width="16.875" style="451" customWidth="1" collapsed="1"/>
    <col min="10" max="10" width="17.5" style="451" customWidth="1" collapsed="1"/>
    <col min="11" max="12" width="6.625" style="451" customWidth="1" collapsed="1"/>
    <col min="13" max="13" width="10" style="451" customWidth="1" collapsed="1"/>
    <col min="14" max="16384" width="9" style="451" collapsed="1"/>
  </cols>
  <sheetData>
    <row r="1" spans="1:13" ht="15.75" customHeight="1">
      <c r="A1" s="725" t="s">
        <v>651</v>
      </c>
      <c r="B1" s="725"/>
      <c r="C1" s="725"/>
      <c r="D1" s="725"/>
      <c r="E1" s="725"/>
      <c r="F1" s="725"/>
      <c r="G1" s="725"/>
      <c r="H1" s="725"/>
      <c r="I1" s="725"/>
    </row>
    <row r="2" spans="1:13" ht="15.75" customHeight="1">
      <c r="A2" s="473" t="s">
        <v>680</v>
      </c>
      <c r="B2" s="472" t="s">
        <v>679</v>
      </c>
      <c r="C2" s="471" t="s">
        <v>678</v>
      </c>
      <c r="D2" s="726" t="s">
        <v>677</v>
      </c>
      <c r="E2" s="726"/>
      <c r="F2" s="726"/>
      <c r="G2" s="726"/>
      <c r="H2" s="726"/>
      <c r="I2" s="726"/>
      <c r="J2" s="726"/>
      <c r="K2" s="470" t="s">
        <v>663</v>
      </c>
      <c r="L2" s="547" t="s">
        <v>242</v>
      </c>
      <c r="M2" s="469"/>
    </row>
    <row r="3" spans="1:13" ht="15.75" customHeight="1">
      <c r="A3" s="727" t="s">
        <v>651</v>
      </c>
      <c r="B3" s="728"/>
      <c r="C3" s="728"/>
      <c r="D3" s="728"/>
      <c r="E3" s="468"/>
      <c r="F3" s="468"/>
      <c r="G3" s="468"/>
      <c r="H3" s="468"/>
      <c r="I3" s="729" t="s">
        <v>662</v>
      </c>
      <c r="J3" s="729"/>
      <c r="K3" s="729"/>
      <c r="L3" s="729"/>
      <c r="M3" s="730"/>
    </row>
    <row r="4" spans="1:13" s="474" customFormat="1" ht="15.75" customHeight="1">
      <c r="A4" s="731" t="s">
        <v>676</v>
      </c>
      <c r="B4" s="731"/>
      <c r="C4" s="731"/>
      <c r="D4" s="731"/>
      <c r="E4" s="731"/>
      <c r="F4" s="548" t="s">
        <v>675</v>
      </c>
      <c r="G4" s="548" t="s">
        <v>674</v>
      </c>
      <c r="H4" s="548" t="s">
        <v>673</v>
      </c>
      <c r="I4" s="548" t="s">
        <v>672</v>
      </c>
      <c r="J4" s="732" t="s">
        <v>671</v>
      </c>
      <c r="K4" s="732"/>
      <c r="L4" s="732"/>
      <c r="M4" s="732"/>
    </row>
    <row r="5" spans="1:13" ht="15.75" customHeight="1">
      <c r="A5" s="714" t="s">
        <v>670</v>
      </c>
      <c r="B5" s="715"/>
      <c r="C5" s="715"/>
      <c r="D5" s="715"/>
      <c r="E5" s="716"/>
      <c r="F5" s="467"/>
      <c r="G5" s="466"/>
      <c r="H5" s="465"/>
      <c r="I5" s="464" t="s">
        <v>651</v>
      </c>
      <c r="J5" s="717" t="s">
        <v>669</v>
      </c>
      <c r="K5" s="717"/>
      <c r="L5" s="717"/>
      <c r="M5" s="718"/>
    </row>
    <row r="6" spans="1:13" ht="15.75" customHeight="1">
      <c r="A6" s="719" t="s">
        <v>651</v>
      </c>
      <c r="B6" s="720"/>
      <c r="C6" s="720"/>
      <c r="D6" s="720"/>
      <c r="E6" s="721"/>
      <c r="F6" s="460" t="s">
        <v>242</v>
      </c>
      <c r="G6" s="463"/>
      <c r="H6" s="462"/>
      <c r="I6" s="461"/>
      <c r="J6" s="722" t="s">
        <v>651</v>
      </c>
      <c r="K6" s="723"/>
      <c r="L6" s="723"/>
      <c r="M6" s="724"/>
    </row>
    <row r="7" spans="1:13" ht="15.75" customHeight="1">
      <c r="A7" s="719" t="s">
        <v>653</v>
      </c>
      <c r="B7" s="720"/>
      <c r="C7" s="720"/>
      <c r="D7" s="720"/>
      <c r="E7" s="721"/>
      <c r="F7" s="460"/>
      <c r="G7" s="459"/>
      <c r="H7" s="458"/>
      <c r="I7" s="457" t="s">
        <v>651</v>
      </c>
      <c r="J7" s="722" t="s">
        <v>651</v>
      </c>
      <c r="K7" s="723"/>
      <c r="L7" s="723"/>
      <c r="M7" s="724"/>
    </row>
    <row r="8" spans="1:13" ht="15.75" customHeight="1">
      <c r="A8" s="709" t="s">
        <v>651</v>
      </c>
      <c r="B8" s="710"/>
      <c r="C8" s="710"/>
      <c r="D8" s="710"/>
      <c r="E8" s="711"/>
      <c r="F8" s="456"/>
      <c r="G8" s="455">
        <v>1</v>
      </c>
      <c r="H8" s="454"/>
      <c r="I8" s="453"/>
      <c r="J8" s="712" t="s">
        <v>651</v>
      </c>
      <c r="K8" s="712"/>
      <c r="L8" s="712"/>
      <c r="M8" s="713"/>
    </row>
    <row r="9" spans="1:13" ht="15.75" customHeight="1">
      <c r="A9" s="714" t="s">
        <v>668</v>
      </c>
      <c r="B9" s="715"/>
      <c r="C9" s="715"/>
      <c r="D9" s="715"/>
      <c r="E9" s="716"/>
      <c r="F9" s="467"/>
      <c r="G9" s="466"/>
      <c r="H9" s="465"/>
      <c r="I9" s="464" t="s">
        <v>651</v>
      </c>
      <c r="J9" s="717" t="s">
        <v>667</v>
      </c>
      <c r="K9" s="717"/>
      <c r="L9" s="717"/>
      <c r="M9" s="718"/>
    </row>
    <row r="10" spans="1:13" ht="15.75" customHeight="1">
      <c r="A10" s="719" t="s">
        <v>651</v>
      </c>
      <c r="B10" s="720"/>
      <c r="C10" s="720"/>
      <c r="D10" s="720"/>
      <c r="E10" s="721"/>
      <c r="F10" s="460" t="s">
        <v>242</v>
      </c>
      <c r="G10" s="463"/>
      <c r="H10" s="462"/>
      <c r="I10" s="461"/>
      <c r="J10" s="722" t="s">
        <v>651</v>
      </c>
      <c r="K10" s="723"/>
      <c r="L10" s="723"/>
      <c r="M10" s="724"/>
    </row>
    <row r="11" spans="1:13" ht="15.75" customHeight="1">
      <c r="A11" s="719" t="s">
        <v>653</v>
      </c>
      <c r="B11" s="720"/>
      <c r="C11" s="720"/>
      <c r="D11" s="720"/>
      <c r="E11" s="721"/>
      <c r="F11" s="460"/>
      <c r="G11" s="459"/>
      <c r="H11" s="458"/>
      <c r="I11" s="457" t="s">
        <v>651</v>
      </c>
      <c r="J11" s="722" t="s">
        <v>651</v>
      </c>
      <c r="K11" s="723"/>
      <c r="L11" s="723"/>
      <c r="M11" s="724"/>
    </row>
    <row r="12" spans="1:13" ht="15.75" customHeight="1">
      <c r="A12" s="709" t="s">
        <v>651</v>
      </c>
      <c r="B12" s="710"/>
      <c r="C12" s="710"/>
      <c r="D12" s="710"/>
      <c r="E12" s="711"/>
      <c r="F12" s="456"/>
      <c r="G12" s="455">
        <v>1</v>
      </c>
      <c r="H12" s="454"/>
      <c r="I12" s="453"/>
      <c r="J12" s="712" t="s">
        <v>651</v>
      </c>
      <c r="K12" s="712"/>
      <c r="L12" s="712"/>
      <c r="M12" s="713"/>
    </row>
    <row r="13" spans="1:13" ht="15.75" customHeight="1">
      <c r="A13" s="714" t="s">
        <v>653</v>
      </c>
      <c r="B13" s="715"/>
      <c r="C13" s="715"/>
      <c r="D13" s="715"/>
      <c r="E13" s="716"/>
      <c r="F13" s="467"/>
      <c r="G13" s="466"/>
      <c r="H13" s="465"/>
      <c r="I13" s="464" t="s">
        <v>651</v>
      </c>
      <c r="J13" s="717" t="s">
        <v>651</v>
      </c>
      <c r="K13" s="717"/>
      <c r="L13" s="717"/>
      <c r="M13" s="718"/>
    </row>
    <row r="14" spans="1:13" ht="15.75" customHeight="1">
      <c r="A14" s="719" t="s">
        <v>651</v>
      </c>
      <c r="B14" s="720"/>
      <c r="C14" s="720"/>
      <c r="D14" s="720"/>
      <c r="E14" s="721"/>
      <c r="F14" s="460" t="s">
        <v>651</v>
      </c>
      <c r="G14" s="463"/>
      <c r="H14" s="462"/>
      <c r="I14" s="461"/>
      <c r="J14" s="722" t="s">
        <v>651</v>
      </c>
      <c r="K14" s="723"/>
      <c r="L14" s="723"/>
      <c r="M14" s="724"/>
    </row>
    <row r="15" spans="1:13" ht="15.75" customHeight="1">
      <c r="A15" s="719" t="s">
        <v>652</v>
      </c>
      <c r="B15" s="720"/>
      <c r="C15" s="720"/>
      <c r="D15" s="720"/>
      <c r="E15" s="721"/>
      <c r="F15" s="460"/>
      <c r="G15" s="459"/>
      <c r="H15" s="458"/>
      <c r="I15" s="457" t="s">
        <v>651</v>
      </c>
      <c r="J15" s="722" t="s">
        <v>651</v>
      </c>
      <c r="K15" s="723"/>
      <c r="L15" s="723"/>
      <c r="M15" s="724"/>
    </row>
    <row r="16" spans="1:13" ht="15.75" customHeight="1">
      <c r="A16" s="709" t="s">
        <v>651</v>
      </c>
      <c r="B16" s="710"/>
      <c r="C16" s="710"/>
      <c r="D16" s="710"/>
      <c r="E16" s="711"/>
      <c r="F16" s="456"/>
      <c r="G16" s="455"/>
      <c r="H16" s="454"/>
      <c r="I16" s="453"/>
      <c r="J16" s="712" t="s">
        <v>651</v>
      </c>
      <c r="K16" s="712"/>
      <c r="L16" s="712"/>
      <c r="M16" s="713"/>
    </row>
    <row r="17" spans="1:13" ht="15.75" customHeight="1">
      <c r="A17" s="725"/>
      <c r="B17" s="725"/>
      <c r="C17" s="725"/>
      <c r="D17" s="725"/>
      <c r="E17" s="725"/>
      <c r="F17" s="725"/>
      <c r="G17" s="725"/>
      <c r="H17" s="725"/>
      <c r="I17" s="725"/>
    </row>
    <row r="18" spans="1:13" ht="15.75" customHeight="1">
      <c r="A18" s="473" t="s">
        <v>617</v>
      </c>
      <c r="B18" s="472" t="s">
        <v>666</v>
      </c>
      <c r="C18" s="471" t="s">
        <v>665</v>
      </c>
      <c r="D18" s="726" t="s">
        <v>664</v>
      </c>
      <c r="E18" s="726"/>
      <c r="F18" s="726"/>
      <c r="G18" s="726"/>
      <c r="H18" s="726"/>
      <c r="I18" s="726"/>
      <c r="J18" s="726"/>
      <c r="K18" s="470" t="s">
        <v>663</v>
      </c>
      <c r="L18" s="547" t="s">
        <v>242</v>
      </c>
      <c r="M18" s="469"/>
    </row>
    <row r="19" spans="1:13" ht="15.75" customHeight="1">
      <c r="A19" s="727" t="s">
        <v>651</v>
      </c>
      <c r="B19" s="728"/>
      <c r="C19" s="728"/>
      <c r="D19" s="728"/>
      <c r="E19" s="468"/>
      <c r="F19" s="468"/>
      <c r="G19" s="468"/>
      <c r="H19" s="468"/>
      <c r="I19" s="729" t="s">
        <v>662</v>
      </c>
      <c r="J19" s="729"/>
      <c r="K19" s="729"/>
      <c r="L19" s="729"/>
      <c r="M19" s="730"/>
    </row>
    <row r="20" spans="1:13" ht="15.75" customHeight="1">
      <c r="A20" s="731" t="s">
        <v>661</v>
      </c>
      <c r="B20" s="731"/>
      <c r="C20" s="731"/>
      <c r="D20" s="731"/>
      <c r="E20" s="731"/>
      <c r="F20" s="548" t="s">
        <v>660</v>
      </c>
      <c r="G20" s="548" t="s">
        <v>619</v>
      </c>
      <c r="H20" s="548" t="s">
        <v>620</v>
      </c>
      <c r="I20" s="548" t="s">
        <v>659</v>
      </c>
      <c r="J20" s="732" t="s">
        <v>658</v>
      </c>
      <c r="K20" s="732"/>
      <c r="L20" s="732"/>
      <c r="M20" s="732"/>
    </row>
    <row r="21" spans="1:13" ht="15.75" customHeight="1">
      <c r="A21" s="714" t="s">
        <v>657</v>
      </c>
      <c r="B21" s="715"/>
      <c r="C21" s="715"/>
      <c r="D21" s="715"/>
      <c r="E21" s="716"/>
      <c r="F21" s="467"/>
      <c r="G21" s="466"/>
      <c r="H21" s="465"/>
      <c r="I21" s="464" t="s">
        <v>651</v>
      </c>
      <c r="J21" s="717" t="s">
        <v>656</v>
      </c>
      <c r="K21" s="717"/>
      <c r="L21" s="717"/>
      <c r="M21" s="718"/>
    </row>
    <row r="22" spans="1:13" ht="15.75" customHeight="1">
      <c r="A22" s="719" t="s">
        <v>651</v>
      </c>
      <c r="B22" s="720"/>
      <c r="C22" s="720"/>
      <c r="D22" s="720"/>
      <c r="E22" s="721"/>
      <c r="F22" s="460" t="s">
        <v>242</v>
      </c>
      <c r="G22" s="463"/>
      <c r="H22" s="462"/>
      <c r="I22" s="461"/>
      <c r="J22" s="722" t="s">
        <v>651</v>
      </c>
      <c r="K22" s="723"/>
      <c r="L22" s="723"/>
      <c r="M22" s="724"/>
    </row>
    <row r="23" spans="1:13" ht="15.75" customHeight="1">
      <c r="A23" s="719" t="s">
        <v>653</v>
      </c>
      <c r="B23" s="720"/>
      <c r="C23" s="720"/>
      <c r="D23" s="720"/>
      <c r="E23" s="721"/>
      <c r="F23" s="460"/>
      <c r="G23" s="459"/>
      <c r="H23" s="458"/>
      <c r="I23" s="457" t="s">
        <v>651</v>
      </c>
      <c r="J23" s="722" t="s">
        <v>651</v>
      </c>
      <c r="K23" s="723"/>
      <c r="L23" s="723"/>
      <c r="M23" s="724"/>
    </row>
    <row r="24" spans="1:13" ht="15.75" customHeight="1">
      <c r="A24" s="709" t="s">
        <v>651</v>
      </c>
      <c r="B24" s="710"/>
      <c r="C24" s="710"/>
      <c r="D24" s="710"/>
      <c r="E24" s="711"/>
      <c r="F24" s="456"/>
      <c r="G24" s="455">
        <v>1</v>
      </c>
      <c r="H24" s="454"/>
      <c r="I24" s="453"/>
      <c r="J24" s="712" t="s">
        <v>651</v>
      </c>
      <c r="K24" s="712"/>
      <c r="L24" s="712"/>
      <c r="M24" s="713"/>
    </row>
    <row r="25" spans="1:13" ht="15.75" customHeight="1">
      <c r="A25" s="714" t="s">
        <v>655</v>
      </c>
      <c r="B25" s="715"/>
      <c r="C25" s="715"/>
      <c r="D25" s="715"/>
      <c r="E25" s="716"/>
      <c r="F25" s="467"/>
      <c r="G25" s="466"/>
      <c r="H25" s="465"/>
      <c r="I25" s="464" t="s">
        <v>651</v>
      </c>
      <c r="J25" s="717" t="s">
        <v>654</v>
      </c>
      <c r="K25" s="717"/>
      <c r="L25" s="717"/>
      <c r="M25" s="718"/>
    </row>
    <row r="26" spans="1:13" ht="15.75" customHeight="1">
      <c r="A26" s="719" t="s">
        <v>651</v>
      </c>
      <c r="B26" s="720"/>
      <c r="C26" s="720"/>
      <c r="D26" s="720"/>
      <c r="E26" s="721"/>
      <c r="F26" s="460" t="s">
        <v>242</v>
      </c>
      <c r="G26" s="463"/>
      <c r="H26" s="462"/>
      <c r="I26" s="461"/>
      <c r="J26" s="722" t="s">
        <v>651</v>
      </c>
      <c r="K26" s="723"/>
      <c r="L26" s="723"/>
      <c r="M26" s="724"/>
    </row>
    <row r="27" spans="1:13" ht="15.75" customHeight="1">
      <c r="A27" s="719" t="s">
        <v>653</v>
      </c>
      <c r="B27" s="720"/>
      <c r="C27" s="720"/>
      <c r="D27" s="720"/>
      <c r="E27" s="721"/>
      <c r="F27" s="460"/>
      <c r="G27" s="459"/>
      <c r="H27" s="458"/>
      <c r="I27" s="457" t="s">
        <v>651</v>
      </c>
      <c r="J27" s="722" t="s">
        <v>651</v>
      </c>
      <c r="K27" s="723"/>
      <c r="L27" s="723"/>
      <c r="M27" s="724"/>
    </row>
    <row r="28" spans="1:13" ht="15.75" customHeight="1">
      <c r="A28" s="709" t="s">
        <v>651</v>
      </c>
      <c r="B28" s="710"/>
      <c r="C28" s="710"/>
      <c r="D28" s="710"/>
      <c r="E28" s="711"/>
      <c r="F28" s="456"/>
      <c r="G28" s="455">
        <v>1</v>
      </c>
      <c r="H28" s="454"/>
      <c r="I28" s="453"/>
      <c r="J28" s="712" t="s">
        <v>651</v>
      </c>
      <c r="K28" s="712"/>
      <c r="L28" s="712"/>
      <c r="M28" s="713"/>
    </row>
    <row r="29" spans="1:13" ht="15.75" customHeight="1">
      <c r="A29" s="714" t="s">
        <v>653</v>
      </c>
      <c r="B29" s="715"/>
      <c r="C29" s="715"/>
      <c r="D29" s="715"/>
      <c r="E29" s="716"/>
      <c r="F29" s="467"/>
      <c r="G29" s="466"/>
      <c r="H29" s="465"/>
      <c r="I29" s="464" t="s">
        <v>651</v>
      </c>
      <c r="J29" s="717" t="s">
        <v>651</v>
      </c>
      <c r="K29" s="717"/>
      <c r="L29" s="717"/>
      <c r="M29" s="718"/>
    </row>
    <row r="30" spans="1:13" ht="15.75" customHeight="1">
      <c r="A30" s="719" t="s">
        <v>651</v>
      </c>
      <c r="B30" s="720"/>
      <c r="C30" s="720"/>
      <c r="D30" s="720"/>
      <c r="E30" s="721"/>
      <c r="F30" s="460" t="s">
        <v>651</v>
      </c>
      <c r="G30" s="463"/>
      <c r="H30" s="462"/>
      <c r="I30" s="461"/>
      <c r="J30" s="722" t="s">
        <v>651</v>
      </c>
      <c r="K30" s="723"/>
      <c r="L30" s="723"/>
      <c r="M30" s="724"/>
    </row>
    <row r="31" spans="1:13" ht="15.75" customHeight="1">
      <c r="A31" s="719" t="s">
        <v>652</v>
      </c>
      <c r="B31" s="720"/>
      <c r="C31" s="720"/>
      <c r="D31" s="720"/>
      <c r="E31" s="721"/>
      <c r="F31" s="460"/>
      <c r="G31" s="459"/>
      <c r="H31" s="458"/>
      <c r="I31" s="457" t="s">
        <v>651</v>
      </c>
      <c r="J31" s="722" t="s">
        <v>651</v>
      </c>
      <c r="K31" s="723"/>
      <c r="L31" s="723"/>
      <c r="M31" s="724"/>
    </row>
    <row r="32" spans="1:13" ht="15.75" customHeight="1">
      <c r="A32" s="709" t="s">
        <v>651</v>
      </c>
      <c r="B32" s="710"/>
      <c r="C32" s="710"/>
      <c r="D32" s="710"/>
      <c r="E32" s="711"/>
      <c r="F32" s="456"/>
      <c r="G32" s="455"/>
      <c r="H32" s="454"/>
      <c r="I32" s="453"/>
      <c r="J32" s="712" t="s">
        <v>651</v>
      </c>
      <c r="K32" s="712"/>
      <c r="L32" s="712"/>
      <c r="M32" s="713"/>
    </row>
  </sheetData>
  <mergeCells count="60">
    <mergeCell ref="A1:I1"/>
    <mergeCell ref="D2:J2"/>
    <mergeCell ref="A3:D3"/>
    <mergeCell ref="I3:M3"/>
    <mergeCell ref="A4:E4"/>
    <mergeCell ref="J4:M4"/>
    <mergeCell ref="A8:E8"/>
    <mergeCell ref="J8:M8"/>
    <mergeCell ref="A5:E5"/>
    <mergeCell ref="J5:M5"/>
    <mergeCell ref="A6:E6"/>
    <mergeCell ref="J6:M6"/>
    <mergeCell ref="A7:E7"/>
    <mergeCell ref="J7:M7"/>
    <mergeCell ref="A12:E12"/>
    <mergeCell ref="J12:M12"/>
    <mergeCell ref="A9:E9"/>
    <mergeCell ref="J9:M9"/>
    <mergeCell ref="A10:E10"/>
    <mergeCell ref="J10:M10"/>
    <mergeCell ref="A11:E11"/>
    <mergeCell ref="J11:M11"/>
    <mergeCell ref="A16:E16"/>
    <mergeCell ref="J16:M16"/>
    <mergeCell ref="A13:E13"/>
    <mergeCell ref="J13:M13"/>
    <mergeCell ref="A14:E14"/>
    <mergeCell ref="J14:M14"/>
    <mergeCell ref="A15:E15"/>
    <mergeCell ref="J15:M15"/>
    <mergeCell ref="A17:I17"/>
    <mergeCell ref="D18:J18"/>
    <mergeCell ref="A19:D19"/>
    <mergeCell ref="I19:M19"/>
    <mergeCell ref="A20:E20"/>
    <mergeCell ref="J20:M20"/>
    <mergeCell ref="A24:E24"/>
    <mergeCell ref="J24:M24"/>
    <mergeCell ref="A21:E21"/>
    <mergeCell ref="J21:M21"/>
    <mergeCell ref="A22:E22"/>
    <mergeCell ref="J22:M22"/>
    <mergeCell ref="A23:E23"/>
    <mergeCell ref="J23:M23"/>
    <mergeCell ref="A28:E28"/>
    <mergeCell ref="J28:M28"/>
    <mergeCell ref="A25:E25"/>
    <mergeCell ref="J25:M25"/>
    <mergeCell ref="A26:E26"/>
    <mergeCell ref="J26:M26"/>
    <mergeCell ref="A27:E27"/>
    <mergeCell ref="J27:M27"/>
    <mergeCell ref="A32:E32"/>
    <mergeCell ref="J32:M32"/>
    <mergeCell ref="A29:E29"/>
    <mergeCell ref="J29:M29"/>
    <mergeCell ref="A30:E30"/>
    <mergeCell ref="J30:M30"/>
    <mergeCell ref="A31:E31"/>
    <mergeCell ref="J31:M31"/>
  </mergeCells>
  <phoneticPr fontId="68"/>
  <printOptions horizontalCentered="1"/>
  <pageMargins left="0.59055118110236227" right="0.59055118110236227" top="0.70866141732283472" bottom="0.78740157480314965" header="0.31496062992125984" footer="0.59055118110236227"/>
  <pageSetup paperSize="9" scale="94" fitToHeight="0" orientation="landscape" r:id="rId1"/>
  <headerFooter>
    <oddFooter>&amp;L&amp;"ＭＳ 明朝,標準" 30-12-y070-3-010-00&amp;R&amp;"ＭＳ 明朝,標準"四　 日　 市　 市</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3376"/>
  <sheetViews>
    <sheetView zoomScaleNormal="100" zoomScaleSheetLayoutView="100" workbookViewId="0"/>
  </sheetViews>
  <sheetFormatPr defaultRowHeight="16.149999999999999" customHeight="1"/>
  <cols>
    <col min="1" max="1" width="19" style="291" customWidth="1" collapsed="1"/>
    <col min="2" max="2" width="24.625" style="291" customWidth="1" collapsed="1"/>
    <col min="3" max="3" width="8.625" style="291" customWidth="1" collapsed="1"/>
    <col min="4" max="6" width="19.25" style="291" customWidth="1" collapsed="1"/>
    <col min="7" max="7" width="10.625" style="291" customWidth="1" collapsed="1"/>
    <col min="8" max="8" width="3.625" style="291" customWidth="1" collapsed="1"/>
    <col min="9" max="9" width="5.625" style="291" bestFit="1" customWidth="1" collapsed="1"/>
    <col min="10" max="10" width="5.625" style="291" customWidth="1" collapsed="1"/>
    <col min="11" max="11" width="8.625" style="291" customWidth="1" collapsed="1"/>
    <col min="12" max="12" width="5.625" style="291" customWidth="1" collapsed="1"/>
    <col min="13" max="13" width="9" style="291" customWidth="1" collapsed="1"/>
    <col min="14" max="16384" width="9" style="291"/>
  </cols>
  <sheetData>
    <row r="1" spans="1:12" ht="16.149999999999999" customHeight="1">
      <c r="A1" s="507" t="s">
        <v>651</v>
      </c>
      <c r="B1" s="479" t="s">
        <v>1001</v>
      </c>
      <c r="C1" s="480"/>
      <c r="D1" s="479"/>
      <c r="E1" s="479"/>
      <c r="F1" s="479"/>
      <c r="G1" s="479"/>
      <c r="H1" s="479" t="s">
        <v>617</v>
      </c>
      <c r="I1" s="480" t="s">
        <v>679</v>
      </c>
      <c r="J1" s="479" t="s">
        <v>689</v>
      </c>
      <c r="K1" s="479" t="s">
        <v>688</v>
      </c>
      <c r="L1" s="506"/>
    </row>
    <row r="2" spans="1:12" ht="16.149999999999999" customHeight="1">
      <c r="A2" s="505" t="s">
        <v>651</v>
      </c>
      <c r="B2" s="549" t="s">
        <v>1614</v>
      </c>
      <c r="C2" s="550"/>
      <c r="D2" s="549"/>
      <c r="E2" s="549"/>
      <c r="F2" s="549"/>
      <c r="G2" s="478"/>
      <c r="H2" s="549"/>
      <c r="I2" s="504"/>
      <c r="J2" s="503" t="s">
        <v>708</v>
      </c>
      <c r="K2" s="502" t="s">
        <v>193</v>
      </c>
      <c r="L2" s="501" t="s">
        <v>618</v>
      </c>
    </row>
    <row r="3" spans="1:12" ht="16.149999999999999" customHeight="1">
      <c r="A3" s="477" t="s">
        <v>651</v>
      </c>
      <c r="B3" s="549"/>
      <c r="C3" s="550"/>
      <c r="D3" s="549"/>
      <c r="E3" s="549"/>
      <c r="F3" s="549"/>
      <c r="G3" s="478"/>
      <c r="H3" s="478"/>
      <c r="I3" s="478"/>
      <c r="J3" s="478"/>
      <c r="K3" s="478"/>
      <c r="L3" s="501"/>
    </row>
    <row r="4" spans="1:12" ht="16.149999999999999" customHeight="1">
      <c r="A4" s="498" t="s">
        <v>686</v>
      </c>
      <c r="B4" s="500"/>
      <c r="C4" s="499" t="s">
        <v>309</v>
      </c>
      <c r="D4" s="499" t="s">
        <v>685</v>
      </c>
      <c r="E4" s="499" t="s">
        <v>684</v>
      </c>
      <c r="F4" s="499" t="s">
        <v>683</v>
      </c>
      <c r="G4" s="498" t="s">
        <v>682</v>
      </c>
      <c r="H4" s="497"/>
      <c r="I4" s="497"/>
      <c r="J4" s="497"/>
      <c r="K4" s="497"/>
      <c r="L4" s="496"/>
    </row>
    <row r="5" spans="1:12" ht="16.149999999999999" customHeight="1">
      <c r="A5" s="733" t="s">
        <v>1001</v>
      </c>
      <c r="B5" s="734"/>
      <c r="C5" s="495"/>
      <c r="D5" s="494"/>
      <c r="E5" s="493"/>
      <c r="F5" s="492"/>
      <c r="G5" s="486" t="s">
        <v>1000</v>
      </c>
      <c r="H5" s="549"/>
      <c r="I5" s="549"/>
      <c r="J5" s="549"/>
      <c r="K5" s="549"/>
      <c r="L5" s="551"/>
    </row>
    <row r="6" spans="1:12" ht="16.149999999999999" customHeight="1">
      <c r="A6" s="735"/>
      <c r="B6" s="736"/>
      <c r="C6" s="490"/>
      <c r="D6" s="489"/>
      <c r="E6" s="491"/>
      <c r="F6" s="487" t="s">
        <v>651</v>
      </c>
      <c r="G6" s="486" t="s">
        <v>651</v>
      </c>
      <c r="H6" s="549"/>
      <c r="I6" s="549"/>
      <c r="J6" s="549"/>
      <c r="K6" s="549"/>
      <c r="L6" s="551"/>
    </row>
    <row r="7" spans="1:12" ht="16.149999999999999" customHeight="1">
      <c r="A7" s="735" t="s">
        <v>1694</v>
      </c>
      <c r="B7" s="736"/>
      <c r="C7" s="490" t="s">
        <v>193</v>
      </c>
      <c r="D7" s="489">
        <v>10</v>
      </c>
      <c r="E7" s="488"/>
      <c r="F7" s="487"/>
      <c r="G7" s="486" t="s">
        <v>651</v>
      </c>
      <c r="H7" s="549"/>
      <c r="I7" s="549"/>
      <c r="J7" s="549"/>
      <c r="K7" s="549"/>
      <c r="L7" s="551"/>
    </row>
    <row r="8" spans="1:12" ht="16.149999999999999" customHeight="1">
      <c r="A8" s="737"/>
      <c r="B8" s="738"/>
      <c r="C8" s="485"/>
      <c r="D8" s="484"/>
      <c r="E8" s="483"/>
      <c r="F8" s="482"/>
      <c r="G8" s="481" t="s">
        <v>651</v>
      </c>
      <c r="H8" s="476"/>
      <c r="I8" s="476"/>
      <c r="J8" s="476"/>
      <c r="K8" s="476"/>
      <c r="L8" s="475"/>
    </row>
    <row r="9" spans="1:12" ht="16.149999999999999" customHeight="1">
      <c r="A9" s="733" t="s">
        <v>651</v>
      </c>
      <c r="B9" s="734"/>
      <c r="C9" s="495"/>
      <c r="D9" s="494"/>
      <c r="E9" s="493"/>
      <c r="F9" s="492"/>
      <c r="G9" s="486" t="s">
        <v>651</v>
      </c>
      <c r="H9" s="549"/>
      <c r="I9" s="549"/>
      <c r="J9" s="549"/>
      <c r="K9" s="549"/>
      <c r="L9" s="551"/>
    </row>
    <row r="10" spans="1:12" ht="16.149999999999999" customHeight="1">
      <c r="A10" s="735"/>
      <c r="B10" s="736"/>
      <c r="C10" s="490"/>
      <c r="D10" s="489"/>
      <c r="E10" s="491"/>
      <c r="F10" s="487" t="s">
        <v>651</v>
      </c>
      <c r="G10" s="486" t="s">
        <v>651</v>
      </c>
      <c r="H10" s="549"/>
      <c r="I10" s="549"/>
      <c r="J10" s="549"/>
      <c r="K10" s="549"/>
      <c r="L10" s="551"/>
    </row>
    <row r="11" spans="1:12" ht="16.149999999999999" customHeight="1">
      <c r="A11" s="735" t="s">
        <v>691</v>
      </c>
      <c r="B11" s="736"/>
      <c r="C11" s="490" t="s">
        <v>193</v>
      </c>
      <c r="D11" s="489">
        <v>10</v>
      </c>
      <c r="E11" s="488"/>
      <c r="F11" s="487"/>
      <c r="G11" s="486" t="s">
        <v>651</v>
      </c>
      <c r="H11" s="549"/>
      <c r="I11" s="549"/>
      <c r="J11" s="549"/>
      <c r="K11" s="549"/>
      <c r="L11" s="551"/>
    </row>
    <row r="12" spans="1:12" ht="16.149999999999999" customHeight="1">
      <c r="A12" s="737"/>
      <c r="B12" s="738"/>
      <c r="C12" s="485"/>
      <c r="D12" s="484"/>
      <c r="E12" s="483"/>
      <c r="F12" s="482"/>
      <c r="G12" s="481" t="s">
        <v>651</v>
      </c>
      <c r="H12" s="476"/>
      <c r="I12" s="476"/>
      <c r="J12" s="476"/>
      <c r="K12" s="476"/>
      <c r="L12" s="475"/>
    </row>
    <row r="13" spans="1:12" ht="16.149999999999999" customHeight="1">
      <c r="A13" s="733" t="s">
        <v>651</v>
      </c>
      <c r="B13" s="734"/>
      <c r="C13" s="495"/>
      <c r="D13" s="494"/>
      <c r="E13" s="493"/>
      <c r="F13" s="492"/>
      <c r="G13" s="486" t="s">
        <v>651</v>
      </c>
      <c r="H13" s="549"/>
      <c r="I13" s="549"/>
      <c r="J13" s="549"/>
      <c r="K13" s="549"/>
      <c r="L13" s="551"/>
    </row>
    <row r="14" spans="1:12" ht="16.149999999999999" customHeight="1">
      <c r="A14" s="735"/>
      <c r="B14" s="736"/>
      <c r="C14" s="490"/>
      <c r="D14" s="489"/>
      <c r="E14" s="491"/>
      <c r="F14" s="487" t="s">
        <v>651</v>
      </c>
      <c r="G14" s="486" t="s">
        <v>651</v>
      </c>
      <c r="H14" s="549"/>
      <c r="I14" s="549"/>
      <c r="J14" s="549"/>
      <c r="K14" s="549"/>
      <c r="L14" s="551"/>
    </row>
    <row r="15" spans="1:12" ht="16.149999999999999" customHeight="1">
      <c r="A15" s="735" t="s">
        <v>681</v>
      </c>
      <c r="B15" s="736"/>
      <c r="C15" s="490" t="s">
        <v>193</v>
      </c>
      <c r="D15" s="489">
        <v>1</v>
      </c>
      <c r="E15" s="488" t="s">
        <v>618</v>
      </c>
      <c r="F15" s="487"/>
      <c r="G15" s="486" t="s">
        <v>651</v>
      </c>
      <c r="H15" s="549"/>
      <c r="I15" s="549"/>
      <c r="J15" s="549"/>
      <c r="K15" s="549"/>
      <c r="L15" s="551"/>
    </row>
    <row r="16" spans="1:12" ht="16.149999999999999" customHeight="1">
      <c r="A16" s="737"/>
      <c r="B16" s="738"/>
      <c r="C16" s="485"/>
      <c r="D16" s="484"/>
      <c r="E16" s="483"/>
      <c r="F16" s="482"/>
      <c r="G16" s="481" t="s">
        <v>651</v>
      </c>
      <c r="H16" s="476"/>
      <c r="I16" s="476"/>
      <c r="J16" s="476"/>
      <c r="K16" s="476"/>
      <c r="L16" s="475"/>
    </row>
    <row r="18" spans="1:12" ht="16.149999999999999" customHeight="1">
      <c r="A18" s="507" t="s">
        <v>651</v>
      </c>
      <c r="B18" s="479" t="s">
        <v>705</v>
      </c>
      <c r="C18" s="480"/>
      <c r="D18" s="479"/>
      <c r="E18" s="479"/>
      <c r="F18" s="479"/>
      <c r="G18" s="479"/>
      <c r="H18" s="479" t="s">
        <v>617</v>
      </c>
      <c r="I18" s="480" t="s">
        <v>999</v>
      </c>
      <c r="J18" s="479" t="s">
        <v>689</v>
      </c>
      <c r="K18" s="479" t="s">
        <v>688</v>
      </c>
      <c r="L18" s="506"/>
    </row>
    <row r="19" spans="1:12" ht="16.149999999999999" customHeight="1">
      <c r="A19" s="505" t="s">
        <v>651</v>
      </c>
      <c r="B19" s="549" t="s">
        <v>710</v>
      </c>
      <c r="C19" s="550"/>
      <c r="D19" s="549"/>
      <c r="E19" s="549"/>
      <c r="F19" s="549"/>
      <c r="G19" s="478"/>
      <c r="H19" s="549"/>
      <c r="I19" s="504"/>
      <c r="J19" s="503" t="s">
        <v>687</v>
      </c>
      <c r="K19" s="502" t="s">
        <v>697</v>
      </c>
      <c r="L19" s="501" t="s">
        <v>618</v>
      </c>
    </row>
    <row r="20" spans="1:12" ht="16.149999999999999" customHeight="1">
      <c r="A20" s="477" t="s">
        <v>651</v>
      </c>
      <c r="B20" s="549"/>
      <c r="C20" s="550"/>
      <c r="D20" s="549"/>
      <c r="E20" s="549"/>
      <c r="F20" s="549"/>
      <c r="G20" s="478"/>
      <c r="H20" s="478"/>
      <c r="I20" s="478"/>
      <c r="J20" s="478"/>
      <c r="K20" s="478"/>
      <c r="L20" s="501"/>
    </row>
    <row r="21" spans="1:12" ht="16.149999999999999" customHeight="1">
      <c r="A21" s="498" t="s">
        <v>686</v>
      </c>
      <c r="B21" s="500"/>
      <c r="C21" s="499" t="s">
        <v>309</v>
      </c>
      <c r="D21" s="499" t="s">
        <v>685</v>
      </c>
      <c r="E21" s="499" t="s">
        <v>684</v>
      </c>
      <c r="F21" s="499" t="s">
        <v>683</v>
      </c>
      <c r="G21" s="498" t="s">
        <v>682</v>
      </c>
      <c r="H21" s="497"/>
      <c r="I21" s="497"/>
      <c r="J21" s="497"/>
      <c r="K21" s="497"/>
      <c r="L21" s="496"/>
    </row>
    <row r="22" spans="1:12" ht="16.149999999999999" customHeight="1">
      <c r="A22" s="733" t="s">
        <v>701</v>
      </c>
      <c r="B22" s="734"/>
      <c r="C22" s="495"/>
      <c r="D22" s="494"/>
      <c r="E22" s="493"/>
      <c r="F22" s="492"/>
      <c r="G22" s="486" t="s">
        <v>651</v>
      </c>
      <c r="H22" s="549"/>
      <c r="I22" s="549"/>
      <c r="J22" s="549"/>
      <c r="K22" s="549"/>
      <c r="L22" s="551"/>
    </row>
    <row r="23" spans="1:12" ht="16.149999999999999" customHeight="1">
      <c r="A23" s="735"/>
      <c r="B23" s="736"/>
      <c r="C23" s="490"/>
      <c r="D23" s="489"/>
      <c r="E23" s="491"/>
      <c r="F23" s="487" t="s">
        <v>651</v>
      </c>
      <c r="G23" s="486" t="s">
        <v>651</v>
      </c>
      <c r="H23" s="549"/>
      <c r="I23" s="549"/>
      <c r="J23" s="549"/>
      <c r="K23" s="549"/>
      <c r="L23" s="551"/>
    </row>
    <row r="24" spans="1:12" ht="16.149999999999999" customHeight="1">
      <c r="A24" s="735" t="s">
        <v>651</v>
      </c>
      <c r="B24" s="736"/>
      <c r="C24" s="490" t="s">
        <v>248</v>
      </c>
      <c r="D24" s="489"/>
      <c r="E24" s="488"/>
      <c r="F24" s="487"/>
      <c r="G24" s="486" t="s">
        <v>651</v>
      </c>
      <c r="H24" s="549"/>
      <c r="I24" s="549"/>
      <c r="J24" s="549"/>
      <c r="K24" s="549"/>
      <c r="L24" s="551"/>
    </row>
    <row r="25" spans="1:12" ht="16.149999999999999" customHeight="1">
      <c r="A25" s="737"/>
      <c r="B25" s="738"/>
      <c r="C25" s="485"/>
      <c r="D25" s="484"/>
      <c r="E25" s="483"/>
      <c r="F25" s="482"/>
      <c r="G25" s="481" t="s">
        <v>651</v>
      </c>
      <c r="H25" s="476"/>
      <c r="I25" s="476"/>
      <c r="J25" s="476"/>
      <c r="K25" s="476"/>
      <c r="L25" s="475"/>
    </row>
    <row r="26" spans="1:12" ht="16.149999999999999" customHeight="1">
      <c r="A26" s="733" t="s">
        <v>250</v>
      </c>
      <c r="B26" s="734"/>
      <c r="C26" s="495"/>
      <c r="D26" s="494"/>
      <c r="E26" s="493"/>
      <c r="F26" s="492"/>
      <c r="G26" s="486" t="s">
        <v>651</v>
      </c>
      <c r="H26" s="549"/>
      <c r="I26" s="549"/>
      <c r="J26" s="549"/>
      <c r="K26" s="549"/>
      <c r="L26" s="551"/>
    </row>
    <row r="27" spans="1:12" ht="16.149999999999999" customHeight="1">
      <c r="A27" s="735"/>
      <c r="B27" s="736"/>
      <c r="C27" s="490"/>
      <c r="D27" s="489"/>
      <c r="E27" s="491"/>
      <c r="F27" s="487" t="s">
        <v>651</v>
      </c>
      <c r="G27" s="486" t="s">
        <v>651</v>
      </c>
      <c r="H27" s="549"/>
      <c r="I27" s="549"/>
      <c r="J27" s="549"/>
      <c r="K27" s="549"/>
      <c r="L27" s="551"/>
    </row>
    <row r="28" spans="1:12" ht="16.149999999999999" customHeight="1">
      <c r="A28" s="735" t="s">
        <v>651</v>
      </c>
      <c r="B28" s="736"/>
      <c r="C28" s="490" t="s">
        <v>248</v>
      </c>
      <c r="D28" s="489"/>
      <c r="E28" s="488"/>
      <c r="F28" s="487"/>
      <c r="G28" s="486" t="s">
        <v>651</v>
      </c>
      <c r="H28" s="549"/>
      <c r="I28" s="549"/>
      <c r="J28" s="549"/>
      <c r="K28" s="549"/>
      <c r="L28" s="551"/>
    </row>
    <row r="29" spans="1:12" ht="16.149999999999999" customHeight="1">
      <c r="A29" s="737"/>
      <c r="B29" s="738"/>
      <c r="C29" s="485"/>
      <c r="D29" s="484"/>
      <c r="E29" s="483"/>
      <c r="F29" s="482"/>
      <c r="G29" s="481" t="s">
        <v>651</v>
      </c>
      <c r="H29" s="476"/>
      <c r="I29" s="476"/>
      <c r="J29" s="476"/>
      <c r="K29" s="476"/>
      <c r="L29" s="475"/>
    </row>
    <row r="30" spans="1:12" ht="16.149999999999999" customHeight="1">
      <c r="A30" s="733" t="s">
        <v>700</v>
      </c>
      <c r="B30" s="734"/>
      <c r="C30" s="495"/>
      <c r="D30" s="494"/>
      <c r="E30" s="493"/>
      <c r="F30" s="492"/>
      <c r="G30" s="486" t="s">
        <v>651</v>
      </c>
      <c r="H30" s="549"/>
      <c r="I30" s="549"/>
      <c r="J30" s="549"/>
      <c r="K30" s="549"/>
      <c r="L30" s="551"/>
    </row>
    <row r="31" spans="1:12" ht="16.149999999999999" customHeight="1">
      <c r="A31" s="735"/>
      <c r="B31" s="736"/>
      <c r="C31" s="490"/>
      <c r="D31" s="489"/>
      <c r="E31" s="491"/>
      <c r="F31" s="487" t="s">
        <v>651</v>
      </c>
      <c r="G31" s="486" t="s">
        <v>651</v>
      </c>
      <c r="H31" s="549"/>
      <c r="I31" s="549"/>
      <c r="J31" s="549"/>
      <c r="K31" s="549"/>
      <c r="L31" s="551"/>
    </row>
    <row r="32" spans="1:12" ht="16.149999999999999" customHeight="1">
      <c r="A32" s="735" t="s">
        <v>651</v>
      </c>
      <c r="B32" s="736"/>
      <c r="C32" s="490" t="s">
        <v>242</v>
      </c>
      <c r="D32" s="489">
        <v>1</v>
      </c>
      <c r="E32" s="488"/>
      <c r="F32" s="487"/>
      <c r="G32" s="486" t="s">
        <v>651</v>
      </c>
      <c r="H32" s="549"/>
      <c r="I32" s="549"/>
      <c r="J32" s="549"/>
      <c r="K32" s="549"/>
      <c r="L32" s="551"/>
    </row>
    <row r="33" spans="1:12" ht="16.149999999999999" customHeight="1">
      <c r="A33" s="737"/>
      <c r="B33" s="738"/>
      <c r="C33" s="485"/>
      <c r="D33" s="484"/>
      <c r="E33" s="483"/>
      <c r="F33" s="482"/>
      <c r="G33" s="481" t="s">
        <v>651</v>
      </c>
      <c r="H33" s="476"/>
      <c r="I33" s="476"/>
      <c r="J33" s="476"/>
      <c r="K33" s="476"/>
      <c r="L33" s="475"/>
    </row>
    <row r="36" spans="1:12" ht="16.149999999999999" customHeight="1">
      <c r="A36" s="507" t="s">
        <v>651</v>
      </c>
      <c r="B36" s="479" t="s">
        <v>705</v>
      </c>
      <c r="C36" s="480"/>
      <c r="D36" s="479"/>
      <c r="E36" s="479"/>
      <c r="F36" s="479"/>
      <c r="G36" s="479"/>
      <c r="H36" s="479" t="s">
        <v>617</v>
      </c>
      <c r="I36" s="480" t="s">
        <v>999</v>
      </c>
      <c r="J36" s="479" t="s">
        <v>689</v>
      </c>
      <c r="K36" s="479" t="s">
        <v>688</v>
      </c>
      <c r="L36" s="506"/>
    </row>
    <row r="37" spans="1:12" ht="16.149999999999999" customHeight="1">
      <c r="A37" s="505" t="s">
        <v>651</v>
      </c>
      <c r="B37" s="549" t="s">
        <v>710</v>
      </c>
      <c r="C37" s="550"/>
      <c r="D37" s="549"/>
      <c r="E37" s="549"/>
      <c r="F37" s="549"/>
      <c r="G37" s="478"/>
      <c r="H37" s="549"/>
      <c r="I37" s="504"/>
      <c r="J37" s="503" t="s">
        <v>687</v>
      </c>
      <c r="K37" s="502" t="s">
        <v>697</v>
      </c>
      <c r="L37" s="501" t="s">
        <v>618</v>
      </c>
    </row>
    <row r="38" spans="1:12" ht="16.149999999999999" customHeight="1">
      <c r="A38" s="477" t="s">
        <v>651</v>
      </c>
      <c r="B38" s="549"/>
      <c r="C38" s="550"/>
      <c r="D38" s="549"/>
      <c r="E38" s="549"/>
      <c r="F38" s="549"/>
      <c r="G38" s="478"/>
      <c r="H38" s="478"/>
      <c r="I38" s="478"/>
      <c r="J38" s="478"/>
      <c r="K38" s="478"/>
      <c r="L38" s="501"/>
    </row>
    <row r="39" spans="1:12" ht="16.149999999999999" customHeight="1">
      <c r="A39" s="498" t="s">
        <v>686</v>
      </c>
      <c r="B39" s="500"/>
      <c r="C39" s="499" t="s">
        <v>309</v>
      </c>
      <c r="D39" s="499" t="s">
        <v>685</v>
      </c>
      <c r="E39" s="499" t="s">
        <v>684</v>
      </c>
      <c r="F39" s="499" t="s">
        <v>683</v>
      </c>
      <c r="G39" s="498" t="s">
        <v>682</v>
      </c>
      <c r="H39" s="497"/>
      <c r="I39" s="497"/>
      <c r="J39" s="497"/>
      <c r="K39" s="497"/>
      <c r="L39" s="496"/>
    </row>
    <row r="40" spans="1:12" ht="16.149999999999999" customHeight="1">
      <c r="A40" s="733" t="s">
        <v>651</v>
      </c>
      <c r="B40" s="734"/>
      <c r="C40" s="495"/>
      <c r="D40" s="494"/>
      <c r="E40" s="493"/>
      <c r="F40" s="492"/>
      <c r="G40" s="486" t="s">
        <v>651</v>
      </c>
      <c r="H40" s="549"/>
      <c r="I40" s="549"/>
      <c r="J40" s="549"/>
      <c r="K40" s="549"/>
      <c r="L40" s="551"/>
    </row>
    <row r="41" spans="1:12" ht="16.149999999999999" customHeight="1">
      <c r="A41" s="735"/>
      <c r="B41" s="736"/>
      <c r="C41" s="490"/>
      <c r="D41" s="489"/>
      <c r="E41" s="491"/>
      <c r="F41" s="487" t="s">
        <v>651</v>
      </c>
      <c r="G41" s="486" t="s">
        <v>651</v>
      </c>
      <c r="H41" s="549"/>
      <c r="I41" s="549"/>
      <c r="J41" s="549"/>
      <c r="K41" s="549"/>
      <c r="L41" s="551"/>
    </row>
    <row r="42" spans="1:12" ht="16.149999999999999" customHeight="1">
      <c r="A42" s="735" t="s">
        <v>691</v>
      </c>
      <c r="B42" s="736"/>
      <c r="C42" s="490" t="s">
        <v>697</v>
      </c>
      <c r="D42" s="489">
        <v>1</v>
      </c>
      <c r="E42" s="488"/>
      <c r="F42" s="487"/>
      <c r="G42" s="486" t="s">
        <v>651</v>
      </c>
      <c r="H42" s="549"/>
      <c r="I42" s="549"/>
      <c r="J42" s="549"/>
      <c r="K42" s="549"/>
      <c r="L42" s="551"/>
    </row>
    <row r="43" spans="1:12" ht="16.149999999999999" customHeight="1">
      <c r="A43" s="737"/>
      <c r="B43" s="738"/>
      <c r="C43" s="485"/>
      <c r="D43" s="484"/>
      <c r="E43" s="483"/>
      <c r="F43" s="482"/>
      <c r="G43" s="481" t="s">
        <v>651</v>
      </c>
      <c r="H43" s="476"/>
      <c r="I43" s="476"/>
      <c r="J43" s="476"/>
      <c r="K43" s="476"/>
      <c r="L43" s="475"/>
    </row>
    <row r="44" spans="1:12" ht="16.149999999999999" customHeight="1">
      <c r="A44" s="733" t="s">
        <v>651</v>
      </c>
      <c r="B44" s="734"/>
      <c r="C44" s="495"/>
      <c r="D44" s="494"/>
      <c r="E44" s="493"/>
      <c r="F44" s="492"/>
      <c r="G44" s="486" t="s">
        <v>651</v>
      </c>
      <c r="H44" s="549"/>
      <c r="I44" s="549"/>
      <c r="J44" s="549"/>
      <c r="K44" s="549"/>
      <c r="L44" s="551"/>
    </row>
    <row r="45" spans="1:12" ht="16.149999999999999" customHeight="1">
      <c r="A45" s="735"/>
      <c r="B45" s="736"/>
      <c r="C45" s="490"/>
      <c r="D45" s="489"/>
      <c r="E45" s="491"/>
      <c r="F45" s="487" t="s">
        <v>651</v>
      </c>
      <c r="G45" s="486" t="s">
        <v>651</v>
      </c>
      <c r="H45" s="549"/>
      <c r="I45" s="549"/>
      <c r="J45" s="549"/>
      <c r="K45" s="549"/>
      <c r="L45" s="551"/>
    </row>
    <row r="46" spans="1:12" ht="16.149999999999999" customHeight="1">
      <c r="A46" s="735" t="s">
        <v>681</v>
      </c>
      <c r="B46" s="736"/>
      <c r="C46" s="490" t="s">
        <v>697</v>
      </c>
      <c r="D46" s="489">
        <v>1</v>
      </c>
      <c r="E46" s="488" t="s">
        <v>618</v>
      </c>
      <c r="F46" s="487"/>
      <c r="G46" s="486" t="s">
        <v>651</v>
      </c>
      <c r="H46" s="549"/>
      <c r="I46" s="549"/>
      <c r="J46" s="549"/>
      <c r="K46" s="549"/>
      <c r="L46" s="551"/>
    </row>
    <row r="47" spans="1:12" ht="16.149999999999999" customHeight="1">
      <c r="A47" s="737"/>
      <c r="B47" s="738"/>
      <c r="C47" s="485"/>
      <c r="D47" s="484"/>
      <c r="E47" s="483"/>
      <c r="F47" s="482"/>
      <c r="G47" s="481" t="s">
        <v>651</v>
      </c>
      <c r="H47" s="476"/>
      <c r="I47" s="476"/>
      <c r="J47" s="476"/>
      <c r="K47" s="476"/>
      <c r="L47" s="475"/>
    </row>
    <row r="49" spans="1:12" ht="16.149999999999999" customHeight="1">
      <c r="A49" s="507" t="s">
        <v>651</v>
      </c>
      <c r="B49" s="479" t="s">
        <v>707</v>
      </c>
      <c r="C49" s="480"/>
      <c r="D49" s="479"/>
      <c r="E49" s="479"/>
      <c r="F49" s="479"/>
      <c r="G49" s="479"/>
      <c r="H49" s="479" t="s">
        <v>617</v>
      </c>
      <c r="I49" s="480" t="s">
        <v>998</v>
      </c>
      <c r="J49" s="479" t="s">
        <v>689</v>
      </c>
      <c r="K49" s="479" t="s">
        <v>688</v>
      </c>
      <c r="L49" s="506"/>
    </row>
    <row r="50" spans="1:12" ht="16.149999999999999" customHeight="1">
      <c r="A50" s="505" t="s">
        <v>651</v>
      </c>
      <c r="B50" s="549" t="s">
        <v>710</v>
      </c>
      <c r="C50" s="550"/>
      <c r="D50" s="549"/>
      <c r="E50" s="549"/>
      <c r="F50" s="549"/>
      <c r="G50" s="478"/>
      <c r="H50" s="549"/>
      <c r="I50" s="504"/>
      <c r="J50" s="503" t="s">
        <v>708</v>
      </c>
      <c r="K50" s="502" t="s">
        <v>240</v>
      </c>
      <c r="L50" s="501" t="s">
        <v>618</v>
      </c>
    </row>
    <row r="51" spans="1:12" ht="16.149999999999999" customHeight="1">
      <c r="A51" s="477" t="s">
        <v>651</v>
      </c>
      <c r="B51" s="549"/>
      <c r="C51" s="550"/>
      <c r="D51" s="549"/>
      <c r="E51" s="549"/>
      <c r="F51" s="549"/>
      <c r="G51" s="478"/>
      <c r="H51" s="478"/>
      <c r="I51" s="478"/>
      <c r="J51" s="478"/>
      <c r="K51" s="478"/>
      <c r="L51" s="501"/>
    </row>
    <row r="52" spans="1:12" ht="16.149999999999999" customHeight="1">
      <c r="A52" s="498" t="s">
        <v>686</v>
      </c>
      <c r="B52" s="500"/>
      <c r="C52" s="499" t="s">
        <v>309</v>
      </c>
      <c r="D52" s="499" t="s">
        <v>685</v>
      </c>
      <c r="E52" s="499" t="s">
        <v>684</v>
      </c>
      <c r="F52" s="499" t="s">
        <v>683</v>
      </c>
      <c r="G52" s="498" t="s">
        <v>682</v>
      </c>
      <c r="H52" s="497"/>
      <c r="I52" s="497"/>
      <c r="J52" s="497"/>
      <c r="K52" s="497"/>
      <c r="L52" s="496"/>
    </row>
    <row r="53" spans="1:12" ht="16.149999999999999" customHeight="1">
      <c r="A53" s="733" t="s">
        <v>701</v>
      </c>
      <c r="B53" s="734"/>
      <c r="C53" s="495"/>
      <c r="D53" s="494"/>
      <c r="E53" s="493"/>
      <c r="F53" s="492"/>
      <c r="G53" s="486" t="s">
        <v>651</v>
      </c>
      <c r="H53" s="549"/>
      <c r="I53" s="549"/>
      <c r="J53" s="549"/>
      <c r="K53" s="549"/>
      <c r="L53" s="551"/>
    </row>
    <row r="54" spans="1:12" ht="16.149999999999999" customHeight="1">
      <c r="A54" s="735"/>
      <c r="B54" s="736"/>
      <c r="C54" s="490"/>
      <c r="D54" s="489"/>
      <c r="E54" s="491"/>
      <c r="F54" s="487" t="s">
        <v>651</v>
      </c>
      <c r="G54" s="486" t="s">
        <v>651</v>
      </c>
      <c r="H54" s="549"/>
      <c r="I54" s="549"/>
      <c r="J54" s="549"/>
      <c r="K54" s="549"/>
      <c r="L54" s="551"/>
    </row>
    <row r="55" spans="1:12" ht="16.149999999999999" customHeight="1">
      <c r="A55" s="735" t="s">
        <v>651</v>
      </c>
      <c r="B55" s="736"/>
      <c r="C55" s="490" t="s">
        <v>248</v>
      </c>
      <c r="D55" s="489"/>
      <c r="E55" s="488"/>
      <c r="F55" s="487"/>
      <c r="G55" s="486" t="s">
        <v>651</v>
      </c>
      <c r="H55" s="549"/>
      <c r="I55" s="549"/>
      <c r="J55" s="549"/>
      <c r="K55" s="549"/>
      <c r="L55" s="551"/>
    </row>
    <row r="56" spans="1:12" ht="16.149999999999999" customHeight="1">
      <c r="A56" s="737"/>
      <c r="B56" s="738"/>
      <c r="C56" s="485"/>
      <c r="D56" s="484"/>
      <c r="E56" s="483"/>
      <c r="F56" s="482"/>
      <c r="G56" s="481" t="s">
        <v>651</v>
      </c>
      <c r="H56" s="476"/>
      <c r="I56" s="476"/>
      <c r="J56" s="476"/>
      <c r="K56" s="476"/>
      <c r="L56" s="475"/>
    </row>
    <row r="57" spans="1:12" ht="16.149999999999999" customHeight="1">
      <c r="A57" s="733" t="s">
        <v>250</v>
      </c>
      <c r="B57" s="734"/>
      <c r="C57" s="495"/>
      <c r="D57" s="494"/>
      <c r="E57" s="493"/>
      <c r="F57" s="492"/>
      <c r="G57" s="486" t="s">
        <v>651</v>
      </c>
      <c r="H57" s="549"/>
      <c r="I57" s="549"/>
      <c r="J57" s="549"/>
      <c r="K57" s="549"/>
      <c r="L57" s="551"/>
    </row>
    <row r="58" spans="1:12" ht="16.149999999999999" customHeight="1">
      <c r="A58" s="735"/>
      <c r="B58" s="736"/>
      <c r="C58" s="490"/>
      <c r="D58" s="489"/>
      <c r="E58" s="491"/>
      <c r="F58" s="487" t="s">
        <v>651</v>
      </c>
      <c r="G58" s="486" t="s">
        <v>651</v>
      </c>
      <c r="H58" s="549"/>
      <c r="I58" s="549"/>
      <c r="J58" s="549"/>
      <c r="K58" s="549"/>
      <c r="L58" s="551"/>
    </row>
    <row r="59" spans="1:12" ht="16.149999999999999" customHeight="1">
      <c r="A59" s="735" t="s">
        <v>651</v>
      </c>
      <c r="B59" s="736"/>
      <c r="C59" s="490" t="s">
        <v>248</v>
      </c>
      <c r="D59" s="489"/>
      <c r="E59" s="488"/>
      <c r="F59" s="487"/>
      <c r="G59" s="486" t="s">
        <v>651</v>
      </c>
      <c r="H59" s="549"/>
      <c r="I59" s="549"/>
      <c r="J59" s="549"/>
      <c r="K59" s="549"/>
      <c r="L59" s="551"/>
    </row>
    <row r="60" spans="1:12" ht="16.149999999999999" customHeight="1">
      <c r="A60" s="737"/>
      <c r="B60" s="738"/>
      <c r="C60" s="485"/>
      <c r="D60" s="484"/>
      <c r="E60" s="483"/>
      <c r="F60" s="482"/>
      <c r="G60" s="481" t="s">
        <v>651</v>
      </c>
      <c r="H60" s="476"/>
      <c r="I60" s="476"/>
      <c r="J60" s="476"/>
      <c r="K60" s="476"/>
      <c r="L60" s="475"/>
    </row>
    <row r="61" spans="1:12" ht="16.149999999999999" customHeight="1">
      <c r="A61" s="733" t="s">
        <v>651</v>
      </c>
      <c r="B61" s="734"/>
      <c r="C61" s="495"/>
      <c r="D61" s="494"/>
      <c r="E61" s="493"/>
      <c r="F61" s="492"/>
      <c r="G61" s="486" t="s">
        <v>651</v>
      </c>
      <c r="H61" s="549"/>
      <c r="I61" s="549"/>
      <c r="J61" s="549"/>
      <c r="K61" s="549"/>
      <c r="L61" s="551"/>
    </row>
    <row r="62" spans="1:12" ht="16.149999999999999" customHeight="1">
      <c r="A62" s="735"/>
      <c r="B62" s="736"/>
      <c r="C62" s="490"/>
      <c r="D62" s="489"/>
      <c r="E62" s="491"/>
      <c r="F62" s="487" t="s">
        <v>651</v>
      </c>
      <c r="G62" s="486" t="s">
        <v>651</v>
      </c>
      <c r="H62" s="549"/>
      <c r="I62" s="549"/>
      <c r="J62" s="549"/>
      <c r="K62" s="549"/>
      <c r="L62" s="551"/>
    </row>
    <row r="63" spans="1:12" ht="16.149999999999999" customHeight="1">
      <c r="A63" s="735" t="s">
        <v>691</v>
      </c>
      <c r="B63" s="736"/>
      <c r="C63" s="490" t="s">
        <v>240</v>
      </c>
      <c r="D63" s="489">
        <v>10</v>
      </c>
      <c r="E63" s="488"/>
      <c r="F63" s="487"/>
      <c r="G63" s="486" t="s">
        <v>651</v>
      </c>
      <c r="H63" s="549"/>
      <c r="I63" s="549"/>
      <c r="J63" s="549"/>
      <c r="K63" s="549"/>
      <c r="L63" s="551"/>
    </row>
    <row r="64" spans="1:12" ht="16.149999999999999" customHeight="1">
      <c r="A64" s="737"/>
      <c r="B64" s="738"/>
      <c r="C64" s="485"/>
      <c r="D64" s="484"/>
      <c r="E64" s="483"/>
      <c r="F64" s="482"/>
      <c r="G64" s="481" t="s">
        <v>651</v>
      </c>
      <c r="H64" s="476"/>
      <c r="I64" s="476"/>
      <c r="J64" s="476"/>
      <c r="K64" s="476"/>
      <c r="L64" s="475"/>
    </row>
    <row r="65" spans="1:12" ht="16.149999999999999" customHeight="1">
      <c r="A65" s="733" t="s">
        <v>651</v>
      </c>
      <c r="B65" s="734"/>
      <c r="C65" s="495"/>
      <c r="D65" s="494"/>
      <c r="E65" s="493"/>
      <c r="F65" s="492"/>
      <c r="G65" s="486" t="s">
        <v>651</v>
      </c>
      <c r="H65" s="549"/>
      <c r="I65" s="549"/>
      <c r="J65" s="549"/>
      <c r="K65" s="549"/>
      <c r="L65" s="551"/>
    </row>
    <row r="66" spans="1:12" ht="16.149999999999999" customHeight="1">
      <c r="A66" s="735"/>
      <c r="B66" s="736"/>
      <c r="C66" s="490"/>
      <c r="D66" s="489"/>
      <c r="E66" s="491"/>
      <c r="F66" s="487" t="s">
        <v>651</v>
      </c>
      <c r="G66" s="486" t="s">
        <v>651</v>
      </c>
      <c r="H66" s="549"/>
      <c r="I66" s="549"/>
      <c r="J66" s="549"/>
      <c r="K66" s="549"/>
      <c r="L66" s="551"/>
    </row>
    <row r="67" spans="1:12" ht="16.149999999999999" customHeight="1">
      <c r="A67" s="735" t="s">
        <v>681</v>
      </c>
      <c r="B67" s="736"/>
      <c r="C67" s="490" t="s">
        <v>240</v>
      </c>
      <c r="D67" s="489">
        <v>1</v>
      </c>
      <c r="E67" s="488" t="s">
        <v>618</v>
      </c>
      <c r="F67" s="487"/>
      <c r="G67" s="486" t="s">
        <v>651</v>
      </c>
      <c r="H67" s="549"/>
      <c r="I67" s="549"/>
      <c r="J67" s="549"/>
      <c r="K67" s="549"/>
      <c r="L67" s="551"/>
    </row>
    <row r="68" spans="1:12" ht="16.149999999999999" customHeight="1">
      <c r="A68" s="737"/>
      <c r="B68" s="738"/>
      <c r="C68" s="485"/>
      <c r="D68" s="484"/>
      <c r="E68" s="483"/>
      <c r="F68" s="482"/>
      <c r="G68" s="481" t="s">
        <v>651</v>
      </c>
      <c r="H68" s="476"/>
      <c r="I68" s="476"/>
      <c r="J68" s="476"/>
      <c r="K68" s="476"/>
      <c r="L68" s="475"/>
    </row>
    <row r="71" spans="1:12" ht="16.149999999999999" customHeight="1">
      <c r="A71" s="507" t="s">
        <v>651</v>
      </c>
      <c r="B71" s="479" t="s">
        <v>892</v>
      </c>
      <c r="C71" s="480"/>
      <c r="D71" s="479"/>
      <c r="E71" s="479"/>
      <c r="F71" s="479"/>
      <c r="G71" s="479"/>
      <c r="H71" s="479" t="s">
        <v>617</v>
      </c>
      <c r="I71" s="480" t="s">
        <v>997</v>
      </c>
      <c r="J71" s="479" t="s">
        <v>689</v>
      </c>
      <c r="K71" s="479" t="s">
        <v>688</v>
      </c>
      <c r="L71" s="506"/>
    </row>
    <row r="72" spans="1:12" ht="16.149999999999999" customHeight="1">
      <c r="A72" s="505" t="s">
        <v>651</v>
      </c>
      <c r="B72" s="549" t="s">
        <v>1584</v>
      </c>
      <c r="C72" s="550"/>
      <c r="D72" s="549"/>
      <c r="E72" s="549"/>
      <c r="F72" s="549"/>
      <c r="G72" s="478"/>
      <c r="H72" s="549"/>
      <c r="I72" s="504"/>
      <c r="J72" s="503" t="s">
        <v>687</v>
      </c>
      <c r="K72" s="502" t="s">
        <v>194</v>
      </c>
      <c r="L72" s="501" t="s">
        <v>618</v>
      </c>
    </row>
    <row r="73" spans="1:12" ht="16.149999999999999" customHeight="1">
      <c r="A73" s="477" t="s">
        <v>651</v>
      </c>
      <c r="B73" s="549"/>
      <c r="C73" s="550"/>
      <c r="D73" s="549"/>
      <c r="E73" s="549"/>
      <c r="F73" s="549"/>
      <c r="G73" s="478"/>
      <c r="H73" s="478"/>
      <c r="I73" s="478"/>
      <c r="J73" s="478"/>
      <c r="K73" s="478"/>
      <c r="L73" s="501"/>
    </row>
    <row r="74" spans="1:12" ht="16.149999999999999" customHeight="1">
      <c r="A74" s="498" t="s">
        <v>686</v>
      </c>
      <c r="B74" s="500"/>
      <c r="C74" s="499" t="s">
        <v>309</v>
      </c>
      <c r="D74" s="499" t="s">
        <v>685</v>
      </c>
      <c r="E74" s="499" t="s">
        <v>684</v>
      </c>
      <c r="F74" s="499" t="s">
        <v>683</v>
      </c>
      <c r="G74" s="498" t="s">
        <v>682</v>
      </c>
      <c r="H74" s="497"/>
      <c r="I74" s="497"/>
      <c r="J74" s="497"/>
      <c r="K74" s="497"/>
      <c r="L74" s="496"/>
    </row>
    <row r="75" spans="1:12" ht="16.149999999999999" customHeight="1">
      <c r="A75" s="733" t="s">
        <v>892</v>
      </c>
      <c r="B75" s="734"/>
      <c r="C75" s="495"/>
      <c r="D75" s="494"/>
      <c r="E75" s="493"/>
      <c r="F75" s="492"/>
      <c r="G75" s="486" t="s">
        <v>996</v>
      </c>
      <c r="H75" s="549"/>
      <c r="I75" s="549"/>
      <c r="J75" s="549"/>
      <c r="K75" s="549"/>
      <c r="L75" s="551"/>
    </row>
    <row r="76" spans="1:12" ht="16.149999999999999" customHeight="1">
      <c r="A76" s="735"/>
      <c r="B76" s="736"/>
      <c r="C76" s="490"/>
      <c r="D76" s="489"/>
      <c r="E76" s="491"/>
      <c r="F76" s="487" t="s">
        <v>651</v>
      </c>
      <c r="G76" s="486" t="s">
        <v>651</v>
      </c>
      <c r="H76" s="549"/>
      <c r="I76" s="549"/>
      <c r="J76" s="549"/>
      <c r="K76" s="549"/>
      <c r="L76" s="551"/>
    </row>
    <row r="77" spans="1:12" ht="16.149999999999999" customHeight="1">
      <c r="A77" s="735" t="s">
        <v>1693</v>
      </c>
      <c r="B77" s="736"/>
      <c r="C77" s="490" t="s">
        <v>194</v>
      </c>
      <c r="D77" s="489">
        <v>1</v>
      </c>
      <c r="E77" s="488"/>
      <c r="F77" s="487"/>
      <c r="G77" s="486" t="s">
        <v>651</v>
      </c>
      <c r="H77" s="549"/>
      <c r="I77" s="549"/>
      <c r="J77" s="549"/>
      <c r="K77" s="549"/>
      <c r="L77" s="551"/>
    </row>
    <row r="78" spans="1:12" ht="16.149999999999999" customHeight="1">
      <c r="A78" s="737"/>
      <c r="B78" s="738"/>
      <c r="C78" s="485"/>
      <c r="D78" s="484"/>
      <c r="E78" s="483"/>
      <c r="F78" s="482"/>
      <c r="G78" s="481" t="s">
        <v>651</v>
      </c>
      <c r="H78" s="476"/>
      <c r="I78" s="476"/>
      <c r="J78" s="476"/>
      <c r="K78" s="476"/>
      <c r="L78" s="475"/>
    </row>
    <row r="79" spans="1:12" ht="16.149999999999999" customHeight="1">
      <c r="A79" s="733" t="s">
        <v>651</v>
      </c>
      <c r="B79" s="734"/>
      <c r="C79" s="495"/>
      <c r="D79" s="494"/>
      <c r="E79" s="493"/>
      <c r="F79" s="492"/>
      <c r="G79" s="486" t="s">
        <v>651</v>
      </c>
      <c r="H79" s="549"/>
      <c r="I79" s="549"/>
      <c r="J79" s="549"/>
      <c r="K79" s="549"/>
      <c r="L79" s="551"/>
    </row>
    <row r="80" spans="1:12" ht="16.149999999999999" customHeight="1">
      <c r="A80" s="735"/>
      <c r="B80" s="736"/>
      <c r="C80" s="490"/>
      <c r="D80" s="489"/>
      <c r="E80" s="491"/>
      <c r="F80" s="487" t="s">
        <v>651</v>
      </c>
      <c r="G80" s="486" t="s">
        <v>651</v>
      </c>
      <c r="H80" s="549"/>
      <c r="I80" s="549"/>
      <c r="J80" s="549"/>
      <c r="K80" s="549"/>
      <c r="L80" s="551"/>
    </row>
    <row r="81" spans="1:12" ht="16.149999999999999" customHeight="1">
      <c r="A81" s="735" t="s">
        <v>691</v>
      </c>
      <c r="B81" s="736"/>
      <c r="C81" s="490" t="s">
        <v>194</v>
      </c>
      <c r="D81" s="489">
        <v>1</v>
      </c>
      <c r="E81" s="488"/>
      <c r="F81" s="487"/>
      <c r="G81" s="486" t="s">
        <v>651</v>
      </c>
      <c r="H81" s="549"/>
      <c r="I81" s="549"/>
      <c r="J81" s="549"/>
      <c r="K81" s="549"/>
      <c r="L81" s="551"/>
    </row>
    <row r="82" spans="1:12" ht="16.149999999999999" customHeight="1">
      <c r="A82" s="737"/>
      <c r="B82" s="738"/>
      <c r="C82" s="485"/>
      <c r="D82" s="484"/>
      <c r="E82" s="483"/>
      <c r="F82" s="482"/>
      <c r="G82" s="481" t="s">
        <v>651</v>
      </c>
      <c r="H82" s="476"/>
      <c r="I82" s="476"/>
      <c r="J82" s="476"/>
      <c r="K82" s="476"/>
      <c r="L82" s="475"/>
    </row>
    <row r="83" spans="1:12" ht="16.149999999999999" customHeight="1">
      <c r="A83" s="733" t="s">
        <v>651</v>
      </c>
      <c r="B83" s="734"/>
      <c r="C83" s="495"/>
      <c r="D83" s="494"/>
      <c r="E83" s="493"/>
      <c r="F83" s="492"/>
      <c r="G83" s="486" t="s">
        <v>651</v>
      </c>
      <c r="H83" s="549"/>
      <c r="I83" s="549"/>
      <c r="J83" s="549"/>
      <c r="K83" s="549"/>
      <c r="L83" s="551"/>
    </row>
    <row r="84" spans="1:12" ht="16.149999999999999" customHeight="1">
      <c r="A84" s="735"/>
      <c r="B84" s="736"/>
      <c r="C84" s="490"/>
      <c r="D84" s="489"/>
      <c r="E84" s="491"/>
      <c r="F84" s="487" t="s">
        <v>651</v>
      </c>
      <c r="G84" s="486" t="s">
        <v>651</v>
      </c>
      <c r="H84" s="549"/>
      <c r="I84" s="549"/>
      <c r="J84" s="549"/>
      <c r="K84" s="549"/>
      <c r="L84" s="551"/>
    </row>
    <row r="85" spans="1:12" ht="16.149999999999999" customHeight="1">
      <c r="A85" s="735" t="s">
        <v>681</v>
      </c>
      <c r="B85" s="736"/>
      <c r="C85" s="490" t="s">
        <v>194</v>
      </c>
      <c r="D85" s="489">
        <v>1</v>
      </c>
      <c r="E85" s="488" t="s">
        <v>618</v>
      </c>
      <c r="F85" s="487"/>
      <c r="G85" s="486" t="s">
        <v>651</v>
      </c>
      <c r="H85" s="549"/>
      <c r="I85" s="549"/>
      <c r="J85" s="549"/>
      <c r="K85" s="549"/>
      <c r="L85" s="551"/>
    </row>
    <row r="86" spans="1:12" ht="16.149999999999999" customHeight="1">
      <c r="A86" s="737"/>
      <c r="B86" s="738"/>
      <c r="C86" s="485"/>
      <c r="D86" s="484"/>
      <c r="E86" s="483"/>
      <c r="F86" s="482"/>
      <c r="G86" s="481" t="s">
        <v>651</v>
      </c>
      <c r="H86" s="476"/>
      <c r="I86" s="476"/>
      <c r="J86" s="476"/>
      <c r="K86" s="476"/>
      <c r="L86" s="475"/>
    </row>
    <row r="88" spans="1:12" ht="16.149999999999999" customHeight="1">
      <c r="A88" s="507" t="s">
        <v>651</v>
      </c>
      <c r="B88" s="479" t="s">
        <v>990</v>
      </c>
      <c r="C88" s="480"/>
      <c r="D88" s="479"/>
      <c r="E88" s="479"/>
      <c r="F88" s="479"/>
      <c r="G88" s="479"/>
      <c r="H88" s="479" t="s">
        <v>617</v>
      </c>
      <c r="I88" s="480" t="s">
        <v>989</v>
      </c>
      <c r="J88" s="479" t="s">
        <v>689</v>
      </c>
      <c r="K88" s="479" t="s">
        <v>688</v>
      </c>
      <c r="L88" s="506"/>
    </row>
    <row r="89" spans="1:12" ht="16.149999999999999" customHeight="1">
      <c r="A89" s="505" t="s">
        <v>651</v>
      </c>
      <c r="B89" s="549" t="s">
        <v>988</v>
      </c>
      <c r="C89" s="550"/>
      <c r="D89" s="549"/>
      <c r="E89" s="549"/>
      <c r="F89" s="549"/>
      <c r="G89" s="478"/>
      <c r="H89" s="549"/>
      <c r="I89" s="504"/>
      <c r="J89" s="503" t="s">
        <v>722</v>
      </c>
      <c r="K89" s="502" t="s">
        <v>240</v>
      </c>
      <c r="L89" s="501" t="s">
        <v>618</v>
      </c>
    </row>
    <row r="90" spans="1:12" ht="16.149999999999999" customHeight="1">
      <c r="A90" s="477" t="s">
        <v>651</v>
      </c>
      <c r="B90" s="549"/>
      <c r="C90" s="550"/>
      <c r="D90" s="549"/>
      <c r="E90" s="549"/>
      <c r="F90" s="549"/>
      <c r="G90" s="478"/>
      <c r="H90" s="478"/>
      <c r="I90" s="478"/>
      <c r="J90" s="478"/>
      <c r="K90" s="478"/>
      <c r="L90" s="501"/>
    </row>
    <row r="91" spans="1:12" ht="16.149999999999999" customHeight="1">
      <c r="A91" s="498" t="s">
        <v>686</v>
      </c>
      <c r="B91" s="500"/>
      <c r="C91" s="499" t="s">
        <v>309</v>
      </c>
      <c r="D91" s="499" t="s">
        <v>685</v>
      </c>
      <c r="E91" s="499" t="s">
        <v>684</v>
      </c>
      <c r="F91" s="499" t="s">
        <v>683</v>
      </c>
      <c r="G91" s="498" t="s">
        <v>682</v>
      </c>
      <c r="H91" s="497"/>
      <c r="I91" s="497"/>
      <c r="J91" s="497"/>
      <c r="K91" s="497"/>
      <c r="L91" s="496"/>
    </row>
    <row r="92" spans="1:12" ht="16.149999999999999" customHeight="1">
      <c r="A92" s="733" t="s">
        <v>995</v>
      </c>
      <c r="B92" s="734"/>
      <c r="C92" s="495"/>
      <c r="D92" s="494"/>
      <c r="E92" s="493"/>
      <c r="F92" s="492"/>
      <c r="G92" s="486" t="s">
        <v>651</v>
      </c>
      <c r="H92" s="549"/>
      <c r="I92" s="549"/>
      <c r="J92" s="549"/>
      <c r="K92" s="549"/>
      <c r="L92" s="551"/>
    </row>
    <row r="93" spans="1:12" ht="16.149999999999999" customHeight="1">
      <c r="A93" s="735"/>
      <c r="B93" s="736"/>
      <c r="C93" s="490"/>
      <c r="D93" s="489"/>
      <c r="E93" s="491"/>
      <c r="F93" s="487" t="s">
        <v>651</v>
      </c>
      <c r="G93" s="486" t="s">
        <v>651</v>
      </c>
      <c r="H93" s="549"/>
      <c r="I93" s="549"/>
      <c r="J93" s="549"/>
      <c r="K93" s="549"/>
      <c r="L93" s="551"/>
    </row>
    <row r="94" spans="1:12" ht="16.149999999999999" customHeight="1">
      <c r="A94" s="735" t="s">
        <v>994</v>
      </c>
      <c r="B94" s="736"/>
      <c r="C94" s="490" t="s">
        <v>240</v>
      </c>
      <c r="D94" s="489">
        <v>100</v>
      </c>
      <c r="E94" s="488"/>
      <c r="F94" s="487"/>
      <c r="G94" s="486" t="s">
        <v>651</v>
      </c>
      <c r="H94" s="549"/>
      <c r="I94" s="549"/>
      <c r="J94" s="549"/>
      <c r="K94" s="549"/>
      <c r="L94" s="551"/>
    </row>
    <row r="95" spans="1:12" ht="16.149999999999999" customHeight="1">
      <c r="A95" s="737"/>
      <c r="B95" s="738"/>
      <c r="C95" s="485"/>
      <c r="D95" s="484"/>
      <c r="E95" s="483"/>
      <c r="F95" s="482"/>
      <c r="G95" s="481" t="s">
        <v>651</v>
      </c>
      <c r="H95" s="476"/>
      <c r="I95" s="476"/>
      <c r="J95" s="476"/>
      <c r="K95" s="476"/>
      <c r="L95" s="475"/>
    </row>
    <row r="96" spans="1:12" ht="16.149999999999999" customHeight="1">
      <c r="A96" s="733" t="s">
        <v>993</v>
      </c>
      <c r="B96" s="734"/>
      <c r="C96" s="495"/>
      <c r="D96" s="494"/>
      <c r="E96" s="493"/>
      <c r="F96" s="492"/>
      <c r="G96" s="486" t="s">
        <v>651</v>
      </c>
      <c r="H96" s="549"/>
      <c r="I96" s="549"/>
      <c r="J96" s="549"/>
      <c r="K96" s="549"/>
      <c r="L96" s="551"/>
    </row>
    <row r="97" spans="1:12" ht="16.149999999999999" customHeight="1">
      <c r="A97" s="735"/>
      <c r="B97" s="736"/>
      <c r="C97" s="490"/>
      <c r="D97" s="489"/>
      <c r="E97" s="491"/>
      <c r="F97" s="487" t="s">
        <v>651</v>
      </c>
      <c r="G97" s="486" t="s">
        <v>651</v>
      </c>
      <c r="H97" s="549"/>
      <c r="I97" s="549"/>
      <c r="J97" s="549"/>
      <c r="K97" s="549"/>
      <c r="L97" s="551"/>
    </row>
    <row r="98" spans="1:12" ht="16.149999999999999" customHeight="1">
      <c r="A98" s="735" t="s">
        <v>992</v>
      </c>
      <c r="B98" s="736"/>
      <c r="C98" s="490" t="s">
        <v>991</v>
      </c>
      <c r="D98" s="489">
        <v>1.2</v>
      </c>
      <c r="E98" s="488"/>
      <c r="F98" s="487"/>
      <c r="G98" s="486" t="s">
        <v>651</v>
      </c>
      <c r="H98" s="549"/>
      <c r="I98" s="549"/>
      <c r="J98" s="549"/>
      <c r="K98" s="549"/>
      <c r="L98" s="551"/>
    </row>
    <row r="99" spans="1:12" ht="16.149999999999999" customHeight="1">
      <c r="A99" s="737"/>
      <c r="B99" s="738"/>
      <c r="C99" s="485"/>
      <c r="D99" s="484"/>
      <c r="E99" s="483"/>
      <c r="F99" s="482"/>
      <c r="G99" s="481" t="s">
        <v>651</v>
      </c>
      <c r="H99" s="476"/>
      <c r="I99" s="476"/>
      <c r="J99" s="476"/>
      <c r="K99" s="476"/>
      <c r="L99" s="475"/>
    </row>
    <row r="100" spans="1:12" ht="16.149999999999999" customHeight="1">
      <c r="A100" s="733" t="s">
        <v>721</v>
      </c>
      <c r="B100" s="734"/>
      <c r="C100" s="495"/>
      <c r="D100" s="494"/>
      <c r="E100" s="493"/>
      <c r="F100" s="492"/>
      <c r="G100" s="486" t="s">
        <v>651</v>
      </c>
      <c r="H100" s="549"/>
      <c r="I100" s="549"/>
      <c r="J100" s="549"/>
      <c r="K100" s="549"/>
      <c r="L100" s="551"/>
    </row>
    <row r="101" spans="1:12" ht="16.149999999999999" customHeight="1">
      <c r="A101" s="735"/>
      <c r="B101" s="736"/>
      <c r="C101" s="490"/>
      <c r="D101" s="489"/>
      <c r="E101" s="491"/>
      <c r="F101" s="487" t="s">
        <v>651</v>
      </c>
      <c r="G101" s="486" t="s">
        <v>651</v>
      </c>
      <c r="H101" s="549"/>
      <c r="I101" s="549"/>
      <c r="J101" s="549"/>
      <c r="K101" s="549"/>
      <c r="L101" s="551"/>
    </row>
    <row r="102" spans="1:12" ht="16.149999999999999" customHeight="1">
      <c r="A102" s="735" t="s">
        <v>651</v>
      </c>
      <c r="B102" s="736"/>
      <c r="C102" s="490" t="s">
        <v>248</v>
      </c>
      <c r="D102" s="489"/>
      <c r="E102" s="488"/>
      <c r="F102" s="487"/>
      <c r="G102" s="486" t="s">
        <v>651</v>
      </c>
      <c r="H102" s="549"/>
      <c r="I102" s="549"/>
      <c r="J102" s="549"/>
      <c r="K102" s="549"/>
      <c r="L102" s="551"/>
    </row>
    <row r="103" spans="1:12" ht="16.149999999999999" customHeight="1">
      <c r="A103" s="737"/>
      <c r="B103" s="738"/>
      <c r="C103" s="485"/>
      <c r="D103" s="484"/>
      <c r="E103" s="483"/>
      <c r="F103" s="482"/>
      <c r="G103" s="481" t="s">
        <v>651</v>
      </c>
      <c r="H103" s="476"/>
      <c r="I103" s="476"/>
      <c r="J103" s="476"/>
      <c r="K103" s="476"/>
      <c r="L103" s="475"/>
    </row>
    <row r="106" spans="1:12" ht="16.149999999999999" customHeight="1">
      <c r="A106" s="507" t="s">
        <v>651</v>
      </c>
      <c r="B106" s="479" t="s">
        <v>990</v>
      </c>
      <c r="C106" s="480"/>
      <c r="D106" s="479"/>
      <c r="E106" s="479"/>
      <c r="F106" s="479"/>
      <c r="G106" s="479"/>
      <c r="H106" s="479" t="s">
        <v>617</v>
      </c>
      <c r="I106" s="480" t="s">
        <v>989</v>
      </c>
      <c r="J106" s="479" t="s">
        <v>689</v>
      </c>
      <c r="K106" s="479" t="s">
        <v>688</v>
      </c>
      <c r="L106" s="506"/>
    </row>
    <row r="107" spans="1:12" ht="16.149999999999999" customHeight="1">
      <c r="A107" s="505" t="s">
        <v>651</v>
      </c>
      <c r="B107" s="549" t="s">
        <v>988</v>
      </c>
      <c r="C107" s="550"/>
      <c r="D107" s="549"/>
      <c r="E107" s="549"/>
      <c r="F107" s="549"/>
      <c r="G107" s="478"/>
      <c r="H107" s="549"/>
      <c r="I107" s="504"/>
      <c r="J107" s="503" t="s">
        <v>722</v>
      </c>
      <c r="K107" s="502" t="s">
        <v>240</v>
      </c>
      <c r="L107" s="501" t="s">
        <v>618</v>
      </c>
    </row>
    <row r="108" spans="1:12" ht="16.149999999999999" customHeight="1">
      <c r="A108" s="477" t="s">
        <v>651</v>
      </c>
      <c r="B108" s="549"/>
      <c r="C108" s="550"/>
      <c r="D108" s="549"/>
      <c r="E108" s="549"/>
      <c r="F108" s="549"/>
      <c r="G108" s="478"/>
      <c r="H108" s="478"/>
      <c r="I108" s="478"/>
      <c r="J108" s="478"/>
      <c r="K108" s="478"/>
      <c r="L108" s="501"/>
    </row>
    <row r="109" spans="1:12" ht="16.149999999999999" customHeight="1">
      <c r="A109" s="498" t="s">
        <v>686</v>
      </c>
      <c r="B109" s="500"/>
      <c r="C109" s="499" t="s">
        <v>309</v>
      </c>
      <c r="D109" s="499" t="s">
        <v>685</v>
      </c>
      <c r="E109" s="499" t="s">
        <v>684</v>
      </c>
      <c r="F109" s="499" t="s">
        <v>683</v>
      </c>
      <c r="G109" s="498" t="s">
        <v>682</v>
      </c>
      <c r="H109" s="497"/>
      <c r="I109" s="497"/>
      <c r="J109" s="497"/>
      <c r="K109" s="497"/>
      <c r="L109" s="496"/>
    </row>
    <row r="110" spans="1:12" ht="16.149999999999999" customHeight="1">
      <c r="A110" s="733" t="s">
        <v>250</v>
      </c>
      <c r="B110" s="734"/>
      <c r="C110" s="495"/>
      <c r="D110" s="494"/>
      <c r="E110" s="493"/>
      <c r="F110" s="492"/>
      <c r="G110" s="486" t="s">
        <v>651</v>
      </c>
      <c r="H110" s="549"/>
      <c r="I110" s="549"/>
      <c r="J110" s="549"/>
      <c r="K110" s="549"/>
      <c r="L110" s="551"/>
    </row>
    <row r="111" spans="1:12" ht="16.149999999999999" customHeight="1">
      <c r="A111" s="735"/>
      <c r="B111" s="736"/>
      <c r="C111" s="490"/>
      <c r="D111" s="489"/>
      <c r="E111" s="491"/>
      <c r="F111" s="487" t="s">
        <v>651</v>
      </c>
      <c r="G111" s="486" t="s">
        <v>651</v>
      </c>
      <c r="H111" s="549"/>
      <c r="I111" s="549"/>
      <c r="J111" s="549"/>
      <c r="K111" s="549"/>
      <c r="L111" s="551"/>
    </row>
    <row r="112" spans="1:12" ht="16.149999999999999" customHeight="1">
      <c r="A112" s="735" t="s">
        <v>651</v>
      </c>
      <c r="B112" s="736"/>
      <c r="C112" s="490" t="s">
        <v>248</v>
      </c>
      <c r="D112" s="489"/>
      <c r="E112" s="488"/>
      <c r="F112" s="487"/>
      <c r="G112" s="486" t="s">
        <v>651</v>
      </c>
      <c r="H112" s="549"/>
      <c r="I112" s="549"/>
      <c r="J112" s="549"/>
      <c r="K112" s="549"/>
      <c r="L112" s="551"/>
    </row>
    <row r="113" spans="1:12" ht="16.149999999999999" customHeight="1">
      <c r="A113" s="737"/>
      <c r="B113" s="738"/>
      <c r="C113" s="485"/>
      <c r="D113" s="484"/>
      <c r="E113" s="483"/>
      <c r="F113" s="482"/>
      <c r="G113" s="481" t="s">
        <v>651</v>
      </c>
      <c r="H113" s="476"/>
      <c r="I113" s="476"/>
      <c r="J113" s="476"/>
      <c r="K113" s="476"/>
      <c r="L113" s="475"/>
    </row>
    <row r="114" spans="1:12" ht="16.149999999999999" customHeight="1">
      <c r="A114" s="733" t="s">
        <v>700</v>
      </c>
      <c r="B114" s="734"/>
      <c r="C114" s="495"/>
      <c r="D114" s="494"/>
      <c r="E114" s="493"/>
      <c r="F114" s="492"/>
      <c r="G114" s="486" t="s">
        <v>651</v>
      </c>
      <c r="H114" s="549"/>
      <c r="I114" s="549"/>
      <c r="J114" s="549"/>
      <c r="K114" s="549"/>
      <c r="L114" s="551"/>
    </row>
    <row r="115" spans="1:12" ht="16.149999999999999" customHeight="1">
      <c r="A115" s="735"/>
      <c r="B115" s="736"/>
      <c r="C115" s="490"/>
      <c r="D115" s="489"/>
      <c r="E115" s="491"/>
      <c r="F115" s="487" t="s">
        <v>651</v>
      </c>
      <c r="G115" s="486" t="s">
        <v>651</v>
      </c>
      <c r="H115" s="549"/>
      <c r="I115" s="549"/>
      <c r="J115" s="549"/>
      <c r="K115" s="549"/>
      <c r="L115" s="551"/>
    </row>
    <row r="116" spans="1:12" ht="16.149999999999999" customHeight="1">
      <c r="A116" s="735" t="s">
        <v>651</v>
      </c>
      <c r="B116" s="736"/>
      <c r="C116" s="490" t="s">
        <v>242</v>
      </c>
      <c r="D116" s="489">
        <v>1</v>
      </c>
      <c r="E116" s="488"/>
      <c r="F116" s="487"/>
      <c r="G116" s="486" t="s">
        <v>651</v>
      </c>
      <c r="H116" s="549"/>
      <c r="I116" s="549"/>
      <c r="J116" s="549"/>
      <c r="K116" s="549"/>
      <c r="L116" s="551"/>
    </row>
    <row r="117" spans="1:12" ht="16.149999999999999" customHeight="1">
      <c r="A117" s="737"/>
      <c r="B117" s="738"/>
      <c r="C117" s="485"/>
      <c r="D117" s="484"/>
      <c r="E117" s="483"/>
      <c r="F117" s="482"/>
      <c r="G117" s="481" t="s">
        <v>651</v>
      </c>
      <c r="H117" s="476"/>
      <c r="I117" s="476"/>
      <c r="J117" s="476"/>
      <c r="K117" s="476"/>
      <c r="L117" s="475"/>
    </row>
    <row r="118" spans="1:12" ht="16.149999999999999" customHeight="1">
      <c r="A118" s="733" t="s">
        <v>651</v>
      </c>
      <c r="B118" s="734"/>
      <c r="C118" s="495"/>
      <c r="D118" s="494"/>
      <c r="E118" s="493"/>
      <c r="F118" s="492"/>
      <c r="G118" s="486" t="s">
        <v>651</v>
      </c>
      <c r="H118" s="549"/>
      <c r="I118" s="549"/>
      <c r="J118" s="549"/>
      <c r="K118" s="549"/>
      <c r="L118" s="551"/>
    </row>
    <row r="119" spans="1:12" ht="16.149999999999999" customHeight="1">
      <c r="A119" s="735"/>
      <c r="B119" s="736"/>
      <c r="C119" s="490"/>
      <c r="D119" s="489"/>
      <c r="E119" s="491"/>
      <c r="F119" s="487" t="s">
        <v>651</v>
      </c>
      <c r="G119" s="486" t="s">
        <v>651</v>
      </c>
      <c r="H119" s="549"/>
      <c r="I119" s="549"/>
      <c r="J119" s="549"/>
      <c r="K119" s="549"/>
      <c r="L119" s="551"/>
    </row>
    <row r="120" spans="1:12" ht="16.149999999999999" customHeight="1">
      <c r="A120" s="735" t="s">
        <v>691</v>
      </c>
      <c r="B120" s="736"/>
      <c r="C120" s="490" t="s">
        <v>240</v>
      </c>
      <c r="D120" s="489">
        <v>100</v>
      </c>
      <c r="E120" s="488"/>
      <c r="F120" s="487"/>
      <c r="G120" s="486" t="s">
        <v>651</v>
      </c>
      <c r="H120" s="549"/>
      <c r="I120" s="549"/>
      <c r="J120" s="549"/>
      <c r="K120" s="549"/>
      <c r="L120" s="551"/>
    </row>
    <row r="121" spans="1:12" ht="16.149999999999999" customHeight="1">
      <c r="A121" s="737"/>
      <c r="B121" s="738"/>
      <c r="C121" s="485"/>
      <c r="D121" s="484"/>
      <c r="E121" s="483"/>
      <c r="F121" s="482"/>
      <c r="G121" s="481" t="s">
        <v>651</v>
      </c>
      <c r="H121" s="476"/>
      <c r="I121" s="476"/>
      <c r="J121" s="476"/>
      <c r="K121" s="476"/>
      <c r="L121" s="475"/>
    </row>
    <row r="122" spans="1:12" ht="16.149999999999999" customHeight="1">
      <c r="A122" s="733" t="s">
        <v>651</v>
      </c>
      <c r="B122" s="734"/>
      <c r="C122" s="495"/>
      <c r="D122" s="494"/>
      <c r="E122" s="493"/>
      <c r="F122" s="492"/>
      <c r="G122" s="486" t="s">
        <v>651</v>
      </c>
      <c r="H122" s="549"/>
      <c r="I122" s="549"/>
      <c r="J122" s="549"/>
      <c r="K122" s="549"/>
      <c r="L122" s="551"/>
    </row>
    <row r="123" spans="1:12" ht="16.149999999999999" customHeight="1">
      <c r="A123" s="735"/>
      <c r="B123" s="736"/>
      <c r="C123" s="490"/>
      <c r="D123" s="489"/>
      <c r="E123" s="491"/>
      <c r="F123" s="487" t="s">
        <v>651</v>
      </c>
      <c r="G123" s="486" t="s">
        <v>651</v>
      </c>
      <c r="H123" s="549"/>
      <c r="I123" s="549"/>
      <c r="J123" s="549"/>
      <c r="K123" s="549"/>
      <c r="L123" s="551"/>
    </row>
    <row r="124" spans="1:12" ht="16.149999999999999" customHeight="1">
      <c r="A124" s="735" t="s">
        <v>681</v>
      </c>
      <c r="B124" s="736"/>
      <c r="C124" s="490" t="s">
        <v>240</v>
      </c>
      <c r="D124" s="489">
        <v>1</v>
      </c>
      <c r="E124" s="488" t="s">
        <v>618</v>
      </c>
      <c r="F124" s="487"/>
      <c r="G124" s="486" t="s">
        <v>651</v>
      </c>
      <c r="H124" s="549"/>
      <c r="I124" s="549"/>
      <c r="J124" s="549"/>
      <c r="K124" s="549"/>
      <c r="L124" s="551"/>
    </row>
    <row r="125" spans="1:12" ht="16.149999999999999" customHeight="1">
      <c r="A125" s="737"/>
      <c r="B125" s="738"/>
      <c r="C125" s="485"/>
      <c r="D125" s="484"/>
      <c r="E125" s="483"/>
      <c r="F125" s="482"/>
      <c r="G125" s="481" t="s">
        <v>651</v>
      </c>
      <c r="H125" s="476"/>
      <c r="I125" s="476"/>
      <c r="J125" s="476"/>
      <c r="K125" s="476"/>
      <c r="L125" s="475"/>
    </row>
    <row r="127" spans="1:12" ht="16.149999999999999" customHeight="1">
      <c r="A127" s="507" t="s">
        <v>651</v>
      </c>
      <c r="B127" s="479" t="s">
        <v>981</v>
      </c>
      <c r="C127" s="480"/>
      <c r="D127" s="479"/>
      <c r="E127" s="479"/>
      <c r="F127" s="479"/>
      <c r="G127" s="479"/>
      <c r="H127" s="479" t="s">
        <v>617</v>
      </c>
      <c r="I127" s="480" t="s">
        <v>987</v>
      </c>
      <c r="J127" s="479" t="s">
        <v>689</v>
      </c>
      <c r="K127" s="479" t="s">
        <v>688</v>
      </c>
      <c r="L127" s="506"/>
    </row>
    <row r="128" spans="1:12" ht="16.149999999999999" customHeight="1">
      <c r="A128" s="505" t="s">
        <v>651</v>
      </c>
      <c r="B128" s="549" t="s">
        <v>1691</v>
      </c>
      <c r="C128" s="550"/>
      <c r="D128" s="549"/>
      <c r="E128" s="549"/>
      <c r="F128" s="549"/>
      <c r="G128" s="478"/>
      <c r="H128" s="549"/>
      <c r="I128" s="504"/>
      <c r="J128" s="503" t="s">
        <v>687</v>
      </c>
      <c r="K128" s="502" t="s">
        <v>193</v>
      </c>
      <c r="L128" s="501" t="s">
        <v>618</v>
      </c>
    </row>
    <row r="129" spans="1:12" ht="16.149999999999999" customHeight="1">
      <c r="A129" s="477" t="s">
        <v>651</v>
      </c>
      <c r="B129" s="549"/>
      <c r="C129" s="550"/>
      <c r="D129" s="549"/>
      <c r="E129" s="549"/>
      <c r="F129" s="549"/>
      <c r="G129" s="478"/>
      <c r="H129" s="478"/>
      <c r="I129" s="478"/>
      <c r="J129" s="478"/>
      <c r="K129" s="478"/>
      <c r="L129" s="501"/>
    </row>
    <row r="130" spans="1:12" ht="16.149999999999999" customHeight="1">
      <c r="A130" s="498" t="s">
        <v>686</v>
      </c>
      <c r="B130" s="500"/>
      <c r="C130" s="499" t="s">
        <v>309</v>
      </c>
      <c r="D130" s="499" t="s">
        <v>685</v>
      </c>
      <c r="E130" s="499" t="s">
        <v>684</v>
      </c>
      <c r="F130" s="499" t="s">
        <v>683</v>
      </c>
      <c r="G130" s="498" t="s">
        <v>682</v>
      </c>
      <c r="H130" s="497"/>
      <c r="I130" s="497"/>
      <c r="J130" s="497"/>
      <c r="K130" s="497"/>
      <c r="L130" s="496"/>
    </row>
    <row r="131" spans="1:12" ht="16.149999999999999" customHeight="1">
      <c r="A131" s="733" t="s">
        <v>986</v>
      </c>
      <c r="B131" s="734"/>
      <c r="C131" s="495"/>
      <c r="D131" s="494"/>
      <c r="E131" s="493"/>
      <c r="F131" s="492"/>
      <c r="G131" s="486" t="s">
        <v>651</v>
      </c>
      <c r="H131" s="549"/>
      <c r="I131" s="549"/>
      <c r="J131" s="549"/>
      <c r="K131" s="549"/>
      <c r="L131" s="551"/>
    </row>
    <row r="132" spans="1:12" ht="16.149999999999999" customHeight="1">
      <c r="A132" s="735"/>
      <c r="B132" s="736"/>
      <c r="C132" s="490"/>
      <c r="D132" s="489"/>
      <c r="E132" s="491"/>
      <c r="F132" s="487" t="s">
        <v>651</v>
      </c>
      <c r="G132" s="486" t="s">
        <v>651</v>
      </c>
      <c r="H132" s="549"/>
      <c r="I132" s="549"/>
      <c r="J132" s="549"/>
      <c r="K132" s="549"/>
      <c r="L132" s="551"/>
    </row>
    <row r="133" spans="1:12" ht="16.149999999999999" customHeight="1">
      <c r="A133" s="735" t="s">
        <v>1692</v>
      </c>
      <c r="B133" s="736"/>
      <c r="C133" s="490" t="s">
        <v>193</v>
      </c>
      <c r="D133" s="489">
        <v>1</v>
      </c>
      <c r="E133" s="488"/>
      <c r="F133" s="487"/>
      <c r="G133" s="486" t="s">
        <v>651</v>
      </c>
      <c r="H133" s="549"/>
      <c r="I133" s="549"/>
      <c r="J133" s="549"/>
      <c r="K133" s="549"/>
      <c r="L133" s="551"/>
    </row>
    <row r="134" spans="1:12" ht="16.149999999999999" customHeight="1">
      <c r="A134" s="737"/>
      <c r="B134" s="738"/>
      <c r="C134" s="485"/>
      <c r="D134" s="484"/>
      <c r="E134" s="483"/>
      <c r="F134" s="482"/>
      <c r="G134" s="481" t="s">
        <v>651</v>
      </c>
      <c r="H134" s="476"/>
      <c r="I134" s="476"/>
      <c r="J134" s="476"/>
      <c r="K134" s="476"/>
      <c r="L134" s="475"/>
    </row>
    <row r="135" spans="1:12" ht="16.149999999999999" customHeight="1">
      <c r="A135" s="733" t="s">
        <v>651</v>
      </c>
      <c r="B135" s="734"/>
      <c r="C135" s="495"/>
      <c r="D135" s="494"/>
      <c r="E135" s="493"/>
      <c r="F135" s="492"/>
      <c r="G135" s="486" t="s">
        <v>651</v>
      </c>
      <c r="H135" s="549"/>
      <c r="I135" s="549"/>
      <c r="J135" s="549"/>
      <c r="K135" s="549"/>
      <c r="L135" s="551"/>
    </row>
    <row r="136" spans="1:12" ht="16.149999999999999" customHeight="1">
      <c r="A136" s="735"/>
      <c r="B136" s="736"/>
      <c r="C136" s="490"/>
      <c r="D136" s="489"/>
      <c r="E136" s="491"/>
      <c r="F136" s="487" t="s">
        <v>651</v>
      </c>
      <c r="G136" s="486" t="s">
        <v>651</v>
      </c>
      <c r="H136" s="549"/>
      <c r="I136" s="549"/>
      <c r="J136" s="549"/>
      <c r="K136" s="549"/>
      <c r="L136" s="551"/>
    </row>
    <row r="137" spans="1:12" ht="16.149999999999999" customHeight="1">
      <c r="A137" s="735" t="s">
        <v>691</v>
      </c>
      <c r="B137" s="736"/>
      <c r="C137" s="490" t="s">
        <v>193</v>
      </c>
      <c r="D137" s="489">
        <v>1</v>
      </c>
      <c r="E137" s="488"/>
      <c r="F137" s="487"/>
      <c r="G137" s="486" t="s">
        <v>651</v>
      </c>
      <c r="H137" s="549"/>
      <c r="I137" s="549"/>
      <c r="J137" s="549"/>
      <c r="K137" s="549"/>
      <c r="L137" s="551"/>
    </row>
    <row r="138" spans="1:12" ht="16.149999999999999" customHeight="1">
      <c r="A138" s="737"/>
      <c r="B138" s="738"/>
      <c r="C138" s="485"/>
      <c r="D138" s="484"/>
      <c r="E138" s="483"/>
      <c r="F138" s="482"/>
      <c r="G138" s="481" t="s">
        <v>651</v>
      </c>
      <c r="H138" s="476"/>
      <c r="I138" s="476"/>
      <c r="J138" s="476"/>
      <c r="K138" s="476"/>
      <c r="L138" s="475"/>
    </row>
    <row r="141" spans="1:12" ht="16.149999999999999" customHeight="1">
      <c r="A141" s="507" t="s">
        <v>651</v>
      </c>
      <c r="B141" s="479" t="s">
        <v>981</v>
      </c>
      <c r="C141" s="480"/>
      <c r="D141" s="479"/>
      <c r="E141" s="479"/>
      <c r="F141" s="479"/>
      <c r="G141" s="479"/>
      <c r="H141" s="479" t="s">
        <v>617</v>
      </c>
      <c r="I141" s="480" t="s">
        <v>987</v>
      </c>
      <c r="J141" s="479" t="s">
        <v>689</v>
      </c>
      <c r="K141" s="479" t="s">
        <v>688</v>
      </c>
      <c r="L141" s="506"/>
    </row>
    <row r="142" spans="1:12" ht="16.149999999999999" customHeight="1">
      <c r="A142" s="505" t="s">
        <v>651</v>
      </c>
      <c r="B142" s="549" t="s">
        <v>1691</v>
      </c>
      <c r="C142" s="550"/>
      <c r="D142" s="549"/>
      <c r="E142" s="549"/>
      <c r="F142" s="549"/>
      <c r="G142" s="478"/>
      <c r="H142" s="549"/>
      <c r="I142" s="504"/>
      <c r="J142" s="503" t="s">
        <v>687</v>
      </c>
      <c r="K142" s="502" t="s">
        <v>193</v>
      </c>
      <c r="L142" s="501" t="s">
        <v>618</v>
      </c>
    </row>
    <row r="143" spans="1:12" ht="16.149999999999999" customHeight="1">
      <c r="A143" s="477" t="s">
        <v>651</v>
      </c>
      <c r="B143" s="549"/>
      <c r="C143" s="550"/>
      <c r="D143" s="549"/>
      <c r="E143" s="549"/>
      <c r="F143" s="549"/>
      <c r="G143" s="478"/>
      <c r="H143" s="478"/>
      <c r="I143" s="478"/>
      <c r="J143" s="478"/>
      <c r="K143" s="478"/>
      <c r="L143" s="501"/>
    </row>
    <row r="144" spans="1:12" ht="16.149999999999999" customHeight="1">
      <c r="A144" s="498" t="s">
        <v>686</v>
      </c>
      <c r="B144" s="500"/>
      <c r="C144" s="499" t="s">
        <v>309</v>
      </c>
      <c r="D144" s="499" t="s">
        <v>685</v>
      </c>
      <c r="E144" s="499" t="s">
        <v>684</v>
      </c>
      <c r="F144" s="499" t="s">
        <v>683</v>
      </c>
      <c r="G144" s="498" t="s">
        <v>682</v>
      </c>
      <c r="H144" s="497"/>
      <c r="I144" s="497"/>
      <c r="J144" s="497"/>
      <c r="K144" s="497"/>
      <c r="L144" s="496"/>
    </row>
    <row r="145" spans="1:12" ht="16.149999999999999" customHeight="1">
      <c r="A145" s="733" t="s">
        <v>651</v>
      </c>
      <c r="B145" s="734"/>
      <c r="C145" s="495"/>
      <c r="D145" s="494"/>
      <c r="E145" s="493"/>
      <c r="F145" s="492"/>
      <c r="G145" s="486" t="s">
        <v>651</v>
      </c>
      <c r="H145" s="549"/>
      <c r="I145" s="549"/>
      <c r="J145" s="549"/>
      <c r="K145" s="549"/>
      <c r="L145" s="551"/>
    </row>
    <row r="146" spans="1:12" ht="16.149999999999999" customHeight="1">
      <c r="A146" s="735"/>
      <c r="B146" s="736"/>
      <c r="C146" s="490"/>
      <c r="D146" s="489"/>
      <c r="E146" s="491"/>
      <c r="F146" s="487" t="s">
        <v>651</v>
      </c>
      <c r="G146" s="486" t="s">
        <v>651</v>
      </c>
      <c r="H146" s="549"/>
      <c r="I146" s="549"/>
      <c r="J146" s="549"/>
      <c r="K146" s="549"/>
      <c r="L146" s="551"/>
    </row>
    <row r="147" spans="1:12" ht="16.149999999999999" customHeight="1">
      <c r="A147" s="735" t="s">
        <v>681</v>
      </c>
      <c r="B147" s="736"/>
      <c r="C147" s="490" t="s">
        <v>193</v>
      </c>
      <c r="D147" s="489">
        <v>1</v>
      </c>
      <c r="E147" s="488" t="s">
        <v>618</v>
      </c>
      <c r="F147" s="487"/>
      <c r="G147" s="486" t="s">
        <v>651</v>
      </c>
      <c r="H147" s="549"/>
      <c r="I147" s="549"/>
      <c r="J147" s="549"/>
      <c r="K147" s="549"/>
      <c r="L147" s="551"/>
    </row>
    <row r="148" spans="1:12" ht="16.149999999999999" customHeight="1">
      <c r="A148" s="737"/>
      <c r="B148" s="738"/>
      <c r="C148" s="485"/>
      <c r="D148" s="484"/>
      <c r="E148" s="483"/>
      <c r="F148" s="482"/>
      <c r="G148" s="481" t="s">
        <v>651</v>
      </c>
      <c r="H148" s="476"/>
      <c r="I148" s="476"/>
      <c r="J148" s="476"/>
      <c r="K148" s="476"/>
      <c r="L148" s="475"/>
    </row>
    <row r="150" spans="1:12" ht="16.149999999999999" customHeight="1">
      <c r="A150" s="507" t="s">
        <v>651</v>
      </c>
      <c r="B150" s="479" t="s">
        <v>985</v>
      </c>
      <c r="C150" s="480"/>
      <c r="D150" s="479"/>
      <c r="E150" s="479"/>
      <c r="F150" s="479"/>
      <c r="G150" s="479"/>
      <c r="H150" s="479" t="s">
        <v>617</v>
      </c>
      <c r="I150" s="480" t="s">
        <v>984</v>
      </c>
      <c r="J150" s="479" t="s">
        <v>689</v>
      </c>
      <c r="K150" s="479" t="s">
        <v>688</v>
      </c>
      <c r="L150" s="506"/>
    </row>
    <row r="151" spans="1:12" ht="16.149999999999999" customHeight="1">
      <c r="A151" s="505" t="s">
        <v>651</v>
      </c>
      <c r="B151" s="549" t="s">
        <v>1570</v>
      </c>
      <c r="C151" s="550"/>
      <c r="D151" s="549"/>
      <c r="E151" s="549"/>
      <c r="F151" s="549"/>
      <c r="G151" s="478"/>
      <c r="H151" s="549"/>
      <c r="I151" s="504"/>
      <c r="J151" s="503" t="s">
        <v>687</v>
      </c>
      <c r="K151" s="502" t="s">
        <v>193</v>
      </c>
      <c r="L151" s="501" t="s">
        <v>618</v>
      </c>
    </row>
    <row r="152" spans="1:12" ht="16.149999999999999" customHeight="1">
      <c r="A152" s="477" t="s">
        <v>651</v>
      </c>
      <c r="B152" s="549"/>
      <c r="C152" s="550"/>
      <c r="D152" s="549"/>
      <c r="E152" s="549"/>
      <c r="F152" s="549"/>
      <c r="G152" s="478"/>
      <c r="H152" s="478"/>
      <c r="I152" s="478"/>
      <c r="J152" s="478"/>
      <c r="K152" s="478"/>
      <c r="L152" s="501"/>
    </row>
    <row r="153" spans="1:12" ht="16.149999999999999" customHeight="1">
      <c r="A153" s="498" t="s">
        <v>686</v>
      </c>
      <c r="B153" s="500"/>
      <c r="C153" s="499" t="s">
        <v>309</v>
      </c>
      <c r="D153" s="499" t="s">
        <v>685</v>
      </c>
      <c r="E153" s="499" t="s">
        <v>684</v>
      </c>
      <c r="F153" s="499" t="s">
        <v>683</v>
      </c>
      <c r="G153" s="498" t="s">
        <v>682</v>
      </c>
      <c r="H153" s="497"/>
      <c r="I153" s="497"/>
      <c r="J153" s="497"/>
      <c r="K153" s="497"/>
      <c r="L153" s="496"/>
    </row>
    <row r="154" spans="1:12" ht="16.149999999999999" customHeight="1">
      <c r="A154" s="733" t="s">
        <v>983</v>
      </c>
      <c r="B154" s="734"/>
      <c r="C154" s="495"/>
      <c r="D154" s="494"/>
      <c r="E154" s="493"/>
      <c r="F154" s="492"/>
      <c r="G154" s="486" t="s">
        <v>651</v>
      </c>
      <c r="H154" s="549"/>
      <c r="I154" s="549"/>
      <c r="J154" s="549"/>
      <c r="K154" s="549"/>
      <c r="L154" s="551"/>
    </row>
    <row r="155" spans="1:12" ht="16.149999999999999" customHeight="1">
      <c r="A155" s="735"/>
      <c r="B155" s="736"/>
      <c r="C155" s="490"/>
      <c r="D155" s="489"/>
      <c r="E155" s="491"/>
      <c r="F155" s="487" t="s">
        <v>651</v>
      </c>
      <c r="G155" s="486" t="s">
        <v>651</v>
      </c>
      <c r="H155" s="549"/>
      <c r="I155" s="549"/>
      <c r="J155" s="549"/>
      <c r="K155" s="549"/>
      <c r="L155" s="551"/>
    </row>
    <row r="156" spans="1:12" ht="16.149999999999999" customHeight="1">
      <c r="A156" s="735" t="s">
        <v>982</v>
      </c>
      <c r="B156" s="736"/>
      <c r="C156" s="490" t="s">
        <v>193</v>
      </c>
      <c r="D156" s="489">
        <v>1</v>
      </c>
      <c r="E156" s="488"/>
      <c r="F156" s="487"/>
      <c r="G156" s="486" t="s">
        <v>651</v>
      </c>
      <c r="H156" s="549"/>
      <c r="I156" s="549"/>
      <c r="J156" s="549"/>
      <c r="K156" s="549"/>
      <c r="L156" s="551"/>
    </row>
    <row r="157" spans="1:12" ht="16.149999999999999" customHeight="1">
      <c r="A157" s="737"/>
      <c r="B157" s="738"/>
      <c r="C157" s="485"/>
      <c r="D157" s="484"/>
      <c r="E157" s="483"/>
      <c r="F157" s="482"/>
      <c r="G157" s="481" t="s">
        <v>651</v>
      </c>
      <c r="H157" s="476"/>
      <c r="I157" s="476"/>
      <c r="J157" s="476"/>
      <c r="K157" s="476"/>
      <c r="L157" s="475"/>
    </row>
    <row r="158" spans="1:12" ht="16.149999999999999" customHeight="1">
      <c r="A158" s="733" t="s">
        <v>651</v>
      </c>
      <c r="B158" s="734"/>
      <c r="C158" s="495"/>
      <c r="D158" s="494"/>
      <c r="E158" s="493"/>
      <c r="F158" s="492"/>
      <c r="G158" s="486" t="s">
        <v>651</v>
      </c>
      <c r="H158" s="549"/>
      <c r="I158" s="549"/>
      <c r="J158" s="549"/>
      <c r="K158" s="549"/>
      <c r="L158" s="551"/>
    </row>
    <row r="159" spans="1:12" ht="16.149999999999999" customHeight="1">
      <c r="A159" s="735"/>
      <c r="B159" s="736"/>
      <c r="C159" s="490"/>
      <c r="D159" s="489"/>
      <c r="E159" s="491"/>
      <c r="F159" s="487" t="s">
        <v>651</v>
      </c>
      <c r="G159" s="486" t="s">
        <v>651</v>
      </c>
      <c r="H159" s="549"/>
      <c r="I159" s="549"/>
      <c r="J159" s="549"/>
      <c r="K159" s="549"/>
      <c r="L159" s="551"/>
    </row>
    <row r="160" spans="1:12" ht="16.149999999999999" customHeight="1">
      <c r="A160" s="735" t="s">
        <v>691</v>
      </c>
      <c r="B160" s="736"/>
      <c r="C160" s="490" t="s">
        <v>193</v>
      </c>
      <c r="D160" s="489">
        <v>1</v>
      </c>
      <c r="E160" s="488"/>
      <c r="F160" s="487"/>
      <c r="G160" s="486" t="s">
        <v>651</v>
      </c>
      <c r="H160" s="549"/>
      <c r="I160" s="549"/>
      <c r="J160" s="549"/>
      <c r="K160" s="549"/>
      <c r="L160" s="551"/>
    </row>
    <row r="161" spans="1:12" ht="16.149999999999999" customHeight="1">
      <c r="A161" s="737"/>
      <c r="B161" s="738"/>
      <c r="C161" s="485"/>
      <c r="D161" s="484"/>
      <c r="E161" s="483"/>
      <c r="F161" s="482"/>
      <c r="G161" s="481" t="s">
        <v>651</v>
      </c>
      <c r="H161" s="476"/>
      <c r="I161" s="476"/>
      <c r="J161" s="476"/>
      <c r="K161" s="476"/>
      <c r="L161" s="475"/>
    </row>
    <row r="162" spans="1:12" ht="16.149999999999999" customHeight="1">
      <c r="A162" s="733" t="s">
        <v>651</v>
      </c>
      <c r="B162" s="734"/>
      <c r="C162" s="495"/>
      <c r="D162" s="494"/>
      <c r="E162" s="493"/>
      <c r="F162" s="492"/>
      <c r="G162" s="486" t="s">
        <v>651</v>
      </c>
      <c r="H162" s="549"/>
      <c r="I162" s="549"/>
      <c r="J162" s="549"/>
      <c r="K162" s="549"/>
      <c r="L162" s="551"/>
    </row>
    <row r="163" spans="1:12" ht="16.149999999999999" customHeight="1">
      <c r="A163" s="735"/>
      <c r="B163" s="736"/>
      <c r="C163" s="490"/>
      <c r="D163" s="489"/>
      <c r="E163" s="491"/>
      <c r="F163" s="487" t="s">
        <v>651</v>
      </c>
      <c r="G163" s="486" t="s">
        <v>651</v>
      </c>
      <c r="H163" s="549"/>
      <c r="I163" s="549"/>
      <c r="J163" s="549"/>
      <c r="K163" s="549"/>
      <c r="L163" s="551"/>
    </row>
    <row r="164" spans="1:12" ht="16.149999999999999" customHeight="1">
      <c r="A164" s="735" t="s">
        <v>681</v>
      </c>
      <c r="B164" s="736"/>
      <c r="C164" s="490" t="s">
        <v>193</v>
      </c>
      <c r="D164" s="489">
        <v>1</v>
      </c>
      <c r="E164" s="488" t="s">
        <v>618</v>
      </c>
      <c r="F164" s="487"/>
      <c r="G164" s="486" t="s">
        <v>651</v>
      </c>
      <c r="H164" s="549"/>
      <c r="I164" s="549"/>
      <c r="J164" s="549"/>
      <c r="K164" s="549"/>
      <c r="L164" s="551"/>
    </row>
    <row r="165" spans="1:12" ht="16.149999999999999" customHeight="1">
      <c r="A165" s="737"/>
      <c r="B165" s="738"/>
      <c r="C165" s="485"/>
      <c r="D165" s="484"/>
      <c r="E165" s="483"/>
      <c r="F165" s="482"/>
      <c r="G165" s="481" t="s">
        <v>651</v>
      </c>
      <c r="H165" s="476"/>
      <c r="I165" s="476"/>
      <c r="J165" s="476"/>
      <c r="K165" s="476"/>
      <c r="L165" s="475"/>
    </row>
    <row r="167" spans="1:12" ht="16.149999999999999" customHeight="1">
      <c r="A167" s="507" t="s">
        <v>651</v>
      </c>
      <c r="B167" s="479" t="s">
        <v>981</v>
      </c>
      <c r="C167" s="480"/>
      <c r="D167" s="479"/>
      <c r="E167" s="479"/>
      <c r="F167" s="479"/>
      <c r="G167" s="479"/>
      <c r="H167" s="479" t="s">
        <v>617</v>
      </c>
      <c r="I167" s="480" t="s">
        <v>980</v>
      </c>
      <c r="J167" s="479" t="s">
        <v>689</v>
      </c>
      <c r="K167" s="479" t="s">
        <v>688</v>
      </c>
      <c r="L167" s="506"/>
    </row>
    <row r="168" spans="1:12" ht="16.149999999999999" customHeight="1">
      <c r="A168" s="505" t="s">
        <v>651</v>
      </c>
      <c r="B168" s="549" t="s">
        <v>1689</v>
      </c>
      <c r="C168" s="550"/>
      <c r="D168" s="549"/>
      <c r="E168" s="549"/>
      <c r="F168" s="549"/>
      <c r="G168" s="478"/>
      <c r="H168" s="549"/>
      <c r="I168" s="504"/>
      <c r="J168" s="503" t="s">
        <v>687</v>
      </c>
      <c r="K168" s="502" t="s">
        <v>193</v>
      </c>
      <c r="L168" s="501" t="s">
        <v>618</v>
      </c>
    </row>
    <row r="169" spans="1:12" ht="16.149999999999999" customHeight="1">
      <c r="A169" s="477" t="s">
        <v>651</v>
      </c>
      <c r="B169" s="549"/>
      <c r="C169" s="550"/>
      <c r="D169" s="549"/>
      <c r="E169" s="549"/>
      <c r="F169" s="549"/>
      <c r="G169" s="478"/>
      <c r="H169" s="478"/>
      <c r="I169" s="478"/>
      <c r="J169" s="478"/>
      <c r="K169" s="478"/>
      <c r="L169" s="501"/>
    </row>
    <row r="170" spans="1:12" ht="16.149999999999999" customHeight="1">
      <c r="A170" s="498" t="s">
        <v>686</v>
      </c>
      <c r="B170" s="500"/>
      <c r="C170" s="499" t="s">
        <v>309</v>
      </c>
      <c r="D170" s="499" t="s">
        <v>685</v>
      </c>
      <c r="E170" s="499" t="s">
        <v>684</v>
      </c>
      <c r="F170" s="499" t="s">
        <v>683</v>
      </c>
      <c r="G170" s="498" t="s">
        <v>682</v>
      </c>
      <c r="H170" s="497"/>
      <c r="I170" s="497"/>
      <c r="J170" s="497"/>
      <c r="K170" s="497"/>
      <c r="L170" s="496"/>
    </row>
    <row r="171" spans="1:12" ht="16.149999999999999" customHeight="1">
      <c r="A171" s="733" t="s">
        <v>979</v>
      </c>
      <c r="B171" s="734"/>
      <c r="C171" s="495"/>
      <c r="D171" s="494"/>
      <c r="E171" s="493"/>
      <c r="F171" s="492"/>
      <c r="G171" s="486" t="s">
        <v>651</v>
      </c>
      <c r="H171" s="549"/>
      <c r="I171" s="549"/>
      <c r="J171" s="549"/>
      <c r="K171" s="549"/>
      <c r="L171" s="551"/>
    </row>
    <row r="172" spans="1:12" ht="16.149999999999999" customHeight="1">
      <c r="A172" s="735"/>
      <c r="B172" s="736"/>
      <c r="C172" s="490"/>
      <c r="D172" s="489"/>
      <c r="E172" s="491"/>
      <c r="F172" s="487" t="s">
        <v>651</v>
      </c>
      <c r="G172" s="486" t="s">
        <v>651</v>
      </c>
      <c r="H172" s="549"/>
      <c r="I172" s="549"/>
      <c r="J172" s="549"/>
      <c r="K172" s="549"/>
      <c r="L172" s="551"/>
    </row>
    <row r="173" spans="1:12" ht="16.149999999999999" customHeight="1">
      <c r="A173" s="735" t="s">
        <v>1690</v>
      </c>
      <c r="B173" s="736"/>
      <c r="C173" s="490" t="s">
        <v>193</v>
      </c>
      <c r="D173" s="489">
        <v>1</v>
      </c>
      <c r="E173" s="488"/>
      <c r="F173" s="487"/>
      <c r="G173" s="486" t="s">
        <v>651</v>
      </c>
      <c r="H173" s="549"/>
      <c r="I173" s="549"/>
      <c r="J173" s="549"/>
      <c r="K173" s="549"/>
      <c r="L173" s="551"/>
    </row>
    <row r="174" spans="1:12" ht="16.149999999999999" customHeight="1">
      <c r="A174" s="737"/>
      <c r="B174" s="738"/>
      <c r="C174" s="485"/>
      <c r="D174" s="484"/>
      <c r="E174" s="483"/>
      <c r="F174" s="482"/>
      <c r="G174" s="481" t="s">
        <v>651</v>
      </c>
      <c r="H174" s="476"/>
      <c r="I174" s="476"/>
      <c r="J174" s="476"/>
      <c r="K174" s="476"/>
      <c r="L174" s="475"/>
    </row>
    <row r="176" spans="1:12" ht="16.149999999999999" customHeight="1">
      <c r="A176" s="507" t="s">
        <v>651</v>
      </c>
      <c r="B176" s="479" t="s">
        <v>981</v>
      </c>
      <c r="C176" s="480"/>
      <c r="D176" s="479"/>
      <c r="E176" s="479"/>
      <c r="F176" s="479"/>
      <c r="G176" s="479"/>
      <c r="H176" s="479" t="s">
        <v>617</v>
      </c>
      <c r="I176" s="480" t="s">
        <v>980</v>
      </c>
      <c r="J176" s="479" t="s">
        <v>689</v>
      </c>
      <c r="K176" s="479" t="s">
        <v>688</v>
      </c>
      <c r="L176" s="506"/>
    </row>
    <row r="177" spans="1:12" ht="16.149999999999999" customHeight="1">
      <c r="A177" s="505" t="s">
        <v>651</v>
      </c>
      <c r="B177" s="549" t="s">
        <v>1689</v>
      </c>
      <c r="C177" s="550"/>
      <c r="D177" s="549"/>
      <c r="E177" s="549"/>
      <c r="F177" s="549"/>
      <c r="G177" s="478"/>
      <c r="H177" s="549"/>
      <c r="I177" s="504"/>
      <c r="J177" s="503" t="s">
        <v>687</v>
      </c>
      <c r="K177" s="502" t="s">
        <v>193</v>
      </c>
      <c r="L177" s="501" t="s">
        <v>618</v>
      </c>
    </row>
    <row r="178" spans="1:12" ht="16.149999999999999" customHeight="1">
      <c r="A178" s="477" t="s">
        <v>651</v>
      </c>
      <c r="B178" s="549"/>
      <c r="C178" s="550"/>
      <c r="D178" s="549"/>
      <c r="E178" s="549"/>
      <c r="F178" s="549"/>
      <c r="G178" s="478"/>
      <c r="H178" s="478"/>
      <c r="I178" s="478"/>
      <c r="J178" s="478"/>
      <c r="K178" s="478"/>
      <c r="L178" s="501"/>
    </row>
    <row r="179" spans="1:12" ht="16.149999999999999" customHeight="1">
      <c r="A179" s="498" t="s">
        <v>686</v>
      </c>
      <c r="B179" s="500"/>
      <c r="C179" s="499" t="s">
        <v>309</v>
      </c>
      <c r="D179" s="499" t="s">
        <v>685</v>
      </c>
      <c r="E179" s="499" t="s">
        <v>684</v>
      </c>
      <c r="F179" s="499" t="s">
        <v>683</v>
      </c>
      <c r="G179" s="498" t="s">
        <v>682</v>
      </c>
      <c r="H179" s="497"/>
      <c r="I179" s="497"/>
      <c r="J179" s="497"/>
      <c r="K179" s="497"/>
      <c r="L179" s="496"/>
    </row>
    <row r="180" spans="1:12" ht="16.149999999999999" customHeight="1">
      <c r="A180" s="733" t="s">
        <v>651</v>
      </c>
      <c r="B180" s="734"/>
      <c r="C180" s="495"/>
      <c r="D180" s="494"/>
      <c r="E180" s="493"/>
      <c r="F180" s="492"/>
      <c r="G180" s="486" t="s">
        <v>651</v>
      </c>
      <c r="H180" s="549"/>
      <c r="I180" s="549"/>
      <c r="J180" s="549"/>
      <c r="K180" s="549"/>
      <c r="L180" s="551"/>
    </row>
    <row r="181" spans="1:12" ht="16.149999999999999" customHeight="1">
      <c r="A181" s="735"/>
      <c r="B181" s="736"/>
      <c r="C181" s="490"/>
      <c r="D181" s="489"/>
      <c r="E181" s="491"/>
      <c r="F181" s="487" t="s">
        <v>651</v>
      </c>
      <c r="G181" s="486" t="s">
        <v>651</v>
      </c>
      <c r="H181" s="549"/>
      <c r="I181" s="549"/>
      <c r="J181" s="549"/>
      <c r="K181" s="549"/>
      <c r="L181" s="551"/>
    </row>
    <row r="182" spans="1:12" ht="16.149999999999999" customHeight="1">
      <c r="A182" s="735" t="s">
        <v>691</v>
      </c>
      <c r="B182" s="736"/>
      <c r="C182" s="490" t="s">
        <v>193</v>
      </c>
      <c r="D182" s="489">
        <v>1</v>
      </c>
      <c r="E182" s="488"/>
      <c r="F182" s="487"/>
      <c r="G182" s="486" t="s">
        <v>651</v>
      </c>
      <c r="H182" s="549"/>
      <c r="I182" s="549"/>
      <c r="J182" s="549"/>
      <c r="K182" s="549"/>
      <c r="L182" s="551"/>
    </row>
    <row r="183" spans="1:12" ht="16.149999999999999" customHeight="1">
      <c r="A183" s="737"/>
      <c r="B183" s="738"/>
      <c r="C183" s="485"/>
      <c r="D183" s="484"/>
      <c r="E183" s="483"/>
      <c r="F183" s="482"/>
      <c r="G183" s="481" t="s">
        <v>651</v>
      </c>
      <c r="H183" s="476"/>
      <c r="I183" s="476"/>
      <c r="J183" s="476"/>
      <c r="K183" s="476"/>
      <c r="L183" s="475"/>
    </row>
    <row r="184" spans="1:12" ht="16.149999999999999" customHeight="1">
      <c r="A184" s="733" t="s">
        <v>651</v>
      </c>
      <c r="B184" s="734"/>
      <c r="C184" s="495"/>
      <c r="D184" s="494"/>
      <c r="E184" s="493"/>
      <c r="F184" s="492"/>
      <c r="G184" s="486" t="s">
        <v>651</v>
      </c>
      <c r="H184" s="549"/>
      <c r="I184" s="549"/>
      <c r="J184" s="549"/>
      <c r="K184" s="549"/>
      <c r="L184" s="551"/>
    </row>
    <row r="185" spans="1:12" ht="16.149999999999999" customHeight="1">
      <c r="A185" s="735"/>
      <c r="B185" s="736"/>
      <c r="C185" s="490"/>
      <c r="D185" s="489"/>
      <c r="E185" s="491"/>
      <c r="F185" s="487" t="s">
        <v>651</v>
      </c>
      <c r="G185" s="486" t="s">
        <v>651</v>
      </c>
      <c r="H185" s="549"/>
      <c r="I185" s="549"/>
      <c r="J185" s="549"/>
      <c r="K185" s="549"/>
      <c r="L185" s="551"/>
    </row>
    <row r="186" spans="1:12" ht="16.149999999999999" customHeight="1">
      <c r="A186" s="735" t="s">
        <v>681</v>
      </c>
      <c r="B186" s="736"/>
      <c r="C186" s="490" t="s">
        <v>193</v>
      </c>
      <c r="D186" s="489">
        <v>1</v>
      </c>
      <c r="E186" s="488" t="s">
        <v>618</v>
      </c>
      <c r="F186" s="487"/>
      <c r="G186" s="486" t="s">
        <v>651</v>
      </c>
      <c r="H186" s="549"/>
      <c r="I186" s="549"/>
      <c r="J186" s="549"/>
      <c r="K186" s="549"/>
      <c r="L186" s="551"/>
    </row>
    <row r="187" spans="1:12" ht="16.149999999999999" customHeight="1">
      <c r="A187" s="737"/>
      <c r="B187" s="738"/>
      <c r="C187" s="485"/>
      <c r="D187" s="484"/>
      <c r="E187" s="483"/>
      <c r="F187" s="482"/>
      <c r="G187" s="481" t="s">
        <v>651</v>
      </c>
      <c r="H187" s="476"/>
      <c r="I187" s="476"/>
      <c r="J187" s="476"/>
      <c r="K187" s="476"/>
      <c r="L187" s="475"/>
    </row>
    <row r="189" spans="1:12" ht="16.149999999999999" customHeight="1">
      <c r="A189" s="507" t="s">
        <v>651</v>
      </c>
      <c r="B189" s="479" t="s">
        <v>978</v>
      </c>
      <c r="C189" s="480"/>
      <c r="D189" s="479"/>
      <c r="E189" s="479"/>
      <c r="F189" s="479"/>
      <c r="G189" s="479"/>
      <c r="H189" s="479" t="s">
        <v>617</v>
      </c>
      <c r="I189" s="480" t="s">
        <v>977</v>
      </c>
      <c r="J189" s="479" t="s">
        <v>689</v>
      </c>
      <c r="K189" s="479" t="s">
        <v>688</v>
      </c>
      <c r="L189" s="506"/>
    </row>
    <row r="190" spans="1:12" ht="16.149999999999999" customHeight="1">
      <c r="A190" s="505" t="s">
        <v>651</v>
      </c>
      <c r="B190" s="549" t="s">
        <v>1568</v>
      </c>
      <c r="C190" s="550"/>
      <c r="D190" s="549"/>
      <c r="E190" s="549"/>
      <c r="F190" s="549"/>
      <c r="G190" s="478"/>
      <c r="H190" s="549"/>
      <c r="I190" s="504"/>
      <c r="J190" s="503" t="s">
        <v>976</v>
      </c>
      <c r="K190" s="502" t="s">
        <v>240</v>
      </c>
      <c r="L190" s="501" t="s">
        <v>618</v>
      </c>
    </row>
    <row r="191" spans="1:12" ht="16.149999999999999" customHeight="1">
      <c r="A191" s="477" t="s">
        <v>651</v>
      </c>
      <c r="B191" s="549"/>
      <c r="C191" s="550"/>
      <c r="D191" s="549"/>
      <c r="E191" s="549"/>
      <c r="F191" s="549"/>
      <c r="G191" s="478"/>
      <c r="H191" s="478"/>
      <c r="I191" s="478"/>
      <c r="J191" s="478"/>
      <c r="K191" s="478"/>
      <c r="L191" s="501"/>
    </row>
    <row r="192" spans="1:12" ht="16.149999999999999" customHeight="1">
      <c r="A192" s="498" t="s">
        <v>686</v>
      </c>
      <c r="B192" s="500"/>
      <c r="C192" s="499" t="s">
        <v>309</v>
      </c>
      <c r="D192" s="499" t="s">
        <v>685</v>
      </c>
      <c r="E192" s="499" t="s">
        <v>684</v>
      </c>
      <c r="F192" s="499" t="s">
        <v>683</v>
      </c>
      <c r="G192" s="498" t="s">
        <v>682</v>
      </c>
      <c r="H192" s="497"/>
      <c r="I192" s="497"/>
      <c r="J192" s="497"/>
      <c r="K192" s="497"/>
      <c r="L192" s="496"/>
    </row>
    <row r="193" spans="1:12" ht="16.149999999999999" customHeight="1">
      <c r="A193" s="733" t="s">
        <v>725</v>
      </c>
      <c r="B193" s="734"/>
      <c r="C193" s="495"/>
      <c r="D193" s="494"/>
      <c r="E193" s="493"/>
      <c r="F193" s="492"/>
      <c r="G193" s="486" t="s">
        <v>651</v>
      </c>
      <c r="H193" s="549"/>
      <c r="I193" s="549"/>
      <c r="J193" s="549"/>
      <c r="K193" s="549"/>
      <c r="L193" s="551"/>
    </row>
    <row r="194" spans="1:12" ht="16.149999999999999" customHeight="1">
      <c r="A194" s="735"/>
      <c r="B194" s="736"/>
      <c r="C194" s="490"/>
      <c r="D194" s="489"/>
      <c r="E194" s="491"/>
      <c r="F194" s="487" t="s">
        <v>651</v>
      </c>
      <c r="G194" s="486" t="s">
        <v>651</v>
      </c>
      <c r="H194" s="549"/>
      <c r="I194" s="549"/>
      <c r="J194" s="549"/>
      <c r="K194" s="549"/>
      <c r="L194" s="551"/>
    </row>
    <row r="195" spans="1:12" ht="16.149999999999999" customHeight="1">
      <c r="A195" s="735" t="s">
        <v>651</v>
      </c>
      <c r="B195" s="736"/>
      <c r="C195" s="490" t="s">
        <v>248</v>
      </c>
      <c r="D195" s="489"/>
      <c r="E195" s="488"/>
      <c r="F195" s="487"/>
      <c r="G195" s="486" t="s">
        <v>651</v>
      </c>
      <c r="H195" s="549"/>
      <c r="I195" s="549"/>
      <c r="J195" s="549"/>
      <c r="K195" s="549"/>
      <c r="L195" s="551"/>
    </row>
    <row r="196" spans="1:12" ht="16.149999999999999" customHeight="1">
      <c r="A196" s="737"/>
      <c r="B196" s="738"/>
      <c r="C196" s="485"/>
      <c r="D196" s="484"/>
      <c r="E196" s="483"/>
      <c r="F196" s="482"/>
      <c r="G196" s="481" t="s">
        <v>651</v>
      </c>
      <c r="H196" s="476"/>
      <c r="I196" s="476"/>
      <c r="J196" s="476"/>
      <c r="K196" s="476"/>
      <c r="L196" s="475"/>
    </row>
    <row r="197" spans="1:12" ht="16.149999999999999" customHeight="1">
      <c r="A197" s="733" t="s">
        <v>250</v>
      </c>
      <c r="B197" s="734"/>
      <c r="C197" s="495"/>
      <c r="D197" s="494"/>
      <c r="E197" s="493"/>
      <c r="F197" s="492"/>
      <c r="G197" s="486" t="s">
        <v>651</v>
      </c>
      <c r="H197" s="549"/>
      <c r="I197" s="549"/>
      <c r="J197" s="549"/>
      <c r="K197" s="549"/>
      <c r="L197" s="551"/>
    </row>
    <row r="198" spans="1:12" ht="16.149999999999999" customHeight="1">
      <c r="A198" s="735"/>
      <c r="B198" s="736"/>
      <c r="C198" s="490"/>
      <c r="D198" s="489"/>
      <c r="E198" s="491"/>
      <c r="F198" s="487" t="s">
        <v>651</v>
      </c>
      <c r="G198" s="486" t="s">
        <v>651</v>
      </c>
      <c r="H198" s="549"/>
      <c r="I198" s="549"/>
      <c r="J198" s="549"/>
      <c r="K198" s="549"/>
      <c r="L198" s="551"/>
    </row>
    <row r="199" spans="1:12" ht="16.149999999999999" customHeight="1">
      <c r="A199" s="735" t="s">
        <v>651</v>
      </c>
      <c r="B199" s="736"/>
      <c r="C199" s="490" t="s">
        <v>248</v>
      </c>
      <c r="D199" s="489"/>
      <c r="E199" s="488"/>
      <c r="F199" s="487"/>
      <c r="G199" s="486" t="s">
        <v>651</v>
      </c>
      <c r="H199" s="549"/>
      <c r="I199" s="549"/>
      <c r="J199" s="549"/>
      <c r="K199" s="549"/>
      <c r="L199" s="551"/>
    </row>
    <row r="200" spans="1:12" ht="16.149999999999999" customHeight="1">
      <c r="A200" s="737"/>
      <c r="B200" s="738"/>
      <c r="C200" s="485"/>
      <c r="D200" s="484"/>
      <c r="E200" s="483"/>
      <c r="F200" s="482"/>
      <c r="G200" s="481" t="s">
        <v>651</v>
      </c>
      <c r="H200" s="476"/>
      <c r="I200" s="476"/>
      <c r="J200" s="476"/>
      <c r="K200" s="476"/>
      <c r="L200" s="475"/>
    </row>
    <row r="201" spans="1:12" ht="16.149999999999999" customHeight="1">
      <c r="A201" s="733" t="s">
        <v>700</v>
      </c>
      <c r="B201" s="734"/>
      <c r="C201" s="495"/>
      <c r="D201" s="494"/>
      <c r="E201" s="493"/>
      <c r="F201" s="492"/>
      <c r="G201" s="486" t="s">
        <v>651</v>
      </c>
      <c r="H201" s="549"/>
      <c r="I201" s="549"/>
      <c r="J201" s="549"/>
      <c r="K201" s="549"/>
      <c r="L201" s="551"/>
    </row>
    <row r="202" spans="1:12" ht="16.149999999999999" customHeight="1">
      <c r="A202" s="735"/>
      <c r="B202" s="736"/>
      <c r="C202" s="490"/>
      <c r="D202" s="489"/>
      <c r="E202" s="491"/>
      <c r="F202" s="487" t="s">
        <v>651</v>
      </c>
      <c r="G202" s="486" t="s">
        <v>651</v>
      </c>
      <c r="H202" s="549"/>
      <c r="I202" s="549"/>
      <c r="J202" s="549"/>
      <c r="K202" s="549"/>
      <c r="L202" s="551"/>
    </row>
    <row r="203" spans="1:12" ht="16.149999999999999" customHeight="1">
      <c r="A203" s="735" t="s">
        <v>651</v>
      </c>
      <c r="B203" s="736"/>
      <c r="C203" s="490" t="s">
        <v>242</v>
      </c>
      <c r="D203" s="489">
        <v>1</v>
      </c>
      <c r="E203" s="488"/>
      <c r="F203" s="487"/>
      <c r="G203" s="486" t="s">
        <v>651</v>
      </c>
      <c r="H203" s="549"/>
      <c r="I203" s="549"/>
      <c r="J203" s="549"/>
      <c r="K203" s="549"/>
      <c r="L203" s="551"/>
    </row>
    <row r="204" spans="1:12" ht="16.149999999999999" customHeight="1">
      <c r="A204" s="737"/>
      <c r="B204" s="738"/>
      <c r="C204" s="485"/>
      <c r="D204" s="484"/>
      <c r="E204" s="483"/>
      <c r="F204" s="482"/>
      <c r="G204" s="481" t="s">
        <v>651</v>
      </c>
      <c r="H204" s="476"/>
      <c r="I204" s="476"/>
      <c r="J204" s="476"/>
      <c r="K204" s="476"/>
      <c r="L204" s="475"/>
    </row>
    <row r="205" spans="1:12" ht="16.149999999999999" customHeight="1">
      <c r="A205" s="733" t="s">
        <v>651</v>
      </c>
      <c r="B205" s="734"/>
      <c r="C205" s="495"/>
      <c r="D205" s="494"/>
      <c r="E205" s="493"/>
      <c r="F205" s="492"/>
      <c r="G205" s="486" t="s">
        <v>651</v>
      </c>
      <c r="H205" s="549"/>
      <c r="I205" s="549"/>
      <c r="J205" s="549"/>
      <c r="K205" s="549"/>
      <c r="L205" s="551"/>
    </row>
    <row r="206" spans="1:12" ht="16.149999999999999" customHeight="1">
      <c r="A206" s="735"/>
      <c r="B206" s="736"/>
      <c r="C206" s="490"/>
      <c r="D206" s="489"/>
      <c r="E206" s="491"/>
      <c r="F206" s="487" t="s">
        <v>651</v>
      </c>
      <c r="G206" s="486" t="s">
        <v>651</v>
      </c>
      <c r="H206" s="549"/>
      <c r="I206" s="549"/>
      <c r="J206" s="549"/>
      <c r="K206" s="549"/>
      <c r="L206" s="551"/>
    </row>
    <row r="207" spans="1:12" ht="16.149999999999999" customHeight="1">
      <c r="A207" s="735" t="s">
        <v>691</v>
      </c>
      <c r="B207" s="736"/>
      <c r="C207" s="490" t="s">
        <v>240</v>
      </c>
      <c r="D207" s="489">
        <v>20</v>
      </c>
      <c r="E207" s="488"/>
      <c r="F207" s="487"/>
      <c r="G207" s="486" t="s">
        <v>651</v>
      </c>
      <c r="H207" s="549"/>
      <c r="I207" s="549"/>
      <c r="J207" s="549"/>
      <c r="K207" s="549"/>
      <c r="L207" s="551"/>
    </row>
    <row r="208" spans="1:12" ht="16.149999999999999" customHeight="1">
      <c r="A208" s="737"/>
      <c r="B208" s="738"/>
      <c r="C208" s="485"/>
      <c r="D208" s="484"/>
      <c r="E208" s="483"/>
      <c r="F208" s="482"/>
      <c r="G208" s="481" t="s">
        <v>651</v>
      </c>
      <c r="H208" s="476"/>
      <c r="I208" s="476"/>
      <c r="J208" s="476"/>
      <c r="K208" s="476"/>
      <c r="L208" s="475"/>
    </row>
    <row r="211" spans="1:12" ht="16.149999999999999" customHeight="1">
      <c r="A211" s="507" t="s">
        <v>651</v>
      </c>
      <c r="B211" s="479" t="s">
        <v>978</v>
      </c>
      <c r="C211" s="480"/>
      <c r="D211" s="479"/>
      <c r="E211" s="479"/>
      <c r="F211" s="479"/>
      <c r="G211" s="479"/>
      <c r="H211" s="479" t="s">
        <v>617</v>
      </c>
      <c r="I211" s="480" t="s">
        <v>977</v>
      </c>
      <c r="J211" s="479" t="s">
        <v>689</v>
      </c>
      <c r="K211" s="479" t="s">
        <v>688</v>
      </c>
      <c r="L211" s="506"/>
    </row>
    <row r="212" spans="1:12" ht="16.149999999999999" customHeight="1">
      <c r="A212" s="505" t="s">
        <v>651</v>
      </c>
      <c r="B212" s="549" t="s">
        <v>1568</v>
      </c>
      <c r="C212" s="550"/>
      <c r="D212" s="549"/>
      <c r="E212" s="549"/>
      <c r="F212" s="549"/>
      <c r="G212" s="478"/>
      <c r="H212" s="549"/>
      <c r="I212" s="504"/>
      <c r="J212" s="503" t="s">
        <v>976</v>
      </c>
      <c r="K212" s="502" t="s">
        <v>240</v>
      </c>
      <c r="L212" s="501" t="s">
        <v>618</v>
      </c>
    </row>
    <row r="213" spans="1:12" ht="16.149999999999999" customHeight="1">
      <c r="A213" s="477" t="s">
        <v>651</v>
      </c>
      <c r="B213" s="549"/>
      <c r="C213" s="550"/>
      <c r="D213" s="549"/>
      <c r="E213" s="549"/>
      <c r="F213" s="549"/>
      <c r="G213" s="478"/>
      <c r="H213" s="478"/>
      <c r="I213" s="478"/>
      <c r="J213" s="478"/>
      <c r="K213" s="478"/>
      <c r="L213" s="501"/>
    </row>
    <row r="214" spans="1:12" ht="16.149999999999999" customHeight="1">
      <c r="A214" s="498" t="s">
        <v>686</v>
      </c>
      <c r="B214" s="500"/>
      <c r="C214" s="499" t="s">
        <v>309</v>
      </c>
      <c r="D214" s="499" t="s">
        <v>685</v>
      </c>
      <c r="E214" s="499" t="s">
        <v>684</v>
      </c>
      <c r="F214" s="499" t="s">
        <v>683</v>
      </c>
      <c r="G214" s="498" t="s">
        <v>682</v>
      </c>
      <c r="H214" s="497"/>
      <c r="I214" s="497"/>
      <c r="J214" s="497"/>
      <c r="K214" s="497"/>
      <c r="L214" s="496"/>
    </row>
    <row r="215" spans="1:12" ht="16.149999999999999" customHeight="1">
      <c r="A215" s="733" t="s">
        <v>651</v>
      </c>
      <c r="B215" s="734"/>
      <c r="C215" s="495"/>
      <c r="D215" s="494"/>
      <c r="E215" s="493"/>
      <c r="F215" s="492"/>
      <c r="G215" s="486" t="s">
        <v>651</v>
      </c>
      <c r="H215" s="549"/>
      <c r="I215" s="549"/>
      <c r="J215" s="549"/>
      <c r="K215" s="549"/>
      <c r="L215" s="551"/>
    </row>
    <row r="216" spans="1:12" ht="16.149999999999999" customHeight="1">
      <c r="A216" s="735"/>
      <c r="B216" s="736"/>
      <c r="C216" s="490"/>
      <c r="D216" s="489"/>
      <c r="E216" s="491"/>
      <c r="F216" s="487" t="s">
        <v>651</v>
      </c>
      <c r="G216" s="486" t="s">
        <v>651</v>
      </c>
      <c r="H216" s="549"/>
      <c r="I216" s="549"/>
      <c r="J216" s="549"/>
      <c r="K216" s="549"/>
      <c r="L216" s="551"/>
    </row>
    <row r="217" spans="1:12" ht="16.149999999999999" customHeight="1">
      <c r="A217" s="735" t="s">
        <v>681</v>
      </c>
      <c r="B217" s="736"/>
      <c r="C217" s="490" t="s">
        <v>240</v>
      </c>
      <c r="D217" s="489">
        <v>1</v>
      </c>
      <c r="E217" s="488" t="s">
        <v>618</v>
      </c>
      <c r="F217" s="487"/>
      <c r="G217" s="486" t="s">
        <v>651</v>
      </c>
      <c r="H217" s="549"/>
      <c r="I217" s="549"/>
      <c r="J217" s="549"/>
      <c r="K217" s="549"/>
      <c r="L217" s="551"/>
    </row>
    <row r="218" spans="1:12" ht="16.149999999999999" customHeight="1">
      <c r="A218" s="737"/>
      <c r="B218" s="738"/>
      <c r="C218" s="485"/>
      <c r="D218" s="484"/>
      <c r="E218" s="483"/>
      <c r="F218" s="482"/>
      <c r="G218" s="481" t="s">
        <v>651</v>
      </c>
      <c r="H218" s="476"/>
      <c r="I218" s="476"/>
      <c r="J218" s="476"/>
      <c r="K218" s="476"/>
      <c r="L218" s="475"/>
    </row>
    <row r="220" spans="1:12" ht="16.149999999999999" customHeight="1">
      <c r="A220" s="507" t="s">
        <v>651</v>
      </c>
      <c r="B220" s="479" t="s">
        <v>975</v>
      </c>
      <c r="C220" s="480"/>
      <c r="D220" s="479"/>
      <c r="E220" s="479"/>
      <c r="F220" s="479"/>
      <c r="G220" s="479"/>
      <c r="H220" s="479" t="s">
        <v>617</v>
      </c>
      <c r="I220" s="480" t="s">
        <v>974</v>
      </c>
      <c r="J220" s="479" t="s">
        <v>689</v>
      </c>
      <c r="K220" s="479" t="s">
        <v>688</v>
      </c>
      <c r="L220" s="506"/>
    </row>
    <row r="221" spans="1:12" ht="16.149999999999999" customHeight="1">
      <c r="A221" s="505" t="s">
        <v>651</v>
      </c>
      <c r="B221" s="549" t="s">
        <v>1564</v>
      </c>
      <c r="C221" s="550"/>
      <c r="D221" s="549"/>
      <c r="E221" s="549"/>
      <c r="F221" s="549"/>
      <c r="G221" s="478"/>
      <c r="H221" s="549"/>
      <c r="I221" s="504"/>
      <c r="J221" s="503" t="s">
        <v>708</v>
      </c>
      <c r="K221" s="502" t="s">
        <v>237</v>
      </c>
      <c r="L221" s="501" t="s">
        <v>618</v>
      </c>
    </row>
    <row r="222" spans="1:12" ht="16.149999999999999" customHeight="1">
      <c r="A222" s="477" t="s">
        <v>651</v>
      </c>
      <c r="B222" s="549"/>
      <c r="C222" s="550"/>
      <c r="D222" s="549"/>
      <c r="E222" s="549"/>
      <c r="F222" s="549"/>
      <c r="G222" s="478"/>
      <c r="H222" s="478"/>
      <c r="I222" s="478"/>
      <c r="J222" s="478"/>
      <c r="K222" s="478"/>
      <c r="L222" s="501"/>
    </row>
    <row r="223" spans="1:12" ht="16.149999999999999" customHeight="1">
      <c r="A223" s="498" t="s">
        <v>686</v>
      </c>
      <c r="B223" s="500"/>
      <c r="C223" s="499" t="s">
        <v>309</v>
      </c>
      <c r="D223" s="499" t="s">
        <v>685</v>
      </c>
      <c r="E223" s="499" t="s">
        <v>684</v>
      </c>
      <c r="F223" s="499" t="s">
        <v>683</v>
      </c>
      <c r="G223" s="498" t="s">
        <v>682</v>
      </c>
      <c r="H223" s="497"/>
      <c r="I223" s="497"/>
      <c r="J223" s="497"/>
      <c r="K223" s="497"/>
      <c r="L223" s="496"/>
    </row>
    <row r="224" spans="1:12" ht="16.149999999999999" customHeight="1">
      <c r="A224" s="733" t="s">
        <v>725</v>
      </c>
      <c r="B224" s="734"/>
      <c r="C224" s="495"/>
      <c r="D224" s="494"/>
      <c r="E224" s="493"/>
      <c r="F224" s="492"/>
      <c r="G224" s="486" t="s">
        <v>651</v>
      </c>
      <c r="H224" s="549"/>
      <c r="I224" s="549"/>
      <c r="J224" s="549"/>
      <c r="K224" s="549"/>
      <c r="L224" s="551"/>
    </row>
    <row r="225" spans="1:12" ht="16.149999999999999" customHeight="1">
      <c r="A225" s="735"/>
      <c r="B225" s="736"/>
      <c r="C225" s="490"/>
      <c r="D225" s="489"/>
      <c r="E225" s="491"/>
      <c r="F225" s="487" t="s">
        <v>651</v>
      </c>
      <c r="G225" s="486" t="s">
        <v>651</v>
      </c>
      <c r="H225" s="549"/>
      <c r="I225" s="549"/>
      <c r="J225" s="549"/>
      <c r="K225" s="549"/>
      <c r="L225" s="551"/>
    </row>
    <row r="226" spans="1:12" ht="16.149999999999999" customHeight="1">
      <c r="A226" s="735" t="s">
        <v>651</v>
      </c>
      <c r="B226" s="736"/>
      <c r="C226" s="490" t="s">
        <v>248</v>
      </c>
      <c r="D226" s="489"/>
      <c r="E226" s="488"/>
      <c r="F226" s="487"/>
      <c r="G226" s="486" t="s">
        <v>651</v>
      </c>
      <c r="H226" s="549"/>
      <c r="I226" s="549"/>
      <c r="J226" s="549"/>
      <c r="K226" s="549"/>
      <c r="L226" s="551"/>
    </row>
    <row r="227" spans="1:12" ht="16.149999999999999" customHeight="1">
      <c r="A227" s="737"/>
      <c r="B227" s="738"/>
      <c r="C227" s="485"/>
      <c r="D227" s="484"/>
      <c r="E227" s="483"/>
      <c r="F227" s="482"/>
      <c r="G227" s="481" t="s">
        <v>651</v>
      </c>
      <c r="H227" s="476"/>
      <c r="I227" s="476"/>
      <c r="J227" s="476"/>
      <c r="K227" s="476"/>
      <c r="L227" s="475"/>
    </row>
    <row r="228" spans="1:12" ht="16.149999999999999" customHeight="1">
      <c r="A228" s="733" t="s">
        <v>250</v>
      </c>
      <c r="B228" s="734"/>
      <c r="C228" s="495"/>
      <c r="D228" s="494"/>
      <c r="E228" s="493"/>
      <c r="F228" s="492"/>
      <c r="G228" s="486" t="s">
        <v>651</v>
      </c>
      <c r="H228" s="549"/>
      <c r="I228" s="549"/>
      <c r="J228" s="549"/>
      <c r="K228" s="549"/>
      <c r="L228" s="551"/>
    </row>
    <row r="229" spans="1:12" ht="16.149999999999999" customHeight="1">
      <c r="A229" s="735"/>
      <c r="B229" s="736"/>
      <c r="C229" s="490"/>
      <c r="D229" s="489"/>
      <c r="E229" s="491"/>
      <c r="F229" s="487" t="s">
        <v>651</v>
      </c>
      <c r="G229" s="486" t="s">
        <v>651</v>
      </c>
      <c r="H229" s="549"/>
      <c r="I229" s="549"/>
      <c r="J229" s="549"/>
      <c r="K229" s="549"/>
      <c r="L229" s="551"/>
    </row>
    <row r="230" spans="1:12" ht="16.149999999999999" customHeight="1">
      <c r="A230" s="735" t="s">
        <v>651</v>
      </c>
      <c r="B230" s="736"/>
      <c r="C230" s="490" t="s">
        <v>248</v>
      </c>
      <c r="D230" s="489"/>
      <c r="E230" s="488"/>
      <c r="F230" s="487"/>
      <c r="G230" s="486" t="s">
        <v>651</v>
      </c>
      <c r="H230" s="549"/>
      <c r="I230" s="549"/>
      <c r="J230" s="549"/>
      <c r="K230" s="549"/>
      <c r="L230" s="551"/>
    </row>
    <row r="231" spans="1:12" ht="16.149999999999999" customHeight="1">
      <c r="A231" s="737"/>
      <c r="B231" s="738"/>
      <c r="C231" s="485"/>
      <c r="D231" s="484"/>
      <c r="E231" s="483"/>
      <c r="F231" s="482"/>
      <c r="G231" s="481" t="s">
        <v>651</v>
      </c>
      <c r="H231" s="476"/>
      <c r="I231" s="476"/>
      <c r="J231" s="476"/>
      <c r="K231" s="476"/>
      <c r="L231" s="475"/>
    </row>
    <row r="232" spans="1:12" ht="16.149999999999999" customHeight="1">
      <c r="A232" s="733" t="s">
        <v>700</v>
      </c>
      <c r="B232" s="734"/>
      <c r="C232" s="495"/>
      <c r="D232" s="494"/>
      <c r="E232" s="493"/>
      <c r="F232" s="492"/>
      <c r="G232" s="486" t="s">
        <v>651</v>
      </c>
      <c r="H232" s="549"/>
      <c r="I232" s="549"/>
      <c r="J232" s="549"/>
      <c r="K232" s="549"/>
      <c r="L232" s="551"/>
    </row>
    <row r="233" spans="1:12" ht="16.149999999999999" customHeight="1">
      <c r="A233" s="735"/>
      <c r="B233" s="736"/>
      <c r="C233" s="490"/>
      <c r="D233" s="489"/>
      <c r="E233" s="491"/>
      <c r="F233" s="487" t="s">
        <v>651</v>
      </c>
      <c r="G233" s="486" t="s">
        <v>651</v>
      </c>
      <c r="H233" s="549"/>
      <c r="I233" s="549"/>
      <c r="J233" s="549"/>
      <c r="K233" s="549"/>
      <c r="L233" s="551"/>
    </row>
    <row r="234" spans="1:12" ht="16.149999999999999" customHeight="1">
      <c r="A234" s="735" t="s">
        <v>651</v>
      </c>
      <c r="B234" s="736"/>
      <c r="C234" s="490" t="s">
        <v>242</v>
      </c>
      <c r="D234" s="489">
        <v>1</v>
      </c>
      <c r="E234" s="488"/>
      <c r="F234" s="487"/>
      <c r="G234" s="486" t="s">
        <v>651</v>
      </c>
      <c r="H234" s="549"/>
      <c r="I234" s="549"/>
      <c r="J234" s="549"/>
      <c r="K234" s="549"/>
      <c r="L234" s="551"/>
    </row>
    <row r="235" spans="1:12" ht="16.149999999999999" customHeight="1">
      <c r="A235" s="737"/>
      <c r="B235" s="738"/>
      <c r="C235" s="485"/>
      <c r="D235" s="484"/>
      <c r="E235" s="483"/>
      <c r="F235" s="482"/>
      <c r="G235" s="481" t="s">
        <v>651</v>
      </c>
      <c r="H235" s="476"/>
      <c r="I235" s="476"/>
      <c r="J235" s="476"/>
      <c r="K235" s="476"/>
      <c r="L235" s="475"/>
    </row>
    <row r="236" spans="1:12" ht="16.149999999999999" customHeight="1">
      <c r="A236" s="733" t="s">
        <v>651</v>
      </c>
      <c r="B236" s="734"/>
      <c r="C236" s="495"/>
      <c r="D236" s="494"/>
      <c r="E236" s="493"/>
      <c r="F236" s="492"/>
      <c r="G236" s="486" t="s">
        <v>651</v>
      </c>
      <c r="H236" s="549"/>
      <c r="I236" s="549"/>
      <c r="J236" s="549"/>
      <c r="K236" s="549"/>
      <c r="L236" s="551"/>
    </row>
    <row r="237" spans="1:12" ht="16.149999999999999" customHeight="1">
      <c r="A237" s="735"/>
      <c r="B237" s="736"/>
      <c r="C237" s="490"/>
      <c r="D237" s="489"/>
      <c r="E237" s="491"/>
      <c r="F237" s="487" t="s">
        <v>651</v>
      </c>
      <c r="G237" s="486" t="s">
        <v>651</v>
      </c>
      <c r="H237" s="549"/>
      <c r="I237" s="549"/>
      <c r="J237" s="549"/>
      <c r="K237" s="549"/>
      <c r="L237" s="551"/>
    </row>
    <row r="238" spans="1:12" ht="16.149999999999999" customHeight="1">
      <c r="A238" s="735" t="s">
        <v>691</v>
      </c>
      <c r="B238" s="736"/>
      <c r="C238" s="490" t="s">
        <v>237</v>
      </c>
      <c r="D238" s="489">
        <v>10</v>
      </c>
      <c r="E238" s="488"/>
      <c r="F238" s="487"/>
      <c r="G238" s="486" t="s">
        <v>651</v>
      </c>
      <c r="H238" s="549"/>
      <c r="I238" s="549"/>
      <c r="J238" s="549"/>
      <c r="K238" s="549"/>
      <c r="L238" s="551"/>
    </row>
    <row r="239" spans="1:12" ht="16.149999999999999" customHeight="1">
      <c r="A239" s="737"/>
      <c r="B239" s="738"/>
      <c r="C239" s="485"/>
      <c r="D239" s="484"/>
      <c r="E239" s="483"/>
      <c r="F239" s="482"/>
      <c r="G239" s="481" t="s">
        <v>651</v>
      </c>
      <c r="H239" s="476"/>
      <c r="I239" s="476"/>
      <c r="J239" s="476"/>
      <c r="K239" s="476"/>
      <c r="L239" s="475"/>
    </row>
    <row r="240" spans="1:12" ht="16.149999999999999" customHeight="1">
      <c r="A240" s="733" t="s">
        <v>651</v>
      </c>
      <c r="B240" s="734"/>
      <c r="C240" s="495"/>
      <c r="D240" s="494"/>
      <c r="E240" s="493"/>
      <c r="F240" s="492"/>
      <c r="G240" s="486" t="s">
        <v>651</v>
      </c>
      <c r="H240" s="549"/>
      <c r="I240" s="549"/>
      <c r="J240" s="549"/>
      <c r="K240" s="549"/>
      <c r="L240" s="551"/>
    </row>
    <row r="241" spans="1:12" ht="16.149999999999999" customHeight="1">
      <c r="A241" s="735"/>
      <c r="B241" s="736"/>
      <c r="C241" s="490"/>
      <c r="D241" s="489"/>
      <c r="E241" s="491"/>
      <c r="F241" s="487" t="s">
        <v>651</v>
      </c>
      <c r="G241" s="486" t="s">
        <v>651</v>
      </c>
      <c r="H241" s="549"/>
      <c r="I241" s="549"/>
      <c r="J241" s="549"/>
      <c r="K241" s="549"/>
      <c r="L241" s="551"/>
    </row>
    <row r="242" spans="1:12" ht="16.149999999999999" customHeight="1">
      <c r="A242" s="735" t="s">
        <v>681</v>
      </c>
      <c r="B242" s="736"/>
      <c r="C242" s="490" t="s">
        <v>237</v>
      </c>
      <c r="D242" s="489">
        <v>1</v>
      </c>
      <c r="E242" s="488" t="s">
        <v>618</v>
      </c>
      <c r="F242" s="487"/>
      <c r="G242" s="486" t="s">
        <v>651</v>
      </c>
      <c r="H242" s="549"/>
      <c r="I242" s="549"/>
      <c r="J242" s="549"/>
      <c r="K242" s="549"/>
      <c r="L242" s="551"/>
    </row>
    <row r="243" spans="1:12" ht="16.149999999999999" customHeight="1">
      <c r="A243" s="737"/>
      <c r="B243" s="738"/>
      <c r="C243" s="485"/>
      <c r="D243" s="484"/>
      <c r="E243" s="483"/>
      <c r="F243" s="482"/>
      <c r="G243" s="481" t="s">
        <v>651</v>
      </c>
      <c r="H243" s="476"/>
      <c r="I243" s="476"/>
      <c r="J243" s="476"/>
      <c r="K243" s="476"/>
      <c r="L243" s="475"/>
    </row>
    <row r="246" spans="1:12" ht="16.149999999999999" customHeight="1">
      <c r="A246" s="507" t="s">
        <v>651</v>
      </c>
      <c r="B246" s="479" t="s">
        <v>973</v>
      </c>
      <c r="C246" s="480"/>
      <c r="D246" s="479"/>
      <c r="E246" s="479"/>
      <c r="F246" s="479"/>
      <c r="G246" s="479"/>
      <c r="H246" s="479" t="s">
        <v>617</v>
      </c>
      <c r="I246" s="480" t="s">
        <v>972</v>
      </c>
      <c r="J246" s="479" t="s">
        <v>689</v>
      </c>
      <c r="K246" s="479" t="s">
        <v>688</v>
      </c>
      <c r="L246" s="506"/>
    </row>
    <row r="247" spans="1:12" ht="16.149999999999999" customHeight="1">
      <c r="A247" s="505" t="s">
        <v>651</v>
      </c>
      <c r="B247" s="549" t="s">
        <v>651</v>
      </c>
      <c r="C247" s="550"/>
      <c r="D247" s="549"/>
      <c r="E247" s="549"/>
      <c r="F247" s="549"/>
      <c r="G247" s="478"/>
      <c r="H247" s="549"/>
      <c r="I247" s="504"/>
      <c r="J247" s="503" t="s">
        <v>722</v>
      </c>
      <c r="K247" s="502" t="s">
        <v>193</v>
      </c>
      <c r="L247" s="501" t="s">
        <v>618</v>
      </c>
    </row>
    <row r="248" spans="1:12" ht="16.149999999999999" customHeight="1">
      <c r="A248" s="477" t="s">
        <v>651</v>
      </c>
      <c r="B248" s="549"/>
      <c r="C248" s="550"/>
      <c r="D248" s="549"/>
      <c r="E248" s="549"/>
      <c r="F248" s="549"/>
      <c r="G248" s="478"/>
      <c r="H248" s="478"/>
      <c r="I248" s="478"/>
      <c r="J248" s="478"/>
      <c r="K248" s="478"/>
      <c r="L248" s="501"/>
    </row>
    <row r="249" spans="1:12" ht="16.149999999999999" customHeight="1">
      <c r="A249" s="498" t="s">
        <v>686</v>
      </c>
      <c r="B249" s="500"/>
      <c r="C249" s="499" t="s">
        <v>309</v>
      </c>
      <c r="D249" s="499" t="s">
        <v>685</v>
      </c>
      <c r="E249" s="499" t="s">
        <v>684</v>
      </c>
      <c r="F249" s="499" t="s">
        <v>683</v>
      </c>
      <c r="G249" s="498" t="s">
        <v>682</v>
      </c>
      <c r="H249" s="497"/>
      <c r="I249" s="497"/>
      <c r="J249" s="497"/>
      <c r="K249" s="497"/>
      <c r="L249" s="496"/>
    </row>
    <row r="250" spans="1:12" ht="16.149999999999999" customHeight="1">
      <c r="A250" s="733" t="s">
        <v>971</v>
      </c>
      <c r="B250" s="734"/>
      <c r="C250" s="495"/>
      <c r="D250" s="494"/>
      <c r="E250" s="493"/>
      <c r="F250" s="492"/>
      <c r="G250" s="486" t="s">
        <v>970</v>
      </c>
      <c r="H250" s="549"/>
      <c r="I250" s="549"/>
      <c r="J250" s="549"/>
      <c r="K250" s="549"/>
      <c r="L250" s="551"/>
    </row>
    <row r="251" spans="1:12" ht="16.149999999999999" customHeight="1">
      <c r="A251" s="735"/>
      <c r="B251" s="736"/>
      <c r="C251" s="490"/>
      <c r="D251" s="489"/>
      <c r="E251" s="491"/>
      <c r="F251" s="487" t="s">
        <v>651</v>
      </c>
      <c r="G251" s="486" t="s">
        <v>651</v>
      </c>
      <c r="H251" s="549"/>
      <c r="I251" s="549"/>
      <c r="J251" s="549"/>
      <c r="K251" s="549"/>
      <c r="L251" s="551"/>
    </row>
    <row r="252" spans="1:12" ht="16.149999999999999" customHeight="1">
      <c r="A252" s="735" t="s">
        <v>651</v>
      </c>
      <c r="B252" s="736"/>
      <c r="C252" s="490" t="s">
        <v>621</v>
      </c>
      <c r="D252" s="489"/>
      <c r="E252" s="488"/>
      <c r="F252" s="487"/>
      <c r="G252" s="486" t="s">
        <v>651</v>
      </c>
      <c r="H252" s="549"/>
      <c r="I252" s="549"/>
      <c r="J252" s="549"/>
      <c r="K252" s="549"/>
      <c r="L252" s="551"/>
    </row>
    <row r="253" spans="1:12" ht="16.149999999999999" customHeight="1">
      <c r="A253" s="737"/>
      <c r="B253" s="738"/>
      <c r="C253" s="485"/>
      <c r="D253" s="484"/>
      <c r="E253" s="483"/>
      <c r="F253" s="482"/>
      <c r="G253" s="481" t="s">
        <v>651</v>
      </c>
      <c r="H253" s="476"/>
      <c r="I253" s="476"/>
      <c r="J253" s="476"/>
      <c r="K253" s="476"/>
      <c r="L253" s="475"/>
    </row>
    <row r="254" spans="1:12" ht="16.149999999999999" customHeight="1">
      <c r="A254" s="733" t="s">
        <v>700</v>
      </c>
      <c r="B254" s="734"/>
      <c r="C254" s="495"/>
      <c r="D254" s="494"/>
      <c r="E254" s="493"/>
      <c r="F254" s="492"/>
      <c r="G254" s="486" t="s">
        <v>651</v>
      </c>
      <c r="H254" s="549"/>
      <c r="I254" s="549"/>
      <c r="J254" s="549"/>
      <c r="K254" s="549"/>
      <c r="L254" s="551"/>
    </row>
    <row r="255" spans="1:12" ht="16.149999999999999" customHeight="1">
      <c r="A255" s="735"/>
      <c r="B255" s="736"/>
      <c r="C255" s="490"/>
      <c r="D255" s="489"/>
      <c r="E255" s="491"/>
      <c r="F255" s="487" t="s">
        <v>651</v>
      </c>
      <c r="G255" s="486" t="s">
        <v>651</v>
      </c>
      <c r="H255" s="549"/>
      <c r="I255" s="549"/>
      <c r="J255" s="549"/>
      <c r="K255" s="549"/>
      <c r="L255" s="551"/>
    </row>
    <row r="256" spans="1:12" ht="16.149999999999999" customHeight="1">
      <c r="A256" s="735" t="s">
        <v>651</v>
      </c>
      <c r="B256" s="736"/>
      <c r="C256" s="490" t="s">
        <v>242</v>
      </c>
      <c r="D256" s="489">
        <v>1</v>
      </c>
      <c r="E256" s="488"/>
      <c r="F256" s="487"/>
      <c r="G256" s="486" t="s">
        <v>651</v>
      </c>
      <c r="H256" s="549"/>
      <c r="I256" s="549"/>
      <c r="J256" s="549"/>
      <c r="K256" s="549"/>
      <c r="L256" s="551"/>
    </row>
    <row r="257" spans="1:12" ht="16.149999999999999" customHeight="1">
      <c r="A257" s="737"/>
      <c r="B257" s="738"/>
      <c r="C257" s="485"/>
      <c r="D257" s="484"/>
      <c r="E257" s="483"/>
      <c r="F257" s="482"/>
      <c r="G257" s="481" t="s">
        <v>651</v>
      </c>
      <c r="H257" s="476"/>
      <c r="I257" s="476"/>
      <c r="J257" s="476"/>
      <c r="K257" s="476"/>
      <c r="L257" s="475"/>
    </row>
    <row r="258" spans="1:12" ht="16.149999999999999" customHeight="1">
      <c r="A258" s="733" t="s">
        <v>651</v>
      </c>
      <c r="B258" s="734"/>
      <c r="C258" s="495"/>
      <c r="D258" s="494"/>
      <c r="E258" s="493"/>
      <c r="F258" s="492"/>
      <c r="G258" s="486" t="s">
        <v>651</v>
      </c>
      <c r="H258" s="549"/>
      <c r="I258" s="549"/>
      <c r="J258" s="549"/>
      <c r="K258" s="549"/>
      <c r="L258" s="551"/>
    </row>
    <row r="259" spans="1:12" ht="16.149999999999999" customHeight="1">
      <c r="A259" s="735"/>
      <c r="B259" s="736"/>
      <c r="C259" s="490"/>
      <c r="D259" s="489"/>
      <c r="E259" s="491"/>
      <c r="F259" s="487" t="s">
        <v>651</v>
      </c>
      <c r="G259" s="486" t="s">
        <v>651</v>
      </c>
      <c r="H259" s="549"/>
      <c r="I259" s="549"/>
      <c r="J259" s="549"/>
      <c r="K259" s="549"/>
      <c r="L259" s="551"/>
    </row>
    <row r="260" spans="1:12" ht="16.149999999999999" customHeight="1">
      <c r="A260" s="735" t="s">
        <v>691</v>
      </c>
      <c r="B260" s="736"/>
      <c r="C260" s="490" t="s">
        <v>193</v>
      </c>
      <c r="D260" s="489">
        <v>100</v>
      </c>
      <c r="E260" s="488"/>
      <c r="F260" s="487"/>
      <c r="G260" s="486" t="s">
        <v>651</v>
      </c>
      <c r="H260" s="549"/>
      <c r="I260" s="549"/>
      <c r="J260" s="549"/>
      <c r="K260" s="549"/>
      <c r="L260" s="551"/>
    </row>
    <row r="261" spans="1:12" ht="16.149999999999999" customHeight="1">
      <c r="A261" s="737"/>
      <c r="B261" s="738"/>
      <c r="C261" s="485"/>
      <c r="D261" s="484"/>
      <c r="E261" s="483"/>
      <c r="F261" s="482"/>
      <c r="G261" s="481" t="s">
        <v>651</v>
      </c>
      <c r="H261" s="476"/>
      <c r="I261" s="476"/>
      <c r="J261" s="476"/>
      <c r="K261" s="476"/>
      <c r="L261" s="475"/>
    </row>
    <row r="262" spans="1:12" ht="16.149999999999999" customHeight="1">
      <c r="A262" s="733" t="s">
        <v>651</v>
      </c>
      <c r="B262" s="734"/>
      <c r="C262" s="495"/>
      <c r="D262" s="494"/>
      <c r="E262" s="493"/>
      <c r="F262" s="492"/>
      <c r="G262" s="486" t="s">
        <v>651</v>
      </c>
      <c r="H262" s="549"/>
      <c r="I262" s="549"/>
      <c r="J262" s="549"/>
      <c r="K262" s="549"/>
      <c r="L262" s="551"/>
    </row>
    <row r="263" spans="1:12" ht="16.149999999999999" customHeight="1">
      <c r="A263" s="735"/>
      <c r="B263" s="736"/>
      <c r="C263" s="490"/>
      <c r="D263" s="489"/>
      <c r="E263" s="491"/>
      <c r="F263" s="487" t="s">
        <v>651</v>
      </c>
      <c r="G263" s="486" t="s">
        <v>651</v>
      </c>
      <c r="H263" s="549"/>
      <c r="I263" s="549"/>
      <c r="J263" s="549"/>
      <c r="K263" s="549"/>
      <c r="L263" s="551"/>
    </row>
    <row r="264" spans="1:12" ht="16.149999999999999" customHeight="1">
      <c r="A264" s="735" t="s">
        <v>681</v>
      </c>
      <c r="B264" s="736"/>
      <c r="C264" s="490" t="s">
        <v>193</v>
      </c>
      <c r="D264" s="489">
        <v>1</v>
      </c>
      <c r="E264" s="488" t="s">
        <v>618</v>
      </c>
      <c r="F264" s="487"/>
      <c r="G264" s="486" t="s">
        <v>651</v>
      </c>
      <c r="H264" s="549"/>
      <c r="I264" s="549"/>
      <c r="J264" s="549"/>
      <c r="K264" s="549"/>
      <c r="L264" s="551"/>
    </row>
    <row r="265" spans="1:12" ht="16.149999999999999" customHeight="1">
      <c r="A265" s="737"/>
      <c r="B265" s="738"/>
      <c r="C265" s="485"/>
      <c r="D265" s="484"/>
      <c r="E265" s="483"/>
      <c r="F265" s="482"/>
      <c r="G265" s="481" t="s">
        <v>651</v>
      </c>
      <c r="H265" s="476"/>
      <c r="I265" s="476"/>
      <c r="J265" s="476"/>
      <c r="K265" s="476"/>
      <c r="L265" s="475"/>
    </row>
    <row r="267" spans="1:12" ht="16.149999999999999" customHeight="1">
      <c r="A267" s="507" t="s">
        <v>651</v>
      </c>
      <c r="B267" s="479" t="s">
        <v>964</v>
      </c>
      <c r="C267" s="480"/>
      <c r="D267" s="479"/>
      <c r="E267" s="479"/>
      <c r="F267" s="479"/>
      <c r="G267" s="479"/>
      <c r="H267" s="479" t="s">
        <v>617</v>
      </c>
      <c r="I267" s="480" t="s">
        <v>968</v>
      </c>
      <c r="J267" s="479" t="s">
        <v>689</v>
      </c>
      <c r="K267" s="479" t="s">
        <v>688</v>
      </c>
      <c r="L267" s="506"/>
    </row>
    <row r="268" spans="1:12" ht="16.149999999999999" customHeight="1">
      <c r="A268" s="505" t="s">
        <v>651</v>
      </c>
      <c r="B268" s="549" t="s">
        <v>1427</v>
      </c>
      <c r="C268" s="550"/>
      <c r="D268" s="549"/>
      <c r="E268" s="549"/>
      <c r="F268" s="549"/>
      <c r="G268" s="478"/>
      <c r="H268" s="549"/>
      <c r="I268" s="504"/>
      <c r="J268" s="503" t="s">
        <v>708</v>
      </c>
      <c r="K268" s="502" t="s">
        <v>193</v>
      </c>
      <c r="L268" s="501" t="s">
        <v>618</v>
      </c>
    </row>
    <row r="269" spans="1:12" ht="16.149999999999999" customHeight="1">
      <c r="A269" s="477" t="s">
        <v>651</v>
      </c>
      <c r="B269" s="549"/>
      <c r="C269" s="550"/>
      <c r="D269" s="549"/>
      <c r="E269" s="549"/>
      <c r="F269" s="549"/>
      <c r="G269" s="478"/>
      <c r="H269" s="478"/>
      <c r="I269" s="478"/>
      <c r="J269" s="478"/>
      <c r="K269" s="478"/>
      <c r="L269" s="501"/>
    </row>
    <row r="270" spans="1:12" ht="16.149999999999999" customHeight="1">
      <c r="A270" s="498" t="s">
        <v>686</v>
      </c>
      <c r="B270" s="500"/>
      <c r="C270" s="499" t="s">
        <v>309</v>
      </c>
      <c r="D270" s="499" t="s">
        <v>685</v>
      </c>
      <c r="E270" s="499" t="s">
        <v>684</v>
      </c>
      <c r="F270" s="499" t="s">
        <v>683</v>
      </c>
      <c r="G270" s="498" t="s">
        <v>682</v>
      </c>
      <c r="H270" s="497"/>
      <c r="I270" s="497"/>
      <c r="J270" s="497"/>
      <c r="K270" s="497"/>
      <c r="L270" s="496"/>
    </row>
    <row r="271" spans="1:12" ht="16.149999999999999" customHeight="1">
      <c r="A271" s="733" t="s">
        <v>964</v>
      </c>
      <c r="B271" s="734"/>
      <c r="C271" s="495"/>
      <c r="D271" s="494"/>
      <c r="E271" s="493"/>
      <c r="F271" s="492"/>
      <c r="G271" s="486" t="s">
        <v>969</v>
      </c>
      <c r="H271" s="549"/>
      <c r="I271" s="549"/>
      <c r="J271" s="549"/>
      <c r="K271" s="549"/>
      <c r="L271" s="551"/>
    </row>
    <row r="272" spans="1:12" ht="16.149999999999999" customHeight="1">
      <c r="A272" s="735"/>
      <c r="B272" s="736"/>
      <c r="C272" s="490"/>
      <c r="D272" s="489"/>
      <c r="E272" s="491"/>
      <c r="F272" s="487" t="s">
        <v>651</v>
      </c>
      <c r="G272" s="486" t="s">
        <v>651</v>
      </c>
      <c r="H272" s="549"/>
      <c r="I272" s="549"/>
      <c r="J272" s="549"/>
      <c r="K272" s="549"/>
      <c r="L272" s="551"/>
    </row>
    <row r="273" spans="1:12" ht="16.149999999999999" customHeight="1">
      <c r="A273" s="735" t="s">
        <v>1688</v>
      </c>
      <c r="B273" s="736"/>
      <c r="C273" s="490" t="s">
        <v>193</v>
      </c>
      <c r="D273" s="489">
        <v>10</v>
      </c>
      <c r="E273" s="488"/>
      <c r="F273" s="487"/>
      <c r="G273" s="486" t="s">
        <v>651</v>
      </c>
      <c r="H273" s="549"/>
      <c r="I273" s="549"/>
      <c r="J273" s="549"/>
      <c r="K273" s="549"/>
      <c r="L273" s="551"/>
    </row>
    <row r="274" spans="1:12" ht="16.149999999999999" customHeight="1">
      <c r="A274" s="737"/>
      <c r="B274" s="738"/>
      <c r="C274" s="485"/>
      <c r="D274" s="484"/>
      <c r="E274" s="483"/>
      <c r="F274" s="482"/>
      <c r="G274" s="481" t="s">
        <v>651</v>
      </c>
      <c r="H274" s="476"/>
      <c r="I274" s="476"/>
      <c r="J274" s="476"/>
      <c r="K274" s="476"/>
      <c r="L274" s="475"/>
    </row>
    <row r="275" spans="1:12" ht="16.149999999999999" customHeight="1">
      <c r="A275" s="733" t="s">
        <v>651</v>
      </c>
      <c r="B275" s="734"/>
      <c r="C275" s="495"/>
      <c r="D275" s="494"/>
      <c r="E275" s="493"/>
      <c r="F275" s="492"/>
      <c r="G275" s="486" t="s">
        <v>651</v>
      </c>
      <c r="H275" s="549"/>
      <c r="I275" s="549"/>
      <c r="J275" s="549"/>
      <c r="K275" s="549"/>
      <c r="L275" s="551"/>
    </row>
    <row r="276" spans="1:12" ht="16.149999999999999" customHeight="1">
      <c r="A276" s="735"/>
      <c r="B276" s="736"/>
      <c r="C276" s="490"/>
      <c r="D276" s="489"/>
      <c r="E276" s="491"/>
      <c r="F276" s="487" t="s">
        <v>651</v>
      </c>
      <c r="G276" s="486" t="s">
        <v>651</v>
      </c>
      <c r="H276" s="549"/>
      <c r="I276" s="549"/>
      <c r="J276" s="549"/>
      <c r="K276" s="549"/>
      <c r="L276" s="551"/>
    </row>
    <row r="277" spans="1:12" ht="16.149999999999999" customHeight="1">
      <c r="A277" s="735" t="s">
        <v>691</v>
      </c>
      <c r="B277" s="736"/>
      <c r="C277" s="490" t="s">
        <v>193</v>
      </c>
      <c r="D277" s="489">
        <v>10</v>
      </c>
      <c r="E277" s="488"/>
      <c r="F277" s="487"/>
      <c r="G277" s="486" t="s">
        <v>651</v>
      </c>
      <c r="H277" s="549"/>
      <c r="I277" s="549"/>
      <c r="J277" s="549"/>
      <c r="K277" s="549"/>
      <c r="L277" s="551"/>
    </row>
    <row r="278" spans="1:12" ht="16.149999999999999" customHeight="1">
      <c r="A278" s="737"/>
      <c r="B278" s="738"/>
      <c r="C278" s="485"/>
      <c r="D278" s="484"/>
      <c r="E278" s="483"/>
      <c r="F278" s="482"/>
      <c r="G278" s="481" t="s">
        <v>651</v>
      </c>
      <c r="H278" s="476"/>
      <c r="I278" s="476"/>
      <c r="J278" s="476"/>
      <c r="K278" s="476"/>
      <c r="L278" s="475"/>
    </row>
    <row r="281" spans="1:12" ht="16.149999999999999" customHeight="1">
      <c r="A281" s="507" t="s">
        <v>651</v>
      </c>
      <c r="B281" s="479" t="s">
        <v>964</v>
      </c>
      <c r="C281" s="480"/>
      <c r="D281" s="479"/>
      <c r="E281" s="479"/>
      <c r="F281" s="479"/>
      <c r="G281" s="479"/>
      <c r="H281" s="479" t="s">
        <v>617</v>
      </c>
      <c r="I281" s="480" t="s">
        <v>968</v>
      </c>
      <c r="J281" s="479" t="s">
        <v>689</v>
      </c>
      <c r="K281" s="479" t="s">
        <v>688</v>
      </c>
      <c r="L281" s="506"/>
    </row>
    <row r="282" spans="1:12" ht="16.149999999999999" customHeight="1">
      <c r="A282" s="505" t="s">
        <v>651</v>
      </c>
      <c r="B282" s="549" t="s">
        <v>1427</v>
      </c>
      <c r="C282" s="550"/>
      <c r="D282" s="549"/>
      <c r="E282" s="549"/>
      <c r="F282" s="549"/>
      <c r="G282" s="478"/>
      <c r="H282" s="549"/>
      <c r="I282" s="504"/>
      <c r="J282" s="503" t="s">
        <v>708</v>
      </c>
      <c r="K282" s="502" t="s">
        <v>193</v>
      </c>
      <c r="L282" s="501" t="s">
        <v>618</v>
      </c>
    </row>
    <row r="283" spans="1:12" ht="16.149999999999999" customHeight="1">
      <c r="A283" s="477" t="s">
        <v>651</v>
      </c>
      <c r="B283" s="549"/>
      <c r="C283" s="550"/>
      <c r="D283" s="549"/>
      <c r="E283" s="549"/>
      <c r="F283" s="549"/>
      <c r="G283" s="478"/>
      <c r="H283" s="478"/>
      <c r="I283" s="478"/>
      <c r="J283" s="478"/>
      <c r="K283" s="478"/>
      <c r="L283" s="501"/>
    </row>
    <row r="284" spans="1:12" ht="16.149999999999999" customHeight="1">
      <c r="A284" s="498" t="s">
        <v>686</v>
      </c>
      <c r="B284" s="500"/>
      <c r="C284" s="499" t="s">
        <v>309</v>
      </c>
      <c r="D284" s="499" t="s">
        <v>685</v>
      </c>
      <c r="E284" s="499" t="s">
        <v>684</v>
      </c>
      <c r="F284" s="499" t="s">
        <v>683</v>
      </c>
      <c r="G284" s="498" t="s">
        <v>682</v>
      </c>
      <c r="H284" s="497"/>
      <c r="I284" s="497"/>
      <c r="J284" s="497"/>
      <c r="K284" s="497"/>
      <c r="L284" s="496"/>
    </row>
    <row r="285" spans="1:12" ht="16.149999999999999" customHeight="1">
      <c r="A285" s="733" t="s">
        <v>651</v>
      </c>
      <c r="B285" s="734"/>
      <c r="C285" s="495"/>
      <c r="D285" s="494"/>
      <c r="E285" s="493"/>
      <c r="F285" s="492"/>
      <c r="G285" s="486" t="s">
        <v>651</v>
      </c>
      <c r="H285" s="549"/>
      <c r="I285" s="549"/>
      <c r="J285" s="549"/>
      <c r="K285" s="549"/>
      <c r="L285" s="551"/>
    </row>
    <row r="286" spans="1:12" ht="16.149999999999999" customHeight="1">
      <c r="A286" s="735"/>
      <c r="B286" s="736"/>
      <c r="C286" s="490"/>
      <c r="D286" s="489"/>
      <c r="E286" s="491"/>
      <c r="F286" s="487" t="s">
        <v>651</v>
      </c>
      <c r="G286" s="486" t="s">
        <v>651</v>
      </c>
      <c r="H286" s="549"/>
      <c r="I286" s="549"/>
      <c r="J286" s="549"/>
      <c r="K286" s="549"/>
      <c r="L286" s="551"/>
    </row>
    <row r="287" spans="1:12" ht="16.149999999999999" customHeight="1">
      <c r="A287" s="735" t="s">
        <v>681</v>
      </c>
      <c r="B287" s="736"/>
      <c r="C287" s="490" t="s">
        <v>193</v>
      </c>
      <c r="D287" s="489">
        <v>1</v>
      </c>
      <c r="E287" s="488" t="s">
        <v>618</v>
      </c>
      <c r="F287" s="487"/>
      <c r="G287" s="486" t="s">
        <v>651</v>
      </c>
      <c r="H287" s="549"/>
      <c r="I287" s="549"/>
      <c r="J287" s="549"/>
      <c r="K287" s="549"/>
      <c r="L287" s="551"/>
    </row>
    <row r="288" spans="1:12" ht="16.149999999999999" customHeight="1">
      <c r="A288" s="737"/>
      <c r="B288" s="738"/>
      <c r="C288" s="485"/>
      <c r="D288" s="484"/>
      <c r="E288" s="483"/>
      <c r="F288" s="482"/>
      <c r="G288" s="481" t="s">
        <v>651</v>
      </c>
      <c r="H288" s="476"/>
      <c r="I288" s="476"/>
      <c r="J288" s="476"/>
      <c r="K288" s="476"/>
      <c r="L288" s="475"/>
    </row>
    <row r="290" spans="1:12" ht="16.149999999999999" customHeight="1">
      <c r="A290" s="507" t="s">
        <v>651</v>
      </c>
      <c r="B290" s="479" t="s">
        <v>961</v>
      </c>
      <c r="C290" s="480"/>
      <c r="D290" s="479"/>
      <c r="E290" s="479"/>
      <c r="F290" s="479"/>
      <c r="G290" s="479"/>
      <c r="H290" s="479" t="s">
        <v>617</v>
      </c>
      <c r="I290" s="480" t="s">
        <v>966</v>
      </c>
      <c r="J290" s="479" t="s">
        <v>689</v>
      </c>
      <c r="K290" s="479" t="s">
        <v>688</v>
      </c>
      <c r="L290" s="506"/>
    </row>
    <row r="291" spans="1:12" ht="16.149999999999999" customHeight="1">
      <c r="A291" s="505" t="s">
        <v>651</v>
      </c>
      <c r="B291" s="549" t="s">
        <v>959</v>
      </c>
      <c r="C291" s="550"/>
      <c r="D291" s="549"/>
      <c r="E291" s="549"/>
      <c r="F291" s="549"/>
      <c r="G291" s="478"/>
      <c r="H291" s="549"/>
      <c r="I291" s="504"/>
      <c r="J291" s="503" t="s">
        <v>722</v>
      </c>
      <c r="K291" s="502" t="s">
        <v>194</v>
      </c>
      <c r="L291" s="501" t="s">
        <v>618</v>
      </c>
    </row>
    <row r="292" spans="1:12" ht="16.149999999999999" customHeight="1">
      <c r="A292" s="477" t="s">
        <v>651</v>
      </c>
      <c r="B292" s="549"/>
      <c r="C292" s="550"/>
      <c r="D292" s="549"/>
      <c r="E292" s="549"/>
      <c r="F292" s="549"/>
      <c r="G292" s="478"/>
      <c r="H292" s="478"/>
      <c r="I292" s="478"/>
      <c r="J292" s="478"/>
      <c r="K292" s="478"/>
      <c r="L292" s="501"/>
    </row>
    <row r="293" spans="1:12" ht="16.149999999999999" customHeight="1">
      <c r="A293" s="498" t="s">
        <v>686</v>
      </c>
      <c r="B293" s="500"/>
      <c r="C293" s="499" t="s">
        <v>309</v>
      </c>
      <c r="D293" s="499" t="s">
        <v>685</v>
      </c>
      <c r="E293" s="499" t="s">
        <v>684</v>
      </c>
      <c r="F293" s="499" t="s">
        <v>683</v>
      </c>
      <c r="G293" s="498" t="s">
        <v>682</v>
      </c>
      <c r="H293" s="497"/>
      <c r="I293" s="497"/>
      <c r="J293" s="497"/>
      <c r="K293" s="497"/>
      <c r="L293" s="496"/>
    </row>
    <row r="294" spans="1:12" ht="16.149999999999999" customHeight="1">
      <c r="A294" s="733" t="s">
        <v>961</v>
      </c>
      <c r="B294" s="734"/>
      <c r="C294" s="495"/>
      <c r="D294" s="494"/>
      <c r="E294" s="493"/>
      <c r="F294" s="492"/>
      <c r="G294" s="486" t="s">
        <v>967</v>
      </c>
      <c r="H294" s="549"/>
      <c r="I294" s="549"/>
      <c r="J294" s="549"/>
      <c r="K294" s="549"/>
      <c r="L294" s="551"/>
    </row>
    <row r="295" spans="1:12" ht="16.149999999999999" customHeight="1">
      <c r="A295" s="735"/>
      <c r="B295" s="736"/>
      <c r="C295" s="490"/>
      <c r="D295" s="489"/>
      <c r="E295" s="491"/>
      <c r="F295" s="487" t="s">
        <v>651</v>
      </c>
      <c r="G295" s="486" t="s">
        <v>651</v>
      </c>
      <c r="H295" s="549"/>
      <c r="I295" s="549"/>
      <c r="J295" s="549"/>
      <c r="K295" s="549"/>
      <c r="L295" s="551"/>
    </row>
    <row r="296" spans="1:12" ht="16.149999999999999" customHeight="1">
      <c r="A296" s="735" t="s">
        <v>959</v>
      </c>
      <c r="B296" s="736"/>
      <c r="C296" s="490" t="s">
        <v>194</v>
      </c>
      <c r="D296" s="489">
        <v>100</v>
      </c>
      <c r="E296" s="488"/>
      <c r="F296" s="487"/>
      <c r="G296" s="486" t="s">
        <v>651</v>
      </c>
      <c r="H296" s="549"/>
      <c r="I296" s="549"/>
      <c r="J296" s="549"/>
      <c r="K296" s="549"/>
      <c r="L296" s="551"/>
    </row>
    <row r="297" spans="1:12" ht="16.149999999999999" customHeight="1">
      <c r="A297" s="737"/>
      <c r="B297" s="738"/>
      <c r="C297" s="485"/>
      <c r="D297" s="484"/>
      <c r="E297" s="483"/>
      <c r="F297" s="482"/>
      <c r="G297" s="481" t="s">
        <v>651</v>
      </c>
      <c r="H297" s="476"/>
      <c r="I297" s="476"/>
      <c r="J297" s="476"/>
      <c r="K297" s="476"/>
      <c r="L297" s="475"/>
    </row>
    <row r="298" spans="1:12" ht="16.149999999999999" customHeight="1">
      <c r="A298" s="733" t="s">
        <v>651</v>
      </c>
      <c r="B298" s="734"/>
      <c r="C298" s="495"/>
      <c r="D298" s="494"/>
      <c r="E298" s="493"/>
      <c r="F298" s="492"/>
      <c r="G298" s="486" t="s">
        <v>651</v>
      </c>
      <c r="H298" s="549"/>
      <c r="I298" s="549"/>
      <c r="J298" s="549"/>
      <c r="K298" s="549"/>
      <c r="L298" s="551"/>
    </row>
    <row r="299" spans="1:12" ht="16.149999999999999" customHeight="1">
      <c r="A299" s="735"/>
      <c r="B299" s="736"/>
      <c r="C299" s="490"/>
      <c r="D299" s="489"/>
      <c r="E299" s="491"/>
      <c r="F299" s="487" t="s">
        <v>651</v>
      </c>
      <c r="G299" s="486" t="s">
        <v>651</v>
      </c>
      <c r="H299" s="549"/>
      <c r="I299" s="549"/>
      <c r="J299" s="549"/>
      <c r="K299" s="549"/>
      <c r="L299" s="551"/>
    </row>
    <row r="300" spans="1:12" ht="16.149999999999999" customHeight="1">
      <c r="A300" s="735" t="s">
        <v>691</v>
      </c>
      <c r="B300" s="736"/>
      <c r="C300" s="490" t="s">
        <v>194</v>
      </c>
      <c r="D300" s="489">
        <v>100</v>
      </c>
      <c r="E300" s="488"/>
      <c r="F300" s="487"/>
      <c r="G300" s="486" t="s">
        <v>651</v>
      </c>
      <c r="H300" s="549"/>
      <c r="I300" s="549"/>
      <c r="J300" s="549"/>
      <c r="K300" s="549"/>
      <c r="L300" s="551"/>
    </row>
    <row r="301" spans="1:12" ht="16.149999999999999" customHeight="1">
      <c r="A301" s="737"/>
      <c r="B301" s="738"/>
      <c r="C301" s="485"/>
      <c r="D301" s="484"/>
      <c r="E301" s="483"/>
      <c r="F301" s="482"/>
      <c r="G301" s="481" t="s">
        <v>651</v>
      </c>
      <c r="H301" s="476"/>
      <c r="I301" s="476"/>
      <c r="J301" s="476"/>
      <c r="K301" s="476"/>
      <c r="L301" s="475"/>
    </row>
    <row r="302" spans="1:12" ht="16.149999999999999" customHeight="1">
      <c r="A302" s="733" t="s">
        <v>651</v>
      </c>
      <c r="B302" s="734"/>
      <c r="C302" s="495"/>
      <c r="D302" s="494"/>
      <c r="E302" s="493"/>
      <c r="F302" s="492"/>
      <c r="G302" s="486" t="s">
        <v>651</v>
      </c>
      <c r="H302" s="549"/>
      <c r="I302" s="549"/>
      <c r="J302" s="549"/>
      <c r="K302" s="549"/>
      <c r="L302" s="551"/>
    </row>
    <row r="303" spans="1:12" ht="16.149999999999999" customHeight="1">
      <c r="A303" s="735"/>
      <c r="B303" s="736"/>
      <c r="C303" s="490"/>
      <c r="D303" s="489"/>
      <c r="E303" s="491"/>
      <c r="F303" s="487" t="s">
        <v>651</v>
      </c>
      <c r="G303" s="486" t="s">
        <v>651</v>
      </c>
      <c r="H303" s="549"/>
      <c r="I303" s="549"/>
      <c r="J303" s="549"/>
      <c r="K303" s="549"/>
      <c r="L303" s="551"/>
    </row>
    <row r="304" spans="1:12" ht="16.149999999999999" customHeight="1">
      <c r="A304" s="735" t="s">
        <v>681</v>
      </c>
      <c r="B304" s="736"/>
      <c r="C304" s="490" t="s">
        <v>194</v>
      </c>
      <c r="D304" s="489">
        <v>1</v>
      </c>
      <c r="E304" s="488" t="s">
        <v>618</v>
      </c>
      <c r="F304" s="487"/>
      <c r="G304" s="486" t="s">
        <v>651</v>
      </c>
      <c r="H304" s="549"/>
      <c r="I304" s="549"/>
      <c r="J304" s="549"/>
      <c r="K304" s="549"/>
      <c r="L304" s="551"/>
    </row>
    <row r="305" spans="1:12" ht="16.149999999999999" customHeight="1">
      <c r="A305" s="737"/>
      <c r="B305" s="738"/>
      <c r="C305" s="485"/>
      <c r="D305" s="484"/>
      <c r="E305" s="483"/>
      <c r="F305" s="482"/>
      <c r="G305" s="481" t="s">
        <v>651</v>
      </c>
      <c r="H305" s="476"/>
      <c r="I305" s="476"/>
      <c r="J305" s="476"/>
      <c r="K305" s="476"/>
      <c r="L305" s="475"/>
    </row>
    <row r="307" spans="1:12" ht="16.149999999999999" customHeight="1">
      <c r="A307" s="507" t="s">
        <v>651</v>
      </c>
      <c r="B307" s="479" t="s">
        <v>964</v>
      </c>
      <c r="C307" s="480"/>
      <c r="D307" s="479"/>
      <c r="E307" s="479"/>
      <c r="F307" s="479"/>
      <c r="G307" s="479"/>
      <c r="H307" s="479" t="s">
        <v>617</v>
      </c>
      <c r="I307" s="480" t="s">
        <v>963</v>
      </c>
      <c r="J307" s="479" t="s">
        <v>689</v>
      </c>
      <c r="K307" s="479" t="s">
        <v>688</v>
      </c>
      <c r="L307" s="506"/>
    </row>
    <row r="308" spans="1:12" ht="16.149999999999999" customHeight="1">
      <c r="A308" s="505" t="s">
        <v>651</v>
      </c>
      <c r="B308" s="549" t="s">
        <v>1384</v>
      </c>
      <c r="C308" s="550"/>
      <c r="D308" s="549"/>
      <c r="E308" s="549"/>
      <c r="F308" s="549"/>
      <c r="G308" s="478"/>
      <c r="H308" s="549"/>
      <c r="I308" s="504"/>
      <c r="J308" s="503" t="s">
        <v>708</v>
      </c>
      <c r="K308" s="502" t="s">
        <v>193</v>
      </c>
      <c r="L308" s="501" t="s">
        <v>618</v>
      </c>
    </row>
    <row r="309" spans="1:12" ht="16.149999999999999" customHeight="1">
      <c r="A309" s="477" t="s">
        <v>651</v>
      </c>
      <c r="B309" s="549"/>
      <c r="C309" s="550"/>
      <c r="D309" s="549"/>
      <c r="E309" s="549"/>
      <c r="F309" s="549"/>
      <c r="G309" s="478"/>
      <c r="H309" s="478"/>
      <c r="I309" s="478"/>
      <c r="J309" s="478"/>
      <c r="K309" s="478"/>
      <c r="L309" s="501"/>
    </row>
    <row r="310" spans="1:12" ht="16.149999999999999" customHeight="1">
      <c r="A310" s="498" t="s">
        <v>686</v>
      </c>
      <c r="B310" s="500"/>
      <c r="C310" s="499" t="s">
        <v>309</v>
      </c>
      <c r="D310" s="499" t="s">
        <v>685</v>
      </c>
      <c r="E310" s="499" t="s">
        <v>684</v>
      </c>
      <c r="F310" s="499" t="s">
        <v>683</v>
      </c>
      <c r="G310" s="498" t="s">
        <v>682</v>
      </c>
      <c r="H310" s="497"/>
      <c r="I310" s="497"/>
      <c r="J310" s="497"/>
      <c r="K310" s="497"/>
      <c r="L310" s="496"/>
    </row>
    <row r="311" spans="1:12" ht="16.149999999999999" customHeight="1">
      <c r="A311" s="733" t="s">
        <v>964</v>
      </c>
      <c r="B311" s="734"/>
      <c r="C311" s="495"/>
      <c r="D311" s="494"/>
      <c r="E311" s="493"/>
      <c r="F311" s="492"/>
      <c r="G311" s="486" t="s">
        <v>965</v>
      </c>
      <c r="H311" s="549"/>
      <c r="I311" s="549"/>
      <c r="J311" s="549"/>
      <c r="K311" s="549"/>
      <c r="L311" s="551"/>
    </row>
    <row r="312" spans="1:12" ht="16.149999999999999" customHeight="1">
      <c r="A312" s="735"/>
      <c r="B312" s="736"/>
      <c r="C312" s="490"/>
      <c r="D312" s="489"/>
      <c r="E312" s="491"/>
      <c r="F312" s="487" t="s">
        <v>651</v>
      </c>
      <c r="G312" s="486" t="s">
        <v>651</v>
      </c>
      <c r="H312" s="549"/>
      <c r="I312" s="549"/>
      <c r="J312" s="549"/>
      <c r="K312" s="549"/>
      <c r="L312" s="551"/>
    </row>
    <row r="313" spans="1:12" ht="16.149999999999999" customHeight="1">
      <c r="A313" s="735" t="s">
        <v>1687</v>
      </c>
      <c r="B313" s="736"/>
      <c r="C313" s="490" t="s">
        <v>193</v>
      </c>
      <c r="D313" s="489">
        <v>10</v>
      </c>
      <c r="E313" s="488"/>
      <c r="F313" s="487"/>
      <c r="G313" s="486" t="s">
        <v>651</v>
      </c>
      <c r="H313" s="549"/>
      <c r="I313" s="549"/>
      <c r="J313" s="549"/>
      <c r="K313" s="549"/>
      <c r="L313" s="551"/>
    </row>
    <row r="314" spans="1:12" ht="16.149999999999999" customHeight="1">
      <c r="A314" s="737"/>
      <c r="B314" s="738"/>
      <c r="C314" s="485"/>
      <c r="D314" s="484"/>
      <c r="E314" s="483"/>
      <c r="F314" s="482"/>
      <c r="G314" s="481" t="s">
        <v>651</v>
      </c>
      <c r="H314" s="476"/>
      <c r="I314" s="476"/>
      <c r="J314" s="476"/>
      <c r="K314" s="476"/>
      <c r="L314" s="475"/>
    </row>
    <row r="316" spans="1:12" ht="16.149999999999999" customHeight="1">
      <c r="A316" s="507" t="s">
        <v>651</v>
      </c>
      <c r="B316" s="479" t="s">
        <v>964</v>
      </c>
      <c r="C316" s="480"/>
      <c r="D316" s="479"/>
      <c r="E316" s="479"/>
      <c r="F316" s="479"/>
      <c r="G316" s="479"/>
      <c r="H316" s="479" t="s">
        <v>617</v>
      </c>
      <c r="I316" s="480" t="s">
        <v>963</v>
      </c>
      <c r="J316" s="479" t="s">
        <v>689</v>
      </c>
      <c r="K316" s="479" t="s">
        <v>688</v>
      </c>
      <c r="L316" s="506"/>
    </row>
    <row r="317" spans="1:12" ht="16.149999999999999" customHeight="1">
      <c r="A317" s="505" t="s">
        <v>651</v>
      </c>
      <c r="B317" s="549" t="s">
        <v>1384</v>
      </c>
      <c r="C317" s="550"/>
      <c r="D317" s="549"/>
      <c r="E317" s="549"/>
      <c r="F317" s="549"/>
      <c r="G317" s="478"/>
      <c r="H317" s="549"/>
      <c r="I317" s="504"/>
      <c r="J317" s="503" t="s">
        <v>708</v>
      </c>
      <c r="K317" s="502" t="s">
        <v>193</v>
      </c>
      <c r="L317" s="501" t="s">
        <v>618</v>
      </c>
    </row>
    <row r="318" spans="1:12" ht="16.149999999999999" customHeight="1">
      <c r="A318" s="477" t="s">
        <v>651</v>
      </c>
      <c r="B318" s="549"/>
      <c r="C318" s="550"/>
      <c r="D318" s="549"/>
      <c r="E318" s="549"/>
      <c r="F318" s="549"/>
      <c r="G318" s="478"/>
      <c r="H318" s="478"/>
      <c r="I318" s="478"/>
      <c r="J318" s="478"/>
      <c r="K318" s="478"/>
      <c r="L318" s="501"/>
    </row>
    <row r="319" spans="1:12" ht="16.149999999999999" customHeight="1">
      <c r="A319" s="498" t="s">
        <v>686</v>
      </c>
      <c r="B319" s="500"/>
      <c r="C319" s="499" t="s">
        <v>309</v>
      </c>
      <c r="D319" s="499" t="s">
        <v>685</v>
      </c>
      <c r="E319" s="499" t="s">
        <v>684</v>
      </c>
      <c r="F319" s="499" t="s">
        <v>683</v>
      </c>
      <c r="G319" s="498" t="s">
        <v>682</v>
      </c>
      <c r="H319" s="497"/>
      <c r="I319" s="497"/>
      <c r="J319" s="497"/>
      <c r="K319" s="497"/>
      <c r="L319" s="496"/>
    </row>
    <row r="320" spans="1:12" ht="16.149999999999999" customHeight="1">
      <c r="A320" s="733" t="s">
        <v>651</v>
      </c>
      <c r="B320" s="734"/>
      <c r="C320" s="495"/>
      <c r="D320" s="494"/>
      <c r="E320" s="493"/>
      <c r="F320" s="492"/>
      <c r="G320" s="486" t="s">
        <v>651</v>
      </c>
      <c r="H320" s="549"/>
      <c r="I320" s="549"/>
      <c r="J320" s="549"/>
      <c r="K320" s="549"/>
      <c r="L320" s="551"/>
    </row>
    <row r="321" spans="1:12" ht="16.149999999999999" customHeight="1">
      <c r="A321" s="735"/>
      <c r="B321" s="736"/>
      <c r="C321" s="490"/>
      <c r="D321" s="489"/>
      <c r="E321" s="491"/>
      <c r="F321" s="487" t="s">
        <v>651</v>
      </c>
      <c r="G321" s="486" t="s">
        <v>651</v>
      </c>
      <c r="H321" s="549"/>
      <c r="I321" s="549"/>
      <c r="J321" s="549"/>
      <c r="K321" s="549"/>
      <c r="L321" s="551"/>
    </row>
    <row r="322" spans="1:12" ht="16.149999999999999" customHeight="1">
      <c r="A322" s="735" t="s">
        <v>691</v>
      </c>
      <c r="B322" s="736"/>
      <c r="C322" s="490" t="s">
        <v>193</v>
      </c>
      <c r="D322" s="489">
        <v>10</v>
      </c>
      <c r="E322" s="488"/>
      <c r="F322" s="487"/>
      <c r="G322" s="486" t="s">
        <v>651</v>
      </c>
      <c r="H322" s="549"/>
      <c r="I322" s="549"/>
      <c r="J322" s="549"/>
      <c r="K322" s="549"/>
      <c r="L322" s="551"/>
    </row>
    <row r="323" spans="1:12" ht="16.149999999999999" customHeight="1">
      <c r="A323" s="737"/>
      <c r="B323" s="738"/>
      <c r="C323" s="485"/>
      <c r="D323" s="484"/>
      <c r="E323" s="483"/>
      <c r="F323" s="482"/>
      <c r="G323" s="481" t="s">
        <v>651</v>
      </c>
      <c r="H323" s="476"/>
      <c r="I323" s="476"/>
      <c r="J323" s="476"/>
      <c r="K323" s="476"/>
      <c r="L323" s="475"/>
    </row>
    <row r="324" spans="1:12" ht="16.149999999999999" customHeight="1">
      <c r="A324" s="733" t="s">
        <v>651</v>
      </c>
      <c r="B324" s="734"/>
      <c r="C324" s="495"/>
      <c r="D324" s="494"/>
      <c r="E324" s="493"/>
      <c r="F324" s="492"/>
      <c r="G324" s="486" t="s">
        <v>651</v>
      </c>
      <c r="H324" s="549"/>
      <c r="I324" s="549"/>
      <c r="J324" s="549"/>
      <c r="K324" s="549"/>
      <c r="L324" s="551"/>
    </row>
    <row r="325" spans="1:12" ht="16.149999999999999" customHeight="1">
      <c r="A325" s="735"/>
      <c r="B325" s="736"/>
      <c r="C325" s="490"/>
      <c r="D325" s="489"/>
      <c r="E325" s="491"/>
      <c r="F325" s="487" t="s">
        <v>651</v>
      </c>
      <c r="G325" s="486" t="s">
        <v>651</v>
      </c>
      <c r="H325" s="549"/>
      <c r="I325" s="549"/>
      <c r="J325" s="549"/>
      <c r="K325" s="549"/>
      <c r="L325" s="551"/>
    </row>
    <row r="326" spans="1:12" ht="16.149999999999999" customHeight="1">
      <c r="A326" s="735" t="s">
        <v>681</v>
      </c>
      <c r="B326" s="736"/>
      <c r="C326" s="490" t="s">
        <v>193</v>
      </c>
      <c r="D326" s="489">
        <v>1</v>
      </c>
      <c r="E326" s="488" t="s">
        <v>618</v>
      </c>
      <c r="F326" s="487"/>
      <c r="G326" s="486" t="s">
        <v>651</v>
      </c>
      <c r="H326" s="549"/>
      <c r="I326" s="549"/>
      <c r="J326" s="549"/>
      <c r="K326" s="549"/>
      <c r="L326" s="551"/>
    </row>
    <row r="327" spans="1:12" ht="16.149999999999999" customHeight="1">
      <c r="A327" s="737"/>
      <c r="B327" s="738"/>
      <c r="C327" s="485"/>
      <c r="D327" s="484"/>
      <c r="E327" s="483"/>
      <c r="F327" s="482"/>
      <c r="G327" s="481" t="s">
        <v>651</v>
      </c>
      <c r="H327" s="476"/>
      <c r="I327" s="476"/>
      <c r="J327" s="476"/>
      <c r="K327" s="476"/>
      <c r="L327" s="475"/>
    </row>
    <row r="329" spans="1:12" ht="16.149999999999999" customHeight="1">
      <c r="A329" s="507" t="s">
        <v>651</v>
      </c>
      <c r="B329" s="479" t="s">
        <v>961</v>
      </c>
      <c r="C329" s="480"/>
      <c r="D329" s="479"/>
      <c r="E329" s="479"/>
      <c r="F329" s="479"/>
      <c r="G329" s="479"/>
      <c r="H329" s="479" t="s">
        <v>617</v>
      </c>
      <c r="I329" s="480" t="s">
        <v>960</v>
      </c>
      <c r="J329" s="479" t="s">
        <v>689</v>
      </c>
      <c r="K329" s="479" t="s">
        <v>688</v>
      </c>
      <c r="L329" s="506"/>
    </row>
    <row r="330" spans="1:12" ht="16.149999999999999" customHeight="1">
      <c r="A330" s="505" t="s">
        <v>651</v>
      </c>
      <c r="B330" s="549" t="s">
        <v>959</v>
      </c>
      <c r="C330" s="550"/>
      <c r="D330" s="549"/>
      <c r="E330" s="549"/>
      <c r="F330" s="549"/>
      <c r="G330" s="478"/>
      <c r="H330" s="549"/>
      <c r="I330" s="504"/>
      <c r="J330" s="503" t="s">
        <v>722</v>
      </c>
      <c r="K330" s="502" t="s">
        <v>194</v>
      </c>
      <c r="L330" s="501" t="s">
        <v>618</v>
      </c>
    </row>
    <row r="331" spans="1:12" ht="16.149999999999999" customHeight="1">
      <c r="A331" s="477" t="s">
        <v>651</v>
      </c>
      <c r="B331" s="549"/>
      <c r="C331" s="550"/>
      <c r="D331" s="549"/>
      <c r="E331" s="549"/>
      <c r="F331" s="549"/>
      <c r="G331" s="478"/>
      <c r="H331" s="478"/>
      <c r="I331" s="478"/>
      <c r="J331" s="478"/>
      <c r="K331" s="478"/>
      <c r="L331" s="501"/>
    </row>
    <row r="332" spans="1:12" ht="16.149999999999999" customHeight="1">
      <c r="A332" s="498" t="s">
        <v>686</v>
      </c>
      <c r="B332" s="500"/>
      <c r="C332" s="499" t="s">
        <v>309</v>
      </c>
      <c r="D332" s="499" t="s">
        <v>685</v>
      </c>
      <c r="E332" s="499" t="s">
        <v>684</v>
      </c>
      <c r="F332" s="499" t="s">
        <v>683</v>
      </c>
      <c r="G332" s="498" t="s">
        <v>682</v>
      </c>
      <c r="H332" s="497"/>
      <c r="I332" s="497"/>
      <c r="J332" s="497"/>
      <c r="K332" s="497"/>
      <c r="L332" s="496"/>
    </row>
    <row r="333" spans="1:12" ht="16.149999999999999" customHeight="1">
      <c r="A333" s="733" t="s">
        <v>961</v>
      </c>
      <c r="B333" s="734"/>
      <c r="C333" s="495"/>
      <c r="D333" s="494"/>
      <c r="E333" s="493"/>
      <c r="F333" s="492"/>
      <c r="G333" s="486" t="s">
        <v>962</v>
      </c>
      <c r="H333" s="549"/>
      <c r="I333" s="549"/>
      <c r="J333" s="549"/>
      <c r="K333" s="549"/>
      <c r="L333" s="551"/>
    </row>
    <row r="334" spans="1:12" ht="16.149999999999999" customHeight="1">
      <c r="A334" s="735"/>
      <c r="B334" s="736"/>
      <c r="C334" s="490"/>
      <c r="D334" s="489"/>
      <c r="E334" s="491"/>
      <c r="F334" s="487" t="s">
        <v>651</v>
      </c>
      <c r="G334" s="486" t="s">
        <v>651</v>
      </c>
      <c r="H334" s="549"/>
      <c r="I334" s="549"/>
      <c r="J334" s="549"/>
      <c r="K334" s="549"/>
      <c r="L334" s="551"/>
    </row>
    <row r="335" spans="1:12" ht="16.149999999999999" customHeight="1">
      <c r="A335" s="735" t="s">
        <v>959</v>
      </c>
      <c r="B335" s="736"/>
      <c r="C335" s="490" t="s">
        <v>194</v>
      </c>
      <c r="D335" s="489">
        <v>100</v>
      </c>
      <c r="E335" s="488"/>
      <c r="F335" s="487"/>
      <c r="G335" s="486" t="s">
        <v>651</v>
      </c>
      <c r="H335" s="549"/>
      <c r="I335" s="549"/>
      <c r="J335" s="549"/>
      <c r="K335" s="549"/>
      <c r="L335" s="551"/>
    </row>
    <row r="336" spans="1:12" ht="16.149999999999999" customHeight="1">
      <c r="A336" s="737"/>
      <c r="B336" s="738"/>
      <c r="C336" s="485"/>
      <c r="D336" s="484"/>
      <c r="E336" s="483"/>
      <c r="F336" s="482"/>
      <c r="G336" s="481" t="s">
        <v>651</v>
      </c>
      <c r="H336" s="476"/>
      <c r="I336" s="476"/>
      <c r="J336" s="476"/>
      <c r="K336" s="476"/>
      <c r="L336" s="475"/>
    </row>
    <row r="337" spans="1:12" ht="16.149999999999999" customHeight="1">
      <c r="A337" s="733" t="s">
        <v>651</v>
      </c>
      <c r="B337" s="734"/>
      <c r="C337" s="495"/>
      <c r="D337" s="494"/>
      <c r="E337" s="493"/>
      <c r="F337" s="492"/>
      <c r="G337" s="486" t="s">
        <v>651</v>
      </c>
      <c r="H337" s="549"/>
      <c r="I337" s="549"/>
      <c r="J337" s="549"/>
      <c r="K337" s="549"/>
      <c r="L337" s="551"/>
    </row>
    <row r="338" spans="1:12" ht="16.149999999999999" customHeight="1">
      <c r="A338" s="735"/>
      <c r="B338" s="736"/>
      <c r="C338" s="490"/>
      <c r="D338" s="489"/>
      <c r="E338" s="491"/>
      <c r="F338" s="487" t="s">
        <v>651</v>
      </c>
      <c r="G338" s="486" t="s">
        <v>651</v>
      </c>
      <c r="H338" s="549"/>
      <c r="I338" s="549"/>
      <c r="J338" s="549"/>
      <c r="K338" s="549"/>
      <c r="L338" s="551"/>
    </row>
    <row r="339" spans="1:12" ht="16.149999999999999" customHeight="1">
      <c r="A339" s="735" t="s">
        <v>691</v>
      </c>
      <c r="B339" s="736"/>
      <c r="C339" s="490" t="s">
        <v>194</v>
      </c>
      <c r="D339" s="489">
        <v>100</v>
      </c>
      <c r="E339" s="488"/>
      <c r="F339" s="487"/>
      <c r="G339" s="486" t="s">
        <v>651</v>
      </c>
      <c r="H339" s="549"/>
      <c r="I339" s="549"/>
      <c r="J339" s="549"/>
      <c r="K339" s="549"/>
      <c r="L339" s="551"/>
    </row>
    <row r="340" spans="1:12" ht="16.149999999999999" customHeight="1">
      <c r="A340" s="737"/>
      <c r="B340" s="738"/>
      <c r="C340" s="485"/>
      <c r="D340" s="484"/>
      <c r="E340" s="483"/>
      <c r="F340" s="482"/>
      <c r="G340" s="481" t="s">
        <v>651</v>
      </c>
      <c r="H340" s="476"/>
      <c r="I340" s="476"/>
      <c r="J340" s="476"/>
      <c r="K340" s="476"/>
      <c r="L340" s="475"/>
    </row>
    <row r="341" spans="1:12" ht="16.149999999999999" customHeight="1">
      <c r="A341" s="733" t="s">
        <v>651</v>
      </c>
      <c r="B341" s="734"/>
      <c r="C341" s="495"/>
      <c r="D341" s="494"/>
      <c r="E341" s="493"/>
      <c r="F341" s="492"/>
      <c r="G341" s="486" t="s">
        <v>651</v>
      </c>
      <c r="H341" s="549"/>
      <c r="I341" s="549"/>
      <c r="J341" s="549"/>
      <c r="K341" s="549"/>
      <c r="L341" s="551"/>
    </row>
    <row r="342" spans="1:12" ht="16.149999999999999" customHeight="1">
      <c r="A342" s="735"/>
      <c r="B342" s="736"/>
      <c r="C342" s="490"/>
      <c r="D342" s="489"/>
      <c r="E342" s="491"/>
      <c r="F342" s="487" t="s">
        <v>651</v>
      </c>
      <c r="G342" s="486" t="s">
        <v>651</v>
      </c>
      <c r="H342" s="549"/>
      <c r="I342" s="549"/>
      <c r="J342" s="549"/>
      <c r="K342" s="549"/>
      <c r="L342" s="551"/>
    </row>
    <row r="343" spans="1:12" ht="16.149999999999999" customHeight="1">
      <c r="A343" s="735" t="s">
        <v>681</v>
      </c>
      <c r="B343" s="736"/>
      <c r="C343" s="490" t="s">
        <v>194</v>
      </c>
      <c r="D343" s="489">
        <v>1</v>
      </c>
      <c r="E343" s="488" t="s">
        <v>618</v>
      </c>
      <c r="F343" s="487"/>
      <c r="G343" s="486" t="s">
        <v>651</v>
      </c>
      <c r="H343" s="549"/>
      <c r="I343" s="549"/>
      <c r="J343" s="549"/>
      <c r="K343" s="549"/>
      <c r="L343" s="551"/>
    </row>
    <row r="344" spans="1:12" ht="16.149999999999999" customHeight="1">
      <c r="A344" s="737"/>
      <c r="B344" s="738"/>
      <c r="C344" s="485"/>
      <c r="D344" s="484"/>
      <c r="E344" s="483"/>
      <c r="F344" s="482"/>
      <c r="G344" s="481" t="s">
        <v>651</v>
      </c>
      <c r="H344" s="476"/>
      <c r="I344" s="476"/>
      <c r="J344" s="476"/>
      <c r="K344" s="476"/>
      <c r="L344" s="475"/>
    </row>
    <row r="351" spans="1:12" ht="16.149999999999999" customHeight="1">
      <c r="A351" s="507" t="s">
        <v>651</v>
      </c>
      <c r="B351" s="479" t="s">
        <v>958</v>
      </c>
      <c r="C351" s="480"/>
      <c r="D351" s="479"/>
      <c r="E351" s="479"/>
      <c r="F351" s="479"/>
      <c r="G351" s="479"/>
      <c r="H351" s="479" t="s">
        <v>617</v>
      </c>
      <c r="I351" s="480" t="s">
        <v>957</v>
      </c>
      <c r="J351" s="479" t="s">
        <v>689</v>
      </c>
      <c r="K351" s="479" t="s">
        <v>688</v>
      </c>
      <c r="L351" s="506"/>
    </row>
    <row r="352" spans="1:12" ht="16.149999999999999" customHeight="1">
      <c r="A352" s="505" t="s">
        <v>651</v>
      </c>
      <c r="B352" s="549" t="s">
        <v>1686</v>
      </c>
      <c r="C352" s="550"/>
      <c r="D352" s="549"/>
      <c r="E352" s="549"/>
      <c r="F352" s="549"/>
      <c r="G352" s="478"/>
      <c r="H352" s="549"/>
      <c r="I352" s="504"/>
      <c r="J352" s="503" t="s">
        <v>722</v>
      </c>
      <c r="K352" s="502" t="s">
        <v>193</v>
      </c>
      <c r="L352" s="501" t="s">
        <v>618</v>
      </c>
    </row>
    <row r="353" spans="1:12" ht="16.149999999999999" customHeight="1">
      <c r="A353" s="477" t="s">
        <v>651</v>
      </c>
      <c r="B353" s="549"/>
      <c r="C353" s="550"/>
      <c r="D353" s="549"/>
      <c r="E353" s="549"/>
      <c r="F353" s="549"/>
      <c r="G353" s="478"/>
      <c r="H353" s="478"/>
      <c r="I353" s="478"/>
      <c r="J353" s="478"/>
      <c r="K353" s="478"/>
      <c r="L353" s="501"/>
    </row>
    <row r="354" spans="1:12" ht="16.149999999999999" customHeight="1">
      <c r="A354" s="498" t="s">
        <v>686</v>
      </c>
      <c r="B354" s="500"/>
      <c r="C354" s="499" t="s">
        <v>309</v>
      </c>
      <c r="D354" s="499" t="s">
        <v>685</v>
      </c>
      <c r="E354" s="499" t="s">
        <v>684</v>
      </c>
      <c r="F354" s="499" t="s">
        <v>683</v>
      </c>
      <c r="G354" s="498" t="s">
        <v>682</v>
      </c>
      <c r="H354" s="497"/>
      <c r="I354" s="497"/>
      <c r="J354" s="497"/>
      <c r="K354" s="497"/>
      <c r="L354" s="496"/>
    </row>
    <row r="355" spans="1:12" ht="16.149999999999999" customHeight="1">
      <c r="A355" s="733" t="s">
        <v>725</v>
      </c>
      <c r="B355" s="734"/>
      <c r="C355" s="495"/>
      <c r="D355" s="494"/>
      <c r="E355" s="493"/>
      <c r="F355" s="492"/>
      <c r="G355" s="486" t="s">
        <v>651</v>
      </c>
      <c r="H355" s="549"/>
      <c r="I355" s="549"/>
      <c r="J355" s="549"/>
      <c r="K355" s="549"/>
      <c r="L355" s="551"/>
    </row>
    <row r="356" spans="1:12" ht="16.149999999999999" customHeight="1">
      <c r="A356" s="735"/>
      <c r="B356" s="736"/>
      <c r="C356" s="490"/>
      <c r="D356" s="489"/>
      <c r="E356" s="491"/>
      <c r="F356" s="487" t="s">
        <v>651</v>
      </c>
      <c r="G356" s="486" t="s">
        <v>651</v>
      </c>
      <c r="H356" s="549"/>
      <c r="I356" s="549"/>
      <c r="J356" s="549"/>
      <c r="K356" s="549"/>
      <c r="L356" s="551"/>
    </row>
    <row r="357" spans="1:12" ht="16.149999999999999" customHeight="1">
      <c r="A357" s="735" t="s">
        <v>651</v>
      </c>
      <c r="B357" s="736"/>
      <c r="C357" s="490" t="s">
        <v>248</v>
      </c>
      <c r="D357" s="489"/>
      <c r="E357" s="488"/>
      <c r="F357" s="487"/>
      <c r="G357" s="486" t="s">
        <v>651</v>
      </c>
      <c r="H357" s="549"/>
      <c r="I357" s="549"/>
      <c r="J357" s="549"/>
      <c r="K357" s="549"/>
      <c r="L357" s="551"/>
    </row>
    <row r="358" spans="1:12" ht="16.149999999999999" customHeight="1">
      <c r="A358" s="737"/>
      <c r="B358" s="738"/>
      <c r="C358" s="485"/>
      <c r="D358" s="484"/>
      <c r="E358" s="483"/>
      <c r="F358" s="482"/>
      <c r="G358" s="481" t="s">
        <v>651</v>
      </c>
      <c r="H358" s="476"/>
      <c r="I358" s="476"/>
      <c r="J358" s="476"/>
      <c r="K358" s="476"/>
      <c r="L358" s="475"/>
    </row>
    <row r="359" spans="1:12" ht="16.149999999999999" customHeight="1">
      <c r="A359" s="733" t="s">
        <v>250</v>
      </c>
      <c r="B359" s="734"/>
      <c r="C359" s="495"/>
      <c r="D359" s="494"/>
      <c r="E359" s="493"/>
      <c r="F359" s="492"/>
      <c r="G359" s="486" t="s">
        <v>651</v>
      </c>
      <c r="H359" s="549"/>
      <c r="I359" s="549"/>
      <c r="J359" s="549"/>
      <c r="K359" s="549"/>
      <c r="L359" s="551"/>
    </row>
    <row r="360" spans="1:12" ht="16.149999999999999" customHeight="1">
      <c r="A360" s="735"/>
      <c r="B360" s="736"/>
      <c r="C360" s="490"/>
      <c r="D360" s="489"/>
      <c r="E360" s="491"/>
      <c r="F360" s="487" t="s">
        <v>651</v>
      </c>
      <c r="G360" s="486" t="s">
        <v>651</v>
      </c>
      <c r="H360" s="549"/>
      <c r="I360" s="549"/>
      <c r="J360" s="549"/>
      <c r="K360" s="549"/>
      <c r="L360" s="551"/>
    </row>
    <row r="361" spans="1:12" ht="16.149999999999999" customHeight="1">
      <c r="A361" s="735" t="s">
        <v>651</v>
      </c>
      <c r="B361" s="736"/>
      <c r="C361" s="490" t="s">
        <v>248</v>
      </c>
      <c r="D361" s="489"/>
      <c r="E361" s="488"/>
      <c r="F361" s="487"/>
      <c r="G361" s="486" t="s">
        <v>651</v>
      </c>
      <c r="H361" s="549"/>
      <c r="I361" s="549"/>
      <c r="J361" s="549"/>
      <c r="K361" s="549"/>
      <c r="L361" s="551"/>
    </row>
    <row r="362" spans="1:12" ht="16.149999999999999" customHeight="1">
      <c r="A362" s="737"/>
      <c r="B362" s="738"/>
      <c r="C362" s="485"/>
      <c r="D362" s="484"/>
      <c r="E362" s="483"/>
      <c r="F362" s="482"/>
      <c r="G362" s="481" t="s">
        <v>651</v>
      </c>
      <c r="H362" s="476"/>
      <c r="I362" s="476"/>
      <c r="J362" s="476"/>
      <c r="K362" s="476"/>
      <c r="L362" s="475"/>
    </row>
    <row r="363" spans="1:12" ht="16.149999999999999" customHeight="1">
      <c r="A363" s="733" t="s">
        <v>733</v>
      </c>
      <c r="B363" s="734"/>
      <c r="C363" s="495"/>
      <c r="D363" s="494"/>
      <c r="E363" s="493"/>
      <c r="F363" s="492"/>
      <c r="G363" s="486" t="s">
        <v>734</v>
      </c>
      <c r="H363" s="549"/>
      <c r="I363" s="549"/>
      <c r="J363" s="549"/>
      <c r="K363" s="549"/>
      <c r="L363" s="551"/>
    </row>
    <row r="364" spans="1:12" ht="16.149999999999999" customHeight="1">
      <c r="A364" s="735"/>
      <c r="B364" s="736"/>
      <c r="C364" s="490"/>
      <c r="D364" s="489"/>
      <c r="E364" s="491"/>
      <c r="F364" s="487" t="s">
        <v>651</v>
      </c>
      <c r="G364" s="486" t="s">
        <v>651</v>
      </c>
      <c r="H364" s="549"/>
      <c r="I364" s="549"/>
      <c r="J364" s="549"/>
      <c r="K364" s="549"/>
      <c r="L364" s="551"/>
    </row>
    <row r="365" spans="1:12" ht="16.149999999999999" customHeight="1">
      <c r="A365" s="735" t="s">
        <v>1661</v>
      </c>
      <c r="B365" s="736"/>
      <c r="C365" s="490" t="s">
        <v>731</v>
      </c>
      <c r="D365" s="489"/>
      <c r="E365" s="488"/>
      <c r="F365" s="487"/>
      <c r="G365" s="486" t="s">
        <v>651</v>
      </c>
      <c r="H365" s="549"/>
      <c r="I365" s="549"/>
      <c r="J365" s="549"/>
      <c r="K365" s="549"/>
      <c r="L365" s="551"/>
    </row>
    <row r="366" spans="1:12" ht="16.149999999999999" customHeight="1">
      <c r="A366" s="737"/>
      <c r="B366" s="738"/>
      <c r="C366" s="485"/>
      <c r="D366" s="484"/>
      <c r="E366" s="483"/>
      <c r="F366" s="482"/>
      <c r="G366" s="481" t="s">
        <v>651</v>
      </c>
      <c r="H366" s="476"/>
      <c r="I366" s="476"/>
      <c r="J366" s="476"/>
      <c r="K366" s="476"/>
      <c r="L366" s="475"/>
    </row>
    <row r="367" spans="1:12" ht="16.149999999999999" customHeight="1">
      <c r="A367" s="733" t="s">
        <v>700</v>
      </c>
      <c r="B367" s="734"/>
      <c r="C367" s="495"/>
      <c r="D367" s="494"/>
      <c r="E367" s="493"/>
      <c r="F367" s="492"/>
      <c r="G367" s="486" t="s">
        <v>651</v>
      </c>
      <c r="H367" s="549"/>
      <c r="I367" s="549"/>
      <c r="J367" s="549"/>
      <c r="K367" s="549"/>
      <c r="L367" s="551"/>
    </row>
    <row r="368" spans="1:12" ht="16.149999999999999" customHeight="1">
      <c r="A368" s="735"/>
      <c r="B368" s="736"/>
      <c r="C368" s="490"/>
      <c r="D368" s="489"/>
      <c r="E368" s="491"/>
      <c r="F368" s="487" t="s">
        <v>651</v>
      </c>
      <c r="G368" s="486" t="s">
        <v>651</v>
      </c>
      <c r="H368" s="549"/>
      <c r="I368" s="549"/>
      <c r="J368" s="549"/>
      <c r="K368" s="549"/>
      <c r="L368" s="551"/>
    </row>
    <row r="369" spans="1:12" ht="16.149999999999999" customHeight="1">
      <c r="A369" s="735" t="s">
        <v>651</v>
      </c>
      <c r="B369" s="736"/>
      <c r="C369" s="490" t="s">
        <v>242</v>
      </c>
      <c r="D369" s="489">
        <v>1</v>
      </c>
      <c r="E369" s="488"/>
      <c r="F369" s="487"/>
      <c r="G369" s="486" t="s">
        <v>651</v>
      </c>
      <c r="H369" s="549"/>
      <c r="I369" s="549"/>
      <c r="J369" s="549"/>
      <c r="K369" s="549"/>
      <c r="L369" s="551"/>
    </row>
    <row r="370" spans="1:12" ht="16.149999999999999" customHeight="1">
      <c r="A370" s="737"/>
      <c r="B370" s="738"/>
      <c r="C370" s="485"/>
      <c r="D370" s="484"/>
      <c r="E370" s="483"/>
      <c r="F370" s="482"/>
      <c r="G370" s="481" t="s">
        <v>651</v>
      </c>
      <c r="H370" s="476"/>
      <c r="I370" s="476"/>
      <c r="J370" s="476"/>
      <c r="K370" s="476"/>
      <c r="L370" s="475"/>
    </row>
    <row r="371" spans="1:12" ht="16.149999999999999" customHeight="1">
      <c r="A371" s="733" t="s">
        <v>651</v>
      </c>
      <c r="B371" s="734"/>
      <c r="C371" s="495"/>
      <c r="D371" s="494"/>
      <c r="E371" s="493"/>
      <c r="F371" s="492"/>
      <c r="G371" s="486" t="s">
        <v>651</v>
      </c>
      <c r="H371" s="549"/>
      <c r="I371" s="549"/>
      <c r="J371" s="549"/>
      <c r="K371" s="549"/>
      <c r="L371" s="551"/>
    </row>
    <row r="372" spans="1:12" ht="16.149999999999999" customHeight="1">
      <c r="A372" s="735"/>
      <c r="B372" s="736"/>
      <c r="C372" s="490"/>
      <c r="D372" s="489"/>
      <c r="E372" s="491"/>
      <c r="F372" s="487" t="s">
        <v>651</v>
      </c>
      <c r="G372" s="486" t="s">
        <v>651</v>
      </c>
      <c r="H372" s="549"/>
      <c r="I372" s="549"/>
      <c r="J372" s="549"/>
      <c r="K372" s="549"/>
      <c r="L372" s="551"/>
    </row>
    <row r="373" spans="1:12" ht="16.149999999999999" customHeight="1">
      <c r="A373" s="735" t="s">
        <v>691</v>
      </c>
      <c r="B373" s="736"/>
      <c r="C373" s="490" t="s">
        <v>193</v>
      </c>
      <c r="D373" s="489">
        <v>100</v>
      </c>
      <c r="E373" s="488"/>
      <c r="F373" s="487"/>
      <c r="G373" s="486" t="s">
        <v>651</v>
      </c>
      <c r="H373" s="549"/>
      <c r="I373" s="549"/>
      <c r="J373" s="549"/>
      <c r="K373" s="549"/>
      <c r="L373" s="551"/>
    </row>
    <row r="374" spans="1:12" ht="16.149999999999999" customHeight="1">
      <c r="A374" s="737"/>
      <c r="B374" s="738"/>
      <c r="C374" s="485"/>
      <c r="D374" s="484"/>
      <c r="E374" s="483"/>
      <c r="F374" s="482"/>
      <c r="G374" s="481" t="s">
        <v>651</v>
      </c>
      <c r="H374" s="476"/>
      <c r="I374" s="476"/>
      <c r="J374" s="476"/>
      <c r="K374" s="476"/>
      <c r="L374" s="475"/>
    </row>
    <row r="375" spans="1:12" ht="16.149999999999999" customHeight="1">
      <c r="A375" s="733" t="s">
        <v>651</v>
      </c>
      <c r="B375" s="734"/>
      <c r="C375" s="495"/>
      <c r="D375" s="494"/>
      <c r="E375" s="493"/>
      <c r="F375" s="492"/>
      <c r="G375" s="486" t="s">
        <v>651</v>
      </c>
      <c r="H375" s="549"/>
      <c r="I375" s="549"/>
      <c r="J375" s="549"/>
      <c r="K375" s="549"/>
      <c r="L375" s="551"/>
    </row>
    <row r="376" spans="1:12" ht="16.149999999999999" customHeight="1">
      <c r="A376" s="735"/>
      <c r="B376" s="736"/>
      <c r="C376" s="490"/>
      <c r="D376" s="489"/>
      <c r="E376" s="491"/>
      <c r="F376" s="487" t="s">
        <v>651</v>
      </c>
      <c r="G376" s="486" t="s">
        <v>651</v>
      </c>
      <c r="H376" s="549"/>
      <c r="I376" s="549"/>
      <c r="J376" s="549"/>
      <c r="K376" s="549"/>
      <c r="L376" s="551"/>
    </row>
    <row r="377" spans="1:12" ht="16.149999999999999" customHeight="1">
      <c r="A377" s="735" t="s">
        <v>681</v>
      </c>
      <c r="B377" s="736"/>
      <c r="C377" s="490" t="s">
        <v>193</v>
      </c>
      <c r="D377" s="489">
        <v>1</v>
      </c>
      <c r="E377" s="488" t="s">
        <v>618</v>
      </c>
      <c r="F377" s="487"/>
      <c r="G377" s="486" t="s">
        <v>651</v>
      </c>
      <c r="H377" s="549"/>
      <c r="I377" s="549"/>
      <c r="J377" s="549"/>
      <c r="K377" s="549"/>
      <c r="L377" s="551"/>
    </row>
    <row r="378" spans="1:12" ht="16.149999999999999" customHeight="1">
      <c r="A378" s="737"/>
      <c r="B378" s="738"/>
      <c r="C378" s="485"/>
      <c r="D378" s="484"/>
      <c r="E378" s="483"/>
      <c r="F378" s="482"/>
      <c r="G378" s="481" t="s">
        <v>651</v>
      </c>
      <c r="H378" s="476"/>
      <c r="I378" s="476"/>
      <c r="J378" s="476"/>
      <c r="K378" s="476"/>
      <c r="L378" s="475"/>
    </row>
    <row r="386" spans="1:12" ht="16.149999999999999" customHeight="1">
      <c r="A386" s="507" t="s">
        <v>651</v>
      </c>
      <c r="B386" s="479" t="s">
        <v>954</v>
      </c>
      <c r="C386" s="480"/>
      <c r="D386" s="479"/>
      <c r="E386" s="479"/>
      <c r="F386" s="479"/>
      <c r="G386" s="479"/>
      <c r="H386" s="479" t="s">
        <v>617</v>
      </c>
      <c r="I386" s="480" t="s">
        <v>955</v>
      </c>
      <c r="J386" s="479" t="s">
        <v>689</v>
      </c>
      <c r="K386" s="479" t="s">
        <v>688</v>
      </c>
      <c r="L386" s="506"/>
    </row>
    <row r="387" spans="1:12" ht="16.149999999999999" customHeight="1">
      <c r="A387" s="505" t="s">
        <v>651</v>
      </c>
      <c r="B387" s="549" t="s">
        <v>1686</v>
      </c>
      <c r="C387" s="550"/>
      <c r="D387" s="549"/>
      <c r="E387" s="549"/>
      <c r="F387" s="549"/>
      <c r="G387" s="478"/>
      <c r="H387" s="549"/>
      <c r="I387" s="504"/>
      <c r="J387" s="503" t="s">
        <v>722</v>
      </c>
      <c r="K387" s="502" t="s">
        <v>193</v>
      </c>
      <c r="L387" s="501" t="s">
        <v>618</v>
      </c>
    </row>
    <row r="388" spans="1:12" ht="16.149999999999999" customHeight="1">
      <c r="A388" s="477" t="s">
        <v>651</v>
      </c>
      <c r="B388" s="549"/>
      <c r="C388" s="550"/>
      <c r="D388" s="549"/>
      <c r="E388" s="549"/>
      <c r="F388" s="549"/>
      <c r="G388" s="478"/>
      <c r="H388" s="478"/>
      <c r="I388" s="478"/>
      <c r="J388" s="478"/>
      <c r="K388" s="478"/>
      <c r="L388" s="501"/>
    </row>
    <row r="389" spans="1:12" ht="16.149999999999999" customHeight="1">
      <c r="A389" s="498" t="s">
        <v>686</v>
      </c>
      <c r="B389" s="500"/>
      <c r="C389" s="499" t="s">
        <v>309</v>
      </c>
      <c r="D389" s="499" t="s">
        <v>685</v>
      </c>
      <c r="E389" s="499" t="s">
        <v>684</v>
      </c>
      <c r="F389" s="499" t="s">
        <v>683</v>
      </c>
      <c r="G389" s="498" t="s">
        <v>682</v>
      </c>
      <c r="H389" s="497"/>
      <c r="I389" s="497"/>
      <c r="J389" s="497"/>
      <c r="K389" s="497"/>
      <c r="L389" s="496"/>
    </row>
    <row r="390" spans="1:12" ht="16.149999999999999" customHeight="1">
      <c r="A390" s="733" t="s">
        <v>725</v>
      </c>
      <c r="B390" s="734"/>
      <c r="C390" s="495"/>
      <c r="D390" s="494"/>
      <c r="E390" s="493"/>
      <c r="F390" s="492"/>
      <c r="G390" s="486" t="s">
        <v>651</v>
      </c>
      <c r="H390" s="549"/>
      <c r="I390" s="549"/>
      <c r="J390" s="549"/>
      <c r="K390" s="549"/>
      <c r="L390" s="551"/>
    </row>
    <row r="391" spans="1:12" ht="16.149999999999999" customHeight="1">
      <c r="A391" s="735"/>
      <c r="B391" s="736"/>
      <c r="C391" s="490"/>
      <c r="D391" s="489"/>
      <c r="E391" s="491"/>
      <c r="F391" s="487" t="s">
        <v>651</v>
      </c>
      <c r="G391" s="486" t="s">
        <v>651</v>
      </c>
      <c r="H391" s="549"/>
      <c r="I391" s="549"/>
      <c r="J391" s="549"/>
      <c r="K391" s="549"/>
      <c r="L391" s="551"/>
    </row>
    <row r="392" spans="1:12" ht="16.149999999999999" customHeight="1">
      <c r="A392" s="735" t="s">
        <v>651</v>
      </c>
      <c r="B392" s="736"/>
      <c r="C392" s="490" t="s">
        <v>248</v>
      </c>
      <c r="D392" s="489"/>
      <c r="E392" s="488"/>
      <c r="F392" s="487"/>
      <c r="G392" s="486" t="s">
        <v>651</v>
      </c>
      <c r="H392" s="549"/>
      <c r="I392" s="549"/>
      <c r="J392" s="549"/>
      <c r="K392" s="549"/>
      <c r="L392" s="551"/>
    </row>
    <row r="393" spans="1:12" ht="16.149999999999999" customHeight="1">
      <c r="A393" s="737"/>
      <c r="B393" s="738"/>
      <c r="C393" s="485"/>
      <c r="D393" s="484"/>
      <c r="E393" s="483"/>
      <c r="F393" s="482"/>
      <c r="G393" s="481" t="s">
        <v>651</v>
      </c>
      <c r="H393" s="476"/>
      <c r="I393" s="476"/>
      <c r="J393" s="476"/>
      <c r="K393" s="476"/>
      <c r="L393" s="475"/>
    </row>
    <row r="394" spans="1:12" ht="16.149999999999999" customHeight="1">
      <c r="A394" s="733" t="s">
        <v>250</v>
      </c>
      <c r="B394" s="734"/>
      <c r="C394" s="495"/>
      <c r="D394" s="494"/>
      <c r="E394" s="493"/>
      <c r="F394" s="492"/>
      <c r="G394" s="486" t="s">
        <v>651</v>
      </c>
      <c r="H394" s="549"/>
      <c r="I394" s="549"/>
      <c r="J394" s="549"/>
      <c r="K394" s="549"/>
      <c r="L394" s="551"/>
    </row>
    <row r="395" spans="1:12" ht="16.149999999999999" customHeight="1">
      <c r="A395" s="735"/>
      <c r="B395" s="736"/>
      <c r="C395" s="490"/>
      <c r="D395" s="489"/>
      <c r="E395" s="491"/>
      <c r="F395" s="487" t="s">
        <v>651</v>
      </c>
      <c r="G395" s="486" t="s">
        <v>651</v>
      </c>
      <c r="H395" s="549"/>
      <c r="I395" s="549"/>
      <c r="J395" s="549"/>
      <c r="K395" s="549"/>
      <c r="L395" s="551"/>
    </row>
    <row r="396" spans="1:12" ht="16.149999999999999" customHeight="1">
      <c r="A396" s="735" t="s">
        <v>651</v>
      </c>
      <c r="B396" s="736"/>
      <c r="C396" s="490" t="s">
        <v>248</v>
      </c>
      <c r="D396" s="489"/>
      <c r="E396" s="488"/>
      <c r="F396" s="487"/>
      <c r="G396" s="486" t="s">
        <v>651</v>
      </c>
      <c r="H396" s="549"/>
      <c r="I396" s="549"/>
      <c r="J396" s="549"/>
      <c r="K396" s="549"/>
      <c r="L396" s="551"/>
    </row>
    <row r="397" spans="1:12" ht="16.149999999999999" customHeight="1">
      <c r="A397" s="737"/>
      <c r="B397" s="738"/>
      <c r="C397" s="485"/>
      <c r="D397" s="484"/>
      <c r="E397" s="483"/>
      <c r="F397" s="482"/>
      <c r="G397" s="481" t="s">
        <v>651</v>
      </c>
      <c r="H397" s="476"/>
      <c r="I397" s="476"/>
      <c r="J397" s="476"/>
      <c r="K397" s="476"/>
      <c r="L397" s="475"/>
    </row>
    <row r="398" spans="1:12" ht="16.149999999999999" customHeight="1">
      <c r="A398" s="733" t="s">
        <v>956</v>
      </c>
      <c r="B398" s="734"/>
      <c r="C398" s="495"/>
      <c r="D398" s="494"/>
      <c r="E398" s="493"/>
      <c r="F398" s="492"/>
      <c r="G398" s="486" t="s">
        <v>651</v>
      </c>
      <c r="H398" s="549"/>
      <c r="I398" s="549"/>
      <c r="J398" s="549"/>
      <c r="K398" s="549"/>
      <c r="L398" s="551"/>
    </row>
    <row r="399" spans="1:12" ht="16.149999999999999" customHeight="1">
      <c r="A399" s="735"/>
      <c r="B399" s="736"/>
      <c r="C399" s="490"/>
      <c r="D399" s="489"/>
      <c r="E399" s="491"/>
      <c r="F399" s="487" t="s">
        <v>651</v>
      </c>
      <c r="G399" s="486" t="s">
        <v>651</v>
      </c>
      <c r="H399" s="549"/>
      <c r="I399" s="549"/>
      <c r="J399" s="549"/>
      <c r="K399" s="549"/>
      <c r="L399" s="551"/>
    </row>
    <row r="400" spans="1:12" ht="16.149999999999999" customHeight="1">
      <c r="A400" s="735" t="s">
        <v>651</v>
      </c>
      <c r="B400" s="736"/>
      <c r="C400" s="490" t="s">
        <v>193</v>
      </c>
      <c r="D400" s="489">
        <v>126</v>
      </c>
      <c r="E400" s="488"/>
      <c r="F400" s="487"/>
      <c r="G400" s="486" t="s">
        <v>651</v>
      </c>
      <c r="H400" s="549"/>
      <c r="I400" s="549"/>
      <c r="J400" s="549"/>
      <c r="K400" s="549"/>
      <c r="L400" s="551"/>
    </row>
    <row r="401" spans="1:12" ht="16.149999999999999" customHeight="1">
      <c r="A401" s="737"/>
      <c r="B401" s="738"/>
      <c r="C401" s="485"/>
      <c r="D401" s="484"/>
      <c r="E401" s="483"/>
      <c r="F401" s="482"/>
      <c r="G401" s="481" t="s">
        <v>651</v>
      </c>
      <c r="H401" s="476"/>
      <c r="I401" s="476"/>
      <c r="J401" s="476"/>
      <c r="K401" s="476"/>
      <c r="L401" s="475"/>
    </row>
    <row r="402" spans="1:12" ht="16.149999999999999" customHeight="1">
      <c r="A402" s="733" t="s">
        <v>733</v>
      </c>
      <c r="B402" s="734"/>
      <c r="C402" s="495"/>
      <c r="D402" s="494"/>
      <c r="E402" s="493"/>
      <c r="F402" s="492"/>
      <c r="G402" s="486" t="s">
        <v>734</v>
      </c>
      <c r="H402" s="549"/>
      <c r="I402" s="549"/>
      <c r="J402" s="549"/>
      <c r="K402" s="549"/>
      <c r="L402" s="551"/>
    </row>
    <row r="403" spans="1:12" ht="16.149999999999999" customHeight="1">
      <c r="A403" s="735"/>
      <c r="B403" s="736"/>
      <c r="C403" s="490"/>
      <c r="D403" s="489"/>
      <c r="E403" s="491"/>
      <c r="F403" s="487" t="s">
        <v>651</v>
      </c>
      <c r="G403" s="486" t="s">
        <v>651</v>
      </c>
      <c r="H403" s="549"/>
      <c r="I403" s="549"/>
      <c r="J403" s="549"/>
      <c r="K403" s="549"/>
      <c r="L403" s="551"/>
    </row>
    <row r="404" spans="1:12" ht="16.149999999999999" customHeight="1">
      <c r="A404" s="735" t="s">
        <v>1661</v>
      </c>
      <c r="B404" s="736"/>
      <c r="C404" s="490" t="s">
        <v>731</v>
      </c>
      <c r="D404" s="489"/>
      <c r="E404" s="488"/>
      <c r="F404" s="487"/>
      <c r="G404" s="486" t="s">
        <v>651</v>
      </c>
      <c r="H404" s="549"/>
      <c r="I404" s="549"/>
      <c r="J404" s="549"/>
      <c r="K404" s="549"/>
      <c r="L404" s="551"/>
    </row>
    <row r="405" spans="1:12" ht="16.149999999999999" customHeight="1">
      <c r="A405" s="737"/>
      <c r="B405" s="738"/>
      <c r="C405" s="485"/>
      <c r="D405" s="484"/>
      <c r="E405" s="483"/>
      <c r="F405" s="482"/>
      <c r="G405" s="481" t="s">
        <v>651</v>
      </c>
      <c r="H405" s="476"/>
      <c r="I405" s="476"/>
      <c r="J405" s="476"/>
      <c r="K405" s="476"/>
      <c r="L405" s="475"/>
    </row>
    <row r="406" spans="1:12" ht="16.149999999999999" customHeight="1">
      <c r="A406" s="733" t="s">
        <v>953</v>
      </c>
      <c r="B406" s="734"/>
      <c r="C406" s="495"/>
      <c r="D406" s="494"/>
      <c r="E406" s="493"/>
      <c r="F406" s="492"/>
      <c r="G406" s="486" t="s">
        <v>952</v>
      </c>
      <c r="H406" s="549"/>
      <c r="I406" s="549"/>
      <c r="J406" s="549"/>
      <c r="K406" s="549"/>
      <c r="L406" s="551"/>
    </row>
    <row r="407" spans="1:12" ht="16.149999999999999" customHeight="1">
      <c r="A407" s="735"/>
      <c r="B407" s="736"/>
      <c r="C407" s="490"/>
      <c r="D407" s="489"/>
      <c r="E407" s="491"/>
      <c r="F407" s="487" t="s">
        <v>651</v>
      </c>
      <c r="G407" s="486" t="s">
        <v>651</v>
      </c>
      <c r="H407" s="549"/>
      <c r="I407" s="549"/>
      <c r="J407" s="549"/>
      <c r="K407" s="549"/>
      <c r="L407" s="551"/>
    </row>
    <row r="408" spans="1:12" ht="16.149999999999999" customHeight="1">
      <c r="A408" s="735" t="s">
        <v>651</v>
      </c>
      <c r="B408" s="736"/>
      <c r="C408" s="490" t="s">
        <v>193</v>
      </c>
      <c r="D408" s="489">
        <v>100</v>
      </c>
      <c r="E408" s="488"/>
      <c r="F408" s="487"/>
      <c r="G408" s="486" t="s">
        <v>651</v>
      </c>
      <c r="H408" s="549"/>
      <c r="I408" s="549"/>
      <c r="J408" s="549"/>
      <c r="K408" s="549"/>
      <c r="L408" s="551"/>
    </row>
    <row r="409" spans="1:12" ht="16.149999999999999" customHeight="1">
      <c r="A409" s="737"/>
      <c r="B409" s="738"/>
      <c r="C409" s="485"/>
      <c r="D409" s="484"/>
      <c r="E409" s="483"/>
      <c r="F409" s="482"/>
      <c r="G409" s="481" t="s">
        <v>651</v>
      </c>
      <c r="H409" s="476"/>
      <c r="I409" s="476"/>
      <c r="J409" s="476"/>
      <c r="K409" s="476"/>
      <c r="L409" s="475"/>
    </row>
    <row r="410" spans="1:12" ht="16.149999999999999" customHeight="1">
      <c r="A410" s="733" t="s">
        <v>700</v>
      </c>
      <c r="B410" s="734"/>
      <c r="C410" s="495"/>
      <c r="D410" s="494"/>
      <c r="E410" s="493"/>
      <c r="F410" s="492"/>
      <c r="G410" s="486" t="s">
        <v>651</v>
      </c>
      <c r="H410" s="549"/>
      <c r="I410" s="549"/>
      <c r="J410" s="549"/>
      <c r="K410" s="549"/>
      <c r="L410" s="551"/>
    </row>
    <row r="411" spans="1:12" ht="16.149999999999999" customHeight="1">
      <c r="A411" s="735"/>
      <c r="B411" s="736"/>
      <c r="C411" s="490"/>
      <c r="D411" s="489"/>
      <c r="E411" s="491"/>
      <c r="F411" s="487" t="s">
        <v>651</v>
      </c>
      <c r="G411" s="486" t="s">
        <v>651</v>
      </c>
      <c r="H411" s="549"/>
      <c r="I411" s="549"/>
      <c r="J411" s="549"/>
      <c r="K411" s="549"/>
      <c r="L411" s="551"/>
    </row>
    <row r="412" spans="1:12" ht="16.149999999999999" customHeight="1">
      <c r="A412" s="735" t="s">
        <v>651</v>
      </c>
      <c r="B412" s="736"/>
      <c r="C412" s="490" t="s">
        <v>242</v>
      </c>
      <c r="D412" s="489">
        <v>1</v>
      </c>
      <c r="E412" s="488"/>
      <c r="F412" s="487"/>
      <c r="G412" s="486" t="s">
        <v>651</v>
      </c>
      <c r="H412" s="549"/>
      <c r="I412" s="549"/>
      <c r="J412" s="549"/>
      <c r="K412" s="549"/>
      <c r="L412" s="551"/>
    </row>
    <row r="413" spans="1:12" ht="16.149999999999999" customHeight="1">
      <c r="A413" s="737"/>
      <c r="B413" s="738"/>
      <c r="C413" s="485"/>
      <c r="D413" s="484"/>
      <c r="E413" s="483"/>
      <c r="F413" s="482"/>
      <c r="G413" s="481" t="s">
        <v>651</v>
      </c>
      <c r="H413" s="476"/>
      <c r="I413" s="476"/>
      <c r="J413" s="476"/>
      <c r="K413" s="476"/>
      <c r="L413" s="475"/>
    </row>
    <row r="414" spans="1:12" ht="16.149999999999999" customHeight="1">
      <c r="A414" s="733" t="s">
        <v>651</v>
      </c>
      <c r="B414" s="734"/>
      <c r="C414" s="495"/>
      <c r="D414" s="494"/>
      <c r="E414" s="493"/>
      <c r="F414" s="492"/>
      <c r="G414" s="486" t="s">
        <v>651</v>
      </c>
      <c r="H414" s="549"/>
      <c r="I414" s="549"/>
      <c r="J414" s="549"/>
      <c r="K414" s="549"/>
      <c r="L414" s="551"/>
    </row>
    <row r="415" spans="1:12" ht="16.149999999999999" customHeight="1">
      <c r="A415" s="735"/>
      <c r="B415" s="736"/>
      <c r="C415" s="490"/>
      <c r="D415" s="489"/>
      <c r="E415" s="491"/>
      <c r="F415" s="487" t="s">
        <v>651</v>
      </c>
      <c r="G415" s="486" t="s">
        <v>651</v>
      </c>
      <c r="H415" s="549"/>
      <c r="I415" s="549"/>
      <c r="J415" s="549"/>
      <c r="K415" s="549"/>
      <c r="L415" s="551"/>
    </row>
    <row r="416" spans="1:12" ht="16.149999999999999" customHeight="1">
      <c r="A416" s="735" t="s">
        <v>691</v>
      </c>
      <c r="B416" s="736"/>
      <c r="C416" s="490" t="s">
        <v>193</v>
      </c>
      <c r="D416" s="489">
        <v>100</v>
      </c>
      <c r="E416" s="488"/>
      <c r="F416" s="487"/>
      <c r="G416" s="486" t="s">
        <v>651</v>
      </c>
      <c r="H416" s="549"/>
      <c r="I416" s="549"/>
      <c r="J416" s="549"/>
      <c r="K416" s="549"/>
      <c r="L416" s="551"/>
    </row>
    <row r="417" spans="1:12" ht="16.149999999999999" customHeight="1">
      <c r="A417" s="737"/>
      <c r="B417" s="738"/>
      <c r="C417" s="485"/>
      <c r="D417" s="484"/>
      <c r="E417" s="483"/>
      <c r="F417" s="482"/>
      <c r="G417" s="481" t="s">
        <v>651</v>
      </c>
      <c r="H417" s="476"/>
      <c r="I417" s="476"/>
      <c r="J417" s="476"/>
      <c r="K417" s="476"/>
      <c r="L417" s="475"/>
    </row>
    <row r="421" spans="1:12" ht="16.149999999999999" customHeight="1">
      <c r="A421" s="507" t="s">
        <v>651</v>
      </c>
      <c r="B421" s="479" t="s">
        <v>954</v>
      </c>
      <c r="C421" s="480"/>
      <c r="D421" s="479"/>
      <c r="E421" s="479"/>
      <c r="F421" s="479"/>
      <c r="G421" s="479"/>
      <c r="H421" s="479" t="s">
        <v>617</v>
      </c>
      <c r="I421" s="480" t="s">
        <v>955</v>
      </c>
      <c r="J421" s="479" t="s">
        <v>689</v>
      </c>
      <c r="K421" s="479" t="s">
        <v>688</v>
      </c>
      <c r="L421" s="506"/>
    </row>
    <row r="422" spans="1:12" ht="16.149999999999999" customHeight="1">
      <c r="A422" s="505" t="s">
        <v>651</v>
      </c>
      <c r="B422" s="549" t="s">
        <v>1686</v>
      </c>
      <c r="C422" s="550"/>
      <c r="D422" s="549"/>
      <c r="E422" s="549"/>
      <c r="F422" s="549"/>
      <c r="G422" s="478"/>
      <c r="H422" s="549"/>
      <c r="I422" s="504"/>
      <c r="J422" s="503" t="s">
        <v>722</v>
      </c>
      <c r="K422" s="502" t="s">
        <v>193</v>
      </c>
      <c r="L422" s="501" t="s">
        <v>618</v>
      </c>
    </row>
    <row r="423" spans="1:12" ht="16.149999999999999" customHeight="1">
      <c r="A423" s="477" t="s">
        <v>651</v>
      </c>
      <c r="B423" s="549"/>
      <c r="C423" s="550"/>
      <c r="D423" s="549"/>
      <c r="E423" s="549"/>
      <c r="F423" s="549"/>
      <c r="G423" s="478"/>
      <c r="H423" s="478"/>
      <c r="I423" s="478"/>
      <c r="J423" s="478"/>
      <c r="K423" s="478"/>
      <c r="L423" s="501"/>
    </row>
    <row r="424" spans="1:12" ht="16.149999999999999" customHeight="1">
      <c r="A424" s="498" t="s">
        <v>686</v>
      </c>
      <c r="B424" s="500"/>
      <c r="C424" s="499" t="s">
        <v>309</v>
      </c>
      <c r="D424" s="499" t="s">
        <v>685</v>
      </c>
      <c r="E424" s="499" t="s">
        <v>684</v>
      </c>
      <c r="F424" s="499" t="s">
        <v>683</v>
      </c>
      <c r="G424" s="498" t="s">
        <v>682</v>
      </c>
      <c r="H424" s="497"/>
      <c r="I424" s="497"/>
      <c r="J424" s="497"/>
      <c r="K424" s="497"/>
      <c r="L424" s="496"/>
    </row>
    <row r="425" spans="1:12" ht="16.149999999999999" customHeight="1">
      <c r="A425" s="733" t="s">
        <v>651</v>
      </c>
      <c r="B425" s="734"/>
      <c r="C425" s="495"/>
      <c r="D425" s="494"/>
      <c r="E425" s="493"/>
      <c r="F425" s="492"/>
      <c r="G425" s="486" t="s">
        <v>651</v>
      </c>
      <c r="H425" s="549"/>
      <c r="I425" s="549"/>
      <c r="J425" s="549"/>
      <c r="K425" s="549"/>
      <c r="L425" s="551"/>
    </row>
    <row r="426" spans="1:12" ht="16.149999999999999" customHeight="1">
      <c r="A426" s="735"/>
      <c r="B426" s="736"/>
      <c r="C426" s="490"/>
      <c r="D426" s="489"/>
      <c r="E426" s="491"/>
      <c r="F426" s="487" t="s">
        <v>651</v>
      </c>
      <c r="G426" s="486" t="s">
        <v>651</v>
      </c>
      <c r="H426" s="549"/>
      <c r="I426" s="549"/>
      <c r="J426" s="549"/>
      <c r="K426" s="549"/>
      <c r="L426" s="551"/>
    </row>
    <row r="427" spans="1:12" ht="16.149999999999999" customHeight="1">
      <c r="A427" s="735" t="s">
        <v>681</v>
      </c>
      <c r="B427" s="736"/>
      <c r="C427" s="490" t="s">
        <v>193</v>
      </c>
      <c r="D427" s="489">
        <v>1</v>
      </c>
      <c r="E427" s="488" t="s">
        <v>618</v>
      </c>
      <c r="F427" s="487"/>
      <c r="G427" s="486" t="s">
        <v>651</v>
      </c>
      <c r="H427" s="549"/>
      <c r="I427" s="549"/>
      <c r="J427" s="549"/>
      <c r="K427" s="549"/>
      <c r="L427" s="551"/>
    </row>
    <row r="428" spans="1:12" ht="16.149999999999999" customHeight="1">
      <c r="A428" s="737"/>
      <c r="B428" s="738"/>
      <c r="C428" s="485"/>
      <c r="D428" s="484"/>
      <c r="E428" s="483"/>
      <c r="F428" s="482"/>
      <c r="G428" s="481" t="s">
        <v>651</v>
      </c>
      <c r="H428" s="476"/>
      <c r="I428" s="476"/>
      <c r="J428" s="476"/>
      <c r="K428" s="476"/>
      <c r="L428" s="475"/>
    </row>
    <row r="430" spans="1:12" ht="16.149999999999999" customHeight="1">
      <c r="A430" s="507" t="s">
        <v>651</v>
      </c>
      <c r="B430" s="479" t="s">
        <v>951</v>
      </c>
      <c r="C430" s="480"/>
      <c r="D430" s="479"/>
      <c r="E430" s="479"/>
      <c r="F430" s="479"/>
      <c r="G430" s="479"/>
      <c r="H430" s="479" t="s">
        <v>617</v>
      </c>
      <c r="I430" s="480" t="s">
        <v>950</v>
      </c>
      <c r="J430" s="479" t="s">
        <v>689</v>
      </c>
      <c r="K430" s="479" t="s">
        <v>688</v>
      </c>
      <c r="L430" s="506"/>
    </row>
    <row r="431" spans="1:12" ht="16.149999999999999" customHeight="1">
      <c r="A431" s="505" t="s">
        <v>651</v>
      </c>
      <c r="B431" s="549" t="s">
        <v>1686</v>
      </c>
      <c r="C431" s="550"/>
      <c r="D431" s="549"/>
      <c r="E431" s="549"/>
      <c r="F431" s="549"/>
      <c r="G431" s="478"/>
      <c r="H431" s="549"/>
      <c r="I431" s="504"/>
      <c r="J431" s="503" t="s">
        <v>722</v>
      </c>
      <c r="K431" s="502" t="s">
        <v>193</v>
      </c>
      <c r="L431" s="501" t="s">
        <v>618</v>
      </c>
    </row>
    <row r="432" spans="1:12" ht="16.149999999999999" customHeight="1">
      <c r="A432" s="477" t="s">
        <v>651</v>
      </c>
      <c r="B432" s="549"/>
      <c r="C432" s="550"/>
      <c r="D432" s="549"/>
      <c r="E432" s="549"/>
      <c r="F432" s="549"/>
      <c r="G432" s="478"/>
      <c r="H432" s="478"/>
      <c r="I432" s="478"/>
      <c r="J432" s="478"/>
      <c r="K432" s="478"/>
      <c r="L432" s="501"/>
    </row>
    <row r="433" spans="1:12" ht="16.149999999999999" customHeight="1">
      <c r="A433" s="498" t="s">
        <v>686</v>
      </c>
      <c r="B433" s="500"/>
      <c r="C433" s="499" t="s">
        <v>309</v>
      </c>
      <c r="D433" s="499" t="s">
        <v>685</v>
      </c>
      <c r="E433" s="499" t="s">
        <v>684</v>
      </c>
      <c r="F433" s="499" t="s">
        <v>683</v>
      </c>
      <c r="G433" s="498" t="s">
        <v>682</v>
      </c>
      <c r="H433" s="497"/>
      <c r="I433" s="497"/>
      <c r="J433" s="497"/>
      <c r="K433" s="497"/>
      <c r="L433" s="496"/>
    </row>
    <row r="434" spans="1:12" ht="16.149999999999999" customHeight="1">
      <c r="A434" s="733" t="s">
        <v>725</v>
      </c>
      <c r="B434" s="734"/>
      <c r="C434" s="495"/>
      <c r="D434" s="494"/>
      <c r="E434" s="493"/>
      <c r="F434" s="492"/>
      <c r="G434" s="486" t="s">
        <v>651</v>
      </c>
      <c r="H434" s="549"/>
      <c r="I434" s="549"/>
      <c r="J434" s="549"/>
      <c r="K434" s="549"/>
      <c r="L434" s="551"/>
    </row>
    <row r="435" spans="1:12" ht="16.149999999999999" customHeight="1">
      <c r="A435" s="735"/>
      <c r="B435" s="736"/>
      <c r="C435" s="490"/>
      <c r="D435" s="489"/>
      <c r="E435" s="491"/>
      <c r="F435" s="487" t="s">
        <v>651</v>
      </c>
      <c r="G435" s="486" t="s">
        <v>651</v>
      </c>
      <c r="H435" s="549"/>
      <c r="I435" s="549"/>
      <c r="J435" s="549"/>
      <c r="K435" s="549"/>
      <c r="L435" s="551"/>
    </row>
    <row r="436" spans="1:12" ht="16.149999999999999" customHeight="1">
      <c r="A436" s="735" t="s">
        <v>651</v>
      </c>
      <c r="B436" s="736"/>
      <c r="C436" s="490" t="s">
        <v>248</v>
      </c>
      <c r="D436" s="489"/>
      <c r="E436" s="488"/>
      <c r="F436" s="487"/>
      <c r="G436" s="486" t="s">
        <v>651</v>
      </c>
      <c r="H436" s="549"/>
      <c r="I436" s="549"/>
      <c r="J436" s="549"/>
      <c r="K436" s="549"/>
      <c r="L436" s="551"/>
    </row>
    <row r="437" spans="1:12" ht="16.149999999999999" customHeight="1">
      <c r="A437" s="737"/>
      <c r="B437" s="738"/>
      <c r="C437" s="485"/>
      <c r="D437" s="484"/>
      <c r="E437" s="483"/>
      <c r="F437" s="482"/>
      <c r="G437" s="481" t="s">
        <v>651</v>
      </c>
      <c r="H437" s="476"/>
      <c r="I437" s="476"/>
      <c r="J437" s="476"/>
      <c r="K437" s="476"/>
      <c r="L437" s="475"/>
    </row>
    <row r="438" spans="1:12" ht="16.149999999999999" customHeight="1">
      <c r="A438" s="733" t="s">
        <v>250</v>
      </c>
      <c r="B438" s="734"/>
      <c r="C438" s="495"/>
      <c r="D438" s="494"/>
      <c r="E438" s="493"/>
      <c r="F438" s="492"/>
      <c r="G438" s="486" t="s">
        <v>651</v>
      </c>
      <c r="H438" s="549"/>
      <c r="I438" s="549"/>
      <c r="J438" s="549"/>
      <c r="K438" s="549"/>
      <c r="L438" s="551"/>
    </row>
    <row r="439" spans="1:12" ht="16.149999999999999" customHeight="1">
      <c r="A439" s="735"/>
      <c r="B439" s="736"/>
      <c r="C439" s="490"/>
      <c r="D439" s="489"/>
      <c r="E439" s="491"/>
      <c r="F439" s="487" t="s">
        <v>651</v>
      </c>
      <c r="G439" s="486" t="s">
        <v>651</v>
      </c>
      <c r="H439" s="549"/>
      <c r="I439" s="549"/>
      <c r="J439" s="549"/>
      <c r="K439" s="549"/>
      <c r="L439" s="551"/>
    </row>
    <row r="440" spans="1:12" ht="16.149999999999999" customHeight="1">
      <c r="A440" s="735" t="s">
        <v>651</v>
      </c>
      <c r="B440" s="736"/>
      <c r="C440" s="490" t="s">
        <v>248</v>
      </c>
      <c r="D440" s="489"/>
      <c r="E440" s="488"/>
      <c r="F440" s="487"/>
      <c r="G440" s="486" t="s">
        <v>651</v>
      </c>
      <c r="H440" s="549"/>
      <c r="I440" s="549"/>
      <c r="J440" s="549"/>
      <c r="K440" s="549"/>
      <c r="L440" s="551"/>
    </row>
    <row r="441" spans="1:12" ht="16.149999999999999" customHeight="1">
      <c r="A441" s="737"/>
      <c r="B441" s="738"/>
      <c r="C441" s="485"/>
      <c r="D441" s="484"/>
      <c r="E441" s="483"/>
      <c r="F441" s="482"/>
      <c r="G441" s="481" t="s">
        <v>651</v>
      </c>
      <c r="H441" s="476"/>
      <c r="I441" s="476"/>
      <c r="J441" s="476"/>
      <c r="K441" s="476"/>
      <c r="L441" s="475"/>
    </row>
    <row r="442" spans="1:12" ht="16.149999999999999" customHeight="1">
      <c r="A442" s="733" t="s">
        <v>733</v>
      </c>
      <c r="B442" s="734"/>
      <c r="C442" s="495"/>
      <c r="D442" s="494"/>
      <c r="E442" s="493"/>
      <c r="F442" s="492"/>
      <c r="G442" s="486" t="s">
        <v>734</v>
      </c>
      <c r="H442" s="549"/>
      <c r="I442" s="549"/>
      <c r="J442" s="549"/>
      <c r="K442" s="549"/>
      <c r="L442" s="551"/>
    </row>
    <row r="443" spans="1:12" ht="16.149999999999999" customHeight="1">
      <c r="A443" s="735"/>
      <c r="B443" s="736"/>
      <c r="C443" s="490"/>
      <c r="D443" s="489"/>
      <c r="E443" s="491"/>
      <c r="F443" s="487" t="s">
        <v>651</v>
      </c>
      <c r="G443" s="486" t="s">
        <v>651</v>
      </c>
      <c r="H443" s="549"/>
      <c r="I443" s="549"/>
      <c r="J443" s="549"/>
      <c r="K443" s="549"/>
      <c r="L443" s="551"/>
    </row>
    <row r="444" spans="1:12" ht="16.149999999999999" customHeight="1">
      <c r="A444" s="735" t="s">
        <v>1661</v>
      </c>
      <c r="B444" s="736"/>
      <c r="C444" s="490" t="s">
        <v>731</v>
      </c>
      <c r="D444" s="489"/>
      <c r="E444" s="488"/>
      <c r="F444" s="487"/>
      <c r="G444" s="486" t="s">
        <v>651</v>
      </c>
      <c r="H444" s="549"/>
      <c r="I444" s="549"/>
      <c r="J444" s="549"/>
      <c r="K444" s="549"/>
      <c r="L444" s="551"/>
    </row>
    <row r="445" spans="1:12" ht="16.149999999999999" customHeight="1">
      <c r="A445" s="737"/>
      <c r="B445" s="738"/>
      <c r="C445" s="485"/>
      <c r="D445" s="484"/>
      <c r="E445" s="483"/>
      <c r="F445" s="482"/>
      <c r="G445" s="481" t="s">
        <v>651</v>
      </c>
      <c r="H445" s="476"/>
      <c r="I445" s="476"/>
      <c r="J445" s="476"/>
      <c r="K445" s="476"/>
      <c r="L445" s="475"/>
    </row>
    <row r="446" spans="1:12" ht="16.149999999999999" customHeight="1">
      <c r="A446" s="733" t="s">
        <v>953</v>
      </c>
      <c r="B446" s="734"/>
      <c r="C446" s="495"/>
      <c r="D446" s="494"/>
      <c r="E446" s="493"/>
      <c r="F446" s="492"/>
      <c r="G446" s="486" t="s">
        <v>952</v>
      </c>
      <c r="H446" s="549"/>
      <c r="I446" s="549"/>
      <c r="J446" s="549"/>
      <c r="K446" s="549"/>
      <c r="L446" s="551"/>
    </row>
    <row r="447" spans="1:12" ht="16.149999999999999" customHeight="1">
      <c r="A447" s="735"/>
      <c r="B447" s="736"/>
      <c r="C447" s="490"/>
      <c r="D447" s="489"/>
      <c r="E447" s="491"/>
      <c r="F447" s="487" t="s">
        <v>651</v>
      </c>
      <c r="G447" s="486" t="s">
        <v>651</v>
      </c>
      <c r="H447" s="549"/>
      <c r="I447" s="549"/>
      <c r="J447" s="549"/>
      <c r="K447" s="549"/>
      <c r="L447" s="551"/>
    </row>
    <row r="448" spans="1:12" ht="16.149999999999999" customHeight="1">
      <c r="A448" s="735" t="s">
        <v>651</v>
      </c>
      <c r="B448" s="736"/>
      <c r="C448" s="490" t="s">
        <v>193</v>
      </c>
      <c r="D448" s="489">
        <v>100</v>
      </c>
      <c r="E448" s="488"/>
      <c r="F448" s="487"/>
      <c r="G448" s="486" t="s">
        <v>651</v>
      </c>
      <c r="H448" s="549"/>
      <c r="I448" s="549"/>
      <c r="J448" s="549"/>
      <c r="K448" s="549"/>
      <c r="L448" s="551"/>
    </row>
    <row r="449" spans="1:12" ht="16.149999999999999" customHeight="1">
      <c r="A449" s="737"/>
      <c r="B449" s="738"/>
      <c r="C449" s="485"/>
      <c r="D449" s="484"/>
      <c r="E449" s="483"/>
      <c r="F449" s="482"/>
      <c r="G449" s="481" t="s">
        <v>651</v>
      </c>
      <c r="H449" s="476"/>
      <c r="I449" s="476"/>
      <c r="J449" s="476"/>
      <c r="K449" s="476"/>
      <c r="L449" s="475"/>
    </row>
    <row r="450" spans="1:12" ht="16.149999999999999" customHeight="1">
      <c r="A450" s="733" t="s">
        <v>700</v>
      </c>
      <c r="B450" s="734"/>
      <c r="C450" s="495"/>
      <c r="D450" s="494"/>
      <c r="E450" s="493"/>
      <c r="F450" s="492"/>
      <c r="G450" s="486" t="s">
        <v>651</v>
      </c>
      <c r="H450" s="549"/>
      <c r="I450" s="549"/>
      <c r="J450" s="549"/>
      <c r="K450" s="549"/>
      <c r="L450" s="551"/>
    </row>
    <row r="451" spans="1:12" ht="16.149999999999999" customHeight="1">
      <c r="A451" s="735"/>
      <c r="B451" s="736"/>
      <c r="C451" s="490"/>
      <c r="D451" s="489"/>
      <c r="E451" s="491"/>
      <c r="F451" s="487" t="s">
        <v>651</v>
      </c>
      <c r="G451" s="486" t="s">
        <v>651</v>
      </c>
      <c r="H451" s="549"/>
      <c r="I451" s="549"/>
      <c r="J451" s="549"/>
      <c r="K451" s="549"/>
      <c r="L451" s="551"/>
    </row>
    <row r="452" spans="1:12" ht="16.149999999999999" customHeight="1">
      <c r="A452" s="735" t="s">
        <v>651</v>
      </c>
      <c r="B452" s="736"/>
      <c r="C452" s="490" t="s">
        <v>242</v>
      </c>
      <c r="D452" s="489">
        <v>1</v>
      </c>
      <c r="E452" s="488"/>
      <c r="F452" s="487"/>
      <c r="G452" s="486" t="s">
        <v>651</v>
      </c>
      <c r="H452" s="549"/>
      <c r="I452" s="549"/>
      <c r="J452" s="549"/>
      <c r="K452" s="549"/>
      <c r="L452" s="551"/>
    </row>
    <row r="453" spans="1:12" ht="16.149999999999999" customHeight="1">
      <c r="A453" s="737"/>
      <c r="B453" s="738"/>
      <c r="C453" s="485"/>
      <c r="D453" s="484"/>
      <c r="E453" s="483"/>
      <c r="F453" s="482"/>
      <c r="G453" s="481" t="s">
        <v>651</v>
      </c>
      <c r="H453" s="476"/>
      <c r="I453" s="476"/>
      <c r="J453" s="476"/>
      <c r="K453" s="476"/>
      <c r="L453" s="475"/>
    </row>
    <row r="456" spans="1:12" ht="16.149999999999999" customHeight="1">
      <c r="A456" s="507" t="s">
        <v>651</v>
      </c>
      <c r="B456" s="479" t="s">
        <v>951</v>
      </c>
      <c r="C456" s="480"/>
      <c r="D456" s="479"/>
      <c r="E456" s="479"/>
      <c r="F456" s="479"/>
      <c r="G456" s="479"/>
      <c r="H456" s="479" t="s">
        <v>617</v>
      </c>
      <c r="I456" s="480" t="s">
        <v>950</v>
      </c>
      <c r="J456" s="479" t="s">
        <v>689</v>
      </c>
      <c r="K456" s="479" t="s">
        <v>688</v>
      </c>
      <c r="L456" s="506"/>
    </row>
    <row r="457" spans="1:12" ht="16.149999999999999" customHeight="1">
      <c r="A457" s="505" t="s">
        <v>651</v>
      </c>
      <c r="B457" s="549" t="s">
        <v>1686</v>
      </c>
      <c r="C457" s="550"/>
      <c r="D457" s="549"/>
      <c r="E457" s="549"/>
      <c r="F457" s="549"/>
      <c r="G457" s="478"/>
      <c r="H457" s="549"/>
      <c r="I457" s="504"/>
      <c r="J457" s="503" t="s">
        <v>722</v>
      </c>
      <c r="K457" s="502" t="s">
        <v>193</v>
      </c>
      <c r="L457" s="501" t="s">
        <v>618</v>
      </c>
    </row>
    <row r="458" spans="1:12" ht="16.149999999999999" customHeight="1">
      <c r="A458" s="477" t="s">
        <v>651</v>
      </c>
      <c r="B458" s="549"/>
      <c r="C458" s="550"/>
      <c r="D458" s="549"/>
      <c r="E458" s="549"/>
      <c r="F458" s="549"/>
      <c r="G458" s="478"/>
      <c r="H458" s="478"/>
      <c r="I458" s="478"/>
      <c r="J458" s="478"/>
      <c r="K458" s="478"/>
      <c r="L458" s="501"/>
    </row>
    <row r="459" spans="1:12" ht="16.149999999999999" customHeight="1">
      <c r="A459" s="498" t="s">
        <v>686</v>
      </c>
      <c r="B459" s="500"/>
      <c r="C459" s="499" t="s">
        <v>309</v>
      </c>
      <c r="D459" s="499" t="s">
        <v>685</v>
      </c>
      <c r="E459" s="499" t="s">
        <v>684</v>
      </c>
      <c r="F459" s="499" t="s">
        <v>683</v>
      </c>
      <c r="G459" s="498" t="s">
        <v>682</v>
      </c>
      <c r="H459" s="497"/>
      <c r="I459" s="497"/>
      <c r="J459" s="497"/>
      <c r="K459" s="497"/>
      <c r="L459" s="496"/>
    </row>
    <row r="460" spans="1:12" ht="16.149999999999999" customHeight="1">
      <c r="A460" s="733" t="s">
        <v>651</v>
      </c>
      <c r="B460" s="734"/>
      <c r="C460" s="495"/>
      <c r="D460" s="494"/>
      <c r="E460" s="493"/>
      <c r="F460" s="492"/>
      <c r="G460" s="486" t="s">
        <v>651</v>
      </c>
      <c r="H460" s="549"/>
      <c r="I460" s="549"/>
      <c r="J460" s="549"/>
      <c r="K460" s="549"/>
      <c r="L460" s="551"/>
    </row>
    <row r="461" spans="1:12" ht="16.149999999999999" customHeight="1">
      <c r="A461" s="735"/>
      <c r="B461" s="736"/>
      <c r="C461" s="490"/>
      <c r="D461" s="489"/>
      <c r="E461" s="491"/>
      <c r="F461" s="487" t="s">
        <v>651</v>
      </c>
      <c r="G461" s="486" t="s">
        <v>651</v>
      </c>
      <c r="H461" s="549"/>
      <c r="I461" s="549"/>
      <c r="J461" s="549"/>
      <c r="K461" s="549"/>
      <c r="L461" s="551"/>
    </row>
    <row r="462" spans="1:12" ht="16.149999999999999" customHeight="1">
      <c r="A462" s="735" t="s">
        <v>691</v>
      </c>
      <c r="B462" s="736"/>
      <c r="C462" s="490" t="s">
        <v>193</v>
      </c>
      <c r="D462" s="489">
        <v>100</v>
      </c>
      <c r="E462" s="488"/>
      <c r="F462" s="487"/>
      <c r="G462" s="486" t="s">
        <v>651</v>
      </c>
      <c r="H462" s="549"/>
      <c r="I462" s="549"/>
      <c r="J462" s="549"/>
      <c r="K462" s="549"/>
      <c r="L462" s="551"/>
    </row>
    <row r="463" spans="1:12" ht="16.149999999999999" customHeight="1">
      <c r="A463" s="737"/>
      <c r="B463" s="738"/>
      <c r="C463" s="485"/>
      <c r="D463" s="484"/>
      <c r="E463" s="483"/>
      <c r="F463" s="482"/>
      <c r="G463" s="481" t="s">
        <v>651</v>
      </c>
      <c r="H463" s="476"/>
      <c r="I463" s="476"/>
      <c r="J463" s="476"/>
      <c r="K463" s="476"/>
      <c r="L463" s="475"/>
    </row>
    <row r="464" spans="1:12" ht="16.149999999999999" customHeight="1">
      <c r="A464" s="733" t="s">
        <v>651</v>
      </c>
      <c r="B464" s="734"/>
      <c r="C464" s="495"/>
      <c r="D464" s="494"/>
      <c r="E464" s="493"/>
      <c r="F464" s="492"/>
      <c r="G464" s="486" t="s">
        <v>651</v>
      </c>
      <c r="H464" s="549"/>
      <c r="I464" s="549"/>
      <c r="J464" s="549"/>
      <c r="K464" s="549"/>
      <c r="L464" s="551"/>
    </row>
    <row r="465" spans="1:12" ht="16.149999999999999" customHeight="1">
      <c r="A465" s="735"/>
      <c r="B465" s="736"/>
      <c r="C465" s="490"/>
      <c r="D465" s="489"/>
      <c r="E465" s="491"/>
      <c r="F465" s="487" t="s">
        <v>651</v>
      </c>
      <c r="G465" s="486" t="s">
        <v>651</v>
      </c>
      <c r="H465" s="549"/>
      <c r="I465" s="549"/>
      <c r="J465" s="549"/>
      <c r="K465" s="549"/>
      <c r="L465" s="551"/>
    </row>
    <row r="466" spans="1:12" ht="16.149999999999999" customHeight="1">
      <c r="A466" s="735" t="s">
        <v>681</v>
      </c>
      <c r="B466" s="736"/>
      <c r="C466" s="490" t="s">
        <v>193</v>
      </c>
      <c r="D466" s="489">
        <v>1</v>
      </c>
      <c r="E466" s="488" t="s">
        <v>618</v>
      </c>
      <c r="F466" s="487"/>
      <c r="G466" s="486" t="s">
        <v>651</v>
      </c>
      <c r="H466" s="549"/>
      <c r="I466" s="549"/>
      <c r="J466" s="549"/>
      <c r="K466" s="549"/>
      <c r="L466" s="551"/>
    </row>
    <row r="467" spans="1:12" ht="16.149999999999999" customHeight="1">
      <c r="A467" s="737"/>
      <c r="B467" s="738"/>
      <c r="C467" s="485"/>
      <c r="D467" s="484"/>
      <c r="E467" s="483"/>
      <c r="F467" s="482"/>
      <c r="G467" s="481" t="s">
        <v>651</v>
      </c>
      <c r="H467" s="476"/>
      <c r="I467" s="476"/>
      <c r="J467" s="476"/>
      <c r="K467" s="476"/>
      <c r="L467" s="475"/>
    </row>
    <row r="469" spans="1:12" ht="16.149999999999999" customHeight="1">
      <c r="A469" s="507" t="s">
        <v>651</v>
      </c>
      <c r="B469" s="479" t="s">
        <v>1677</v>
      </c>
      <c r="C469" s="480"/>
      <c r="D469" s="479"/>
      <c r="E469" s="479"/>
      <c r="F469" s="479"/>
      <c r="G469" s="479"/>
      <c r="H469" s="479" t="s">
        <v>617</v>
      </c>
      <c r="I469" s="480" t="s">
        <v>948</v>
      </c>
      <c r="J469" s="479" t="s">
        <v>689</v>
      </c>
      <c r="K469" s="479" t="s">
        <v>688</v>
      </c>
      <c r="L469" s="506"/>
    </row>
    <row r="470" spans="1:12" ht="16.149999999999999" customHeight="1">
      <c r="A470" s="505" t="s">
        <v>651</v>
      </c>
      <c r="B470" s="549" t="s">
        <v>1676</v>
      </c>
      <c r="C470" s="550"/>
      <c r="D470" s="549"/>
      <c r="E470" s="549"/>
      <c r="F470" s="549"/>
      <c r="G470" s="478"/>
      <c r="H470" s="549"/>
      <c r="I470" s="504"/>
      <c r="J470" s="503" t="s">
        <v>708</v>
      </c>
      <c r="K470" s="502" t="s">
        <v>193</v>
      </c>
      <c r="L470" s="501" t="s">
        <v>618</v>
      </c>
    </row>
    <row r="471" spans="1:12" ht="16.149999999999999" customHeight="1">
      <c r="A471" s="477" t="s">
        <v>651</v>
      </c>
      <c r="B471" s="549"/>
      <c r="C471" s="550"/>
      <c r="D471" s="549"/>
      <c r="E471" s="549"/>
      <c r="F471" s="549"/>
      <c r="G471" s="478"/>
      <c r="H471" s="478"/>
      <c r="I471" s="478"/>
      <c r="J471" s="478"/>
      <c r="K471" s="478"/>
      <c r="L471" s="501"/>
    </row>
    <row r="472" spans="1:12" ht="16.149999999999999" customHeight="1">
      <c r="A472" s="498" t="s">
        <v>686</v>
      </c>
      <c r="B472" s="500"/>
      <c r="C472" s="499" t="s">
        <v>309</v>
      </c>
      <c r="D472" s="499" t="s">
        <v>685</v>
      </c>
      <c r="E472" s="499" t="s">
        <v>684</v>
      </c>
      <c r="F472" s="499" t="s">
        <v>683</v>
      </c>
      <c r="G472" s="498" t="s">
        <v>682</v>
      </c>
      <c r="H472" s="497"/>
      <c r="I472" s="497"/>
      <c r="J472" s="497"/>
      <c r="K472" s="497"/>
      <c r="L472" s="496"/>
    </row>
    <row r="473" spans="1:12" ht="16.149999999999999" customHeight="1">
      <c r="A473" s="733" t="s">
        <v>889</v>
      </c>
      <c r="B473" s="734"/>
      <c r="C473" s="495"/>
      <c r="D473" s="494"/>
      <c r="E473" s="493"/>
      <c r="F473" s="492"/>
      <c r="G473" s="486" t="s">
        <v>949</v>
      </c>
      <c r="H473" s="549"/>
      <c r="I473" s="549"/>
      <c r="J473" s="549"/>
      <c r="K473" s="549"/>
      <c r="L473" s="551"/>
    </row>
    <row r="474" spans="1:12" ht="16.149999999999999" customHeight="1">
      <c r="A474" s="735"/>
      <c r="B474" s="736"/>
      <c r="C474" s="490"/>
      <c r="D474" s="489"/>
      <c r="E474" s="491"/>
      <c r="F474" s="487" t="s">
        <v>651</v>
      </c>
      <c r="G474" s="486" t="s">
        <v>651</v>
      </c>
      <c r="H474" s="549"/>
      <c r="I474" s="549"/>
      <c r="J474" s="549"/>
      <c r="K474" s="549"/>
      <c r="L474" s="551"/>
    </row>
    <row r="475" spans="1:12" ht="16.149999999999999" customHeight="1">
      <c r="A475" s="735" t="s">
        <v>1675</v>
      </c>
      <c r="B475" s="736"/>
      <c r="C475" s="490" t="s">
        <v>621</v>
      </c>
      <c r="D475" s="489"/>
      <c r="E475" s="488"/>
      <c r="F475" s="487"/>
      <c r="G475" s="486" t="s">
        <v>651</v>
      </c>
      <c r="H475" s="549"/>
      <c r="I475" s="549"/>
      <c r="J475" s="549"/>
      <c r="K475" s="549"/>
      <c r="L475" s="551"/>
    </row>
    <row r="476" spans="1:12" ht="16.149999999999999" customHeight="1">
      <c r="A476" s="737"/>
      <c r="B476" s="738"/>
      <c r="C476" s="485"/>
      <c r="D476" s="484"/>
      <c r="E476" s="483"/>
      <c r="F476" s="482"/>
      <c r="G476" s="481" t="s">
        <v>651</v>
      </c>
      <c r="H476" s="476"/>
      <c r="I476" s="476"/>
      <c r="J476" s="476"/>
      <c r="K476" s="476"/>
      <c r="L476" s="475"/>
    </row>
    <row r="477" spans="1:12" ht="16.149999999999999" customHeight="1">
      <c r="A477" s="733" t="s">
        <v>651</v>
      </c>
      <c r="B477" s="734"/>
      <c r="C477" s="495"/>
      <c r="D477" s="494"/>
      <c r="E477" s="493"/>
      <c r="F477" s="492"/>
      <c r="G477" s="486" t="s">
        <v>651</v>
      </c>
      <c r="H477" s="549"/>
      <c r="I477" s="549"/>
      <c r="J477" s="549"/>
      <c r="K477" s="549"/>
      <c r="L477" s="551"/>
    </row>
    <row r="478" spans="1:12" ht="16.149999999999999" customHeight="1">
      <c r="A478" s="735"/>
      <c r="B478" s="736"/>
      <c r="C478" s="490"/>
      <c r="D478" s="489"/>
      <c r="E478" s="491"/>
      <c r="F478" s="487" t="s">
        <v>651</v>
      </c>
      <c r="G478" s="486" t="s">
        <v>651</v>
      </c>
      <c r="H478" s="549"/>
      <c r="I478" s="549"/>
      <c r="J478" s="549"/>
      <c r="K478" s="549"/>
      <c r="L478" s="551"/>
    </row>
    <row r="479" spans="1:12" ht="16.149999999999999" customHeight="1">
      <c r="A479" s="735" t="s">
        <v>691</v>
      </c>
      <c r="B479" s="736"/>
      <c r="C479" s="490" t="s">
        <v>193</v>
      </c>
      <c r="D479" s="489">
        <v>10</v>
      </c>
      <c r="E479" s="488"/>
      <c r="F479" s="487"/>
      <c r="G479" s="486" t="s">
        <v>651</v>
      </c>
      <c r="H479" s="549"/>
      <c r="I479" s="549"/>
      <c r="J479" s="549"/>
      <c r="K479" s="549"/>
      <c r="L479" s="551"/>
    </row>
    <row r="480" spans="1:12" ht="16.149999999999999" customHeight="1">
      <c r="A480" s="737"/>
      <c r="B480" s="738"/>
      <c r="C480" s="485"/>
      <c r="D480" s="484"/>
      <c r="E480" s="483"/>
      <c r="F480" s="482"/>
      <c r="G480" s="481" t="s">
        <v>651</v>
      </c>
      <c r="H480" s="476"/>
      <c r="I480" s="476"/>
      <c r="J480" s="476"/>
      <c r="K480" s="476"/>
      <c r="L480" s="475"/>
    </row>
    <row r="481" spans="1:12" ht="16.149999999999999" customHeight="1">
      <c r="A481" s="733" t="s">
        <v>651</v>
      </c>
      <c r="B481" s="734"/>
      <c r="C481" s="495"/>
      <c r="D481" s="494"/>
      <c r="E481" s="493"/>
      <c r="F481" s="492"/>
      <c r="G481" s="486" t="s">
        <v>651</v>
      </c>
      <c r="H481" s="549"/>
      <c r="I481" s="549"/>
      <c r="J481" s="549"/>
      <c r="K481" s="549"/>
      <c r="L481" s="551"/>
    </row>
    <row r="482" spans="1:12" ht="16.149999999999999" customHeight="1">
      <c r="A482" s="735"/>
      <c r="B482" s="736"/>
      <c r="C482" s="490"/>
      <c r="D482" s="489"/>
      <c r="E482" s="491"/>
      <c r="F482" s="487" t="s">
        <v>651</v>
      </c>
      <c r="G482" s="486" t="s">
        <v>651</v>
      </c>
      <c r="H482" s="549"/>
      <c r="I482" s="549"/>
      <c r="J482" s="549"/>
      <c r="K482" s="549"/>
      <c r="L482" s="551"/>
    </row>
    <row r="483" spans="1:12" ht="16.149999999999999" customHeight="1">
      <c r="A483" s="735" t="s">
        <v>681</v>
      </c>
      <c r="B483" s="736"/>
      <c r="C483" s="490" t="s">
        <v>193</v>
      </c>
      <c r="D483" s="489">
        <v>1</v>
      </c>
      <c r="E483" s="488" t="s">
        <v>618</v>
      </c>
      <c r="F483" s="487"/>
      <c r="G483" s="486" t="s">
        <v>651</v>
      </c>
      <c r="H483" s="549"/>
      <c r="I483" s="549"/>
      <c r="J483" s="549"/>
      <c r="K483" s="549"/>
      <c r="L483" s="551"/>
    </row>
    <row r="484" spans="1:12" ht="16.149999999999999" customHeight="1">
      <c r="A484" s="737"/>
      <c r="B484" s="738"/>
      <c r="C484" s="485"/>
      <c r="D484" s="484"/>
      <c r="E484" s="483"/>
      <c r="F484" s="482"/>
      <c r="G484" s="481" t="s">
        <v>651</v>
      </c>
      <c r="H484" s="476"/>
      <c r="I484" s="476"/>
      <c r="J484" s="476"/>
      <c r="K484" s="476"/>
      <c r="L484" s="475"/>
    </row>
    <row r="491" spans="1:12" ht="16.149999999999999" customHeight="1">
      <c r="A491" s="507" t="s">
        <v>651</v>
      </c>
      <c r="B491" s="479" t="s">
        <v>892</v>
      </c>
      <c r="C491" s="480"/>
      <c r="D491" s="479"/>
      <c r="E491" s="479"/>
      <c r="F491" s="479"/>
      <c r="G491" s="479"/>
      <c r="H491" s="479" t="s">
        <v>617</v>
      </c>
      <c r="I491" s="480" t="s">
        <v>946</v>
      </c>
      <c r="J491" s="479" t="s">
        <v>689</v>
      </c>
      <c r="K491" s="479" t="s">
        <v>688</v>
      </c>
      <c r="L491" s="506"/>
    </row>
    <row r="492" spans="1:12" ht="16.149999999999999" customHeight="1">
      <c r="A492" s="505" t="s">
        <v>651</v>
      </c>
      <c r="B492" s="549" t="s">
        <v>1370</v>
      </c>
      <c r="C492" s="550"/>
      <c r="D492" s="549"/>
      <c r="E492" s="549"/>
      <c r="F492" s="549"/>
      <c r="G492" s="478"/>
      <c r="H492" s="549"/>
      <c r="I492" s="504"/>
      <c r="J492" s="503" t="s">
        <v>687</v>
      </c>
      <c r="K492" s="502" t="s">
        <v>194</v>
      </c>
      <c r="L492" s="501" t="s">
        <v>618</v>
      </c>
    </row>
    <row r="493" spans="1:12" ht="16.149999999999999" customHeight="1">
      <c r="A493" s="477" t="s">
        <v>651</v>
      </c>
      <c r="B493" s="549"/>
      <c r="C493" s="550"/>
      <c r="D493" s="549"/>
      <c r="E493" s="549"/>
      <c r="F493" s="549"/>
      <c r="G493" s="478"/>
      <c r="H493" s="478"/>
      <c r="I493" s="478"/>
      <c r="J493" s="478"/>
      <c r="K493" s="478"/>
      <c r="L493" s="501"/>
    </row>
    <row r="494" spans="1:12" ht="16.149999999999999" customHeight="1">
      <c r="A494" s="498" t="s">
        <v>686</v>
      </c>
      <c r="B494" s="500"/>
      <c r="C494" s="499" t="s">
        <v>309</v>
      </c>
      <c r="D494" s="499" t="s">
        <v>685</v>
      </c>
      <c r="E494" s="499" t="s">
        <v>684</v>
      </c>
      <c r="F494" s="499" t="s">
        <v>683</v>
      </c>
      <c r="G494" s="498" t="s">
        <v>682</v>
      </c>
      <c r="H494" s="497"/>
      <c r="I494" s="497"/>
      <c r="J494" s="497"/>
      <c r="K494" s="497"/>
      <c r="L494" s="496"/>
    </row>
    <row r="495" spans="1:12" ht="16.149999999999999" customHeight="1">
      <c r="A495" s="733" t="s">
        <v>892</v>
      </c>
      <c r="B495" s="734"/>
      <c r="C495" s="495"/>
      <c r="D495" s="494"/>
      <c r="E495" s="493"/>
      <c r="F495" s="492"/>
      <c r="G495" s="486" t="s">
        <v>947</v>
      </c>
      <c r="H495" s="549"/>
      <c r="I495" s="549"/>
      <c r="J495" s="549"/>
      <c r="K495" s="549"/>
      <c r="L495" s="551"/>
    </row>
    <row r="496" spans="1:12" ht="16.149999999999999" customHeight="1">
      <c r="A496" s="735"/>
      <c r="B496" s="736"/>
      <c r="C496" s="490"/>
      <c r="D496" s="489"/>
      <c r="E496" s="491"/>
      <c r="F496" s="487" t="s">
        <v>651</v>
      </c>
      <c r="G496" s="486" t="s">
        <v>651</v>
      </c>
      <c r="H496" s="549"/>
      <c r="I496" s="549"/>
      <c r="J496" s="549"/>
      <c r="K496" s="549"/>
      <c r="L496" s="551"/>
    </row>
    <row r="497" spans="1:12" ht="16.149999999999999" customHeight="1">
      <c r="A497" s="735" t="s">
        <v>1685</v>
      </c>
      <c r="B497" s="736"/>
      <c r="C497" s="490" t="s">
        <v>194</v>
      </c>
      <c r="D497" s="489">
        <v>1</v>
      </c>
      <c r="E497" s="488"/>
      <c r="F497" s="487"/>
      <c r="G497" s="486" t="s">
        <v>651</v>
      </c>
      <c r="H497" s="549"/>
      <c r="I497" s="549"/>
      <c r="J497" s="549"/>
      <c r="K497" s="549"/>
      <c r="L497" s="551"/>
    </row>
    <row r="498" spans="1:12" ht="16.149999999999999" customHeight="1">
      <c r="A498" s="737"/>
      <c r="B498" s="738"/>
      <c r="C498" s="485"/>
      <c r="D498" s="484"/>
      <c r="E498" s="483"/>
      <c r="F498" s="482"/>
      <c r="G498" s="481" t="s">
        <v>651</v>
      </c>
      <c r="H498" s="476"/>
      <c r="I498" s="476"/>
      <c r="J498" s="476"/>
      <c r="K498" s="476"/>
      <c r="L498" s="475"/>
    </row>
    <row r="499" spans="1:12" ht="16.149999999999999" customHeight="1">
      <c r="A499" s="733" t="s">
        <v>651</v>
      </c>
      <c r="B499" s="734"/>
      <c r="C499" s="495"/>
      <c r="D499" s="494"/>
      <c r="E499" s="493"/>
      <c r="F499" s="492"/>
      <c r="G499" s="486" t="s">
        <v>651</v>
      </c>
      <c r="H499" s="549"/>
      <c r="I499" s="549"/>
      <c r="J499" s="549"/>
      <c r="K499" s="549"/>
      <c r="L499" s="551"/>
    </row>
    <row r="500" spans="1:12" ht="16.149999999999999" customHeight="1">
      <c r="A500" s="735"/>
      <c r="B500" s="736"/>
      <c r="C500" s="490"/>
      <c r="D500" s="489"/>
      <c r="E500" s="491"/>
      <c r="F500" s="487" t="s">
        <v>651</v>
      </c>
      <c r="G500" s="486" t="s">
        <v>651</v>
      </c>
      <c r="H500" s="549"/>
      <c r="I500" s="549"/>
      <c r="J500" s="549"/>
      <c r="K500" s="549"/>
      <c r="L500" s="551"/>
    </row>
    <row r="501" spans="1:12" ht="16.149999999999999" customHeight="1">
      <c r="A501" s="735" t="s">
        <v>691</v>
      </c>
      <c r="B501" s="736"/>
      <c r="C501" s="490" t="s">
        <v>194</v>
      </c>
      <c r="D501" s="489">
        <v>1</v>
      </c>
      <c r="E501" s="488"/>
      <c r="F501" s="487"/>
      <c r="G501" s="486" t="s">
        <v>651</v>
      </c>
      <c r="H501" s="549"/>
      <c r="I501" s="549"/>
      <c r="J501" s="549"/>
      <c r="K501" s="549"/>
      <c r="L501" s="551"/>
    </row>
    <row r="502" spans="1:12" ht="16.149999999999999" customHeight="1">
      <c r="A502" s="737"/>
      <c r="B502" s="738"/>
      <c r="C502" s="485"/>
      <c r="D502" s="484"/>
      <c r="E502" s="483"/>
      <c r="F502" s="482"/>
      <c r="G502" s="481" t="s">
        <v>651</v>
      </c>
      <c r="H502" s="476"/>
      <c r="I502" s="476"/>
      <c r="J502" s="476"/>
      <c r="K502" s="476"/>
      <c r="L502" s="475"/>
    </row>
    <row r="503" spans="1:12" ht="16.149999999999999" customHeight="1">
      <c r="A503" s="733" t="s">
        <v>651</v>
      </c>
      <c r="B503" s="734"/>
      <c r="C503" s="495"/>
      <c r="D503" s="494"/>
      <c r="E503" s="493"/>
      <c r="F503" s="492"/>
      <c r="G503" s="486" t="s">
        <v>651</v>
      </c>
      <c r="H503" s="549"/>
      <c r="I503" s="549"/>
      <c r="J503" s="549"/>
      <c r="K503" s="549"/>
      <c r="L503" s="551"/>
    </row>
    <row r="504" spans="1:12" ht="16.149999999999999" customHeight="1">
      <c r="A504" s="735"/>
      <c r="B504" s="736"/>
      <c r="C504" s="490"/>
      <c r="D504" s="489"/>
      <c r="E504" s="491"/>
      <c r="F504" s="487" t="s">
        <v>651</v>
      </c>
      <c r="G504" s="486" t="s">
        <v>651</v>
      </c>
      <c r="H504" s="549"/>
      <c r="I504" s="549"/>
      <c r="J504" s="549"/>
      <c r="K504" s="549"/>
      <c r="L504" s="551"/>
    </row>
    <row r="505" spans="1:12" ht="16.149999999999999" customHeight="1">
      <c r="A505" s="735" t="s">
        <v>681</v>
      </c>
      <c r="B505" s="736"/>
      <c r="C505" s="490" t="s">
        <v>194</v>
      </c>
      <c r="D505" s="489">
        <v>1</v>
      </c>
      <c r="E505" s="488" t="s">
        <v>618</v>
      </c>
      <c r="F505" s="487"/>
      <c r="G505" s="486" t="s">
        <v>651</v>
      </c>
      <c r="H505" s="549"/>
      <c r="I505" s="549"/>
      <c r="J505" s="549"/>
      <c r="K505" s="549"/>
      <c r="L505" s="551"/>
    </row>
    <row r="506" spans="1:12" ht="16.149999999999999" customHeight="1">
      <c r="A506" s="737"/>
      <c r="B506" s="738"/>
      <c r="C506" s="485"/>
      <c r="D506" s="484"/>
      <c r="E506" s="483"/>
      <c r="F506" s="482"/>
      <c r="G506" s="481" t="s">
        <v>651</v>
      </c>
      <c r="H506" s="476"/>
      <c r="I506" s="476"/>
      <c r="J506" s="476"/>
      <c r="K506" s="476"/>
      <c r="L506" s="475"/>
    </row>
    <row r="508" spans="1:12" ht="16.149999999999999" customHeight="1">
      <c r="A508" s="507" t="s">
        <v>651</v>
      </c>
      <c r="B508" s="479" t="s">
        <v>1664</v>
      </c>
      <c r="C508" s="480"/>
      <c r="D508" s="479"/>
      <c r="E508" s="479"/>
      <c r="F508" s="479"/>
      <c r="G508" s="479"/>
      <c r="H508" s="479" t="s">
        <v>617</v>
      </c>
      <c r="I508" s="480" t="s">
        <v>945</v>
      </c>
      <c r="J508" s="479" t="s">
        <v>689</v>
      </c>
      <c r="K508" s="479" t="s">
        <v>688</v>
      </c>
      <c r="L508" s="506"/>
    </row>
    <row r="509" spans="1:12" ht="16.149999999999999" customHeight="1">
      <c r="A509" s="505" t="s">
        <v>651</v>
      </c>
      <c r="B509" s="549" t="s">
        <v>905</v>
      </c>
      <c r="C509" s="550"/>
      <c r="D509" s="549"/>
      <c r="E509" s="549"/>
      <c r="F509" s="549"/>
      <c r="G509" s="478"/>
      <c r="H509" s="549"/>
      <c r="I509" s="504"/>
      <c r="J509" s="503" t="s">
        <v>708</v>
      </c>
      <c r="K509" s="502" t="s">
        <v>240</v>
      </c>
      <c r="L509" s="501" t="s">
        <v>618</v>
      </c>
    </row>
    <row r="510" spans="1:12" ht="16.149999999999999" customHeight="1">
      <c r="A510" s="477" t="s">
        <v>651</v>
      </c>
      <c r="B510" s="549"/>
      <c r="C510" s="550"/>
      <c r="D510" s="549"/>
      <c r="E510" s="549"/>
      <c r="F510" s="549"/>
      <c r="G510" s="478"/>
      <c r="H510" s="478"/>
      <c r="I510" s="478"/>
      <c r="J510" s="478"/>
      <c r="K510" s="478"/>
      <c r="L510" s="501"/>
    </row>
    <row r="511" spans="1:12" ht="16.149999999999999" customHeight="1">
      <c r="A511" s="498" t="s">
        <v>686</v>
      </c>
      <c r="B511" s="500"/>
      <c r="C511" s="499" t="s">
        <v>309</v>
      </c>
      <c r="D511" s="499" t="s">
        <v>685</v>
      </c>
      <c r="E511" s="499" t="s">
        <v>684</v>
      </c>
      <c r="F511" s="499" t="s">
        <v>683</v>
      </c>
      <c r="G511" s="498" t="s">
        <v>682</v>
      </c>
      <c r="H511" s="497"/>
      <c r="I511" s="497"/>
      <c r="J511" s="497"/>
      <c r="K511" s="497"/>
      <c r="L511" s="496"/>
    </row>
    <row r="512" spans="1:12" ht="16.149999999999999" customHeight="1">
      <c r="A512" s="733" t="s">
        <v>701</v>
      </c>
      <c r="B512" s="734"/>
      <c r="C512" s="495"/>
      <c r="D512" s="494"/>
      <c r="E512" s="493"/>
      <c r="F512" s="492"/>
      <c r="G512" s="486" t="s">
        <v>651</v>
      </c>
      <c r="H512" s="549"/>
      <c r="I512" s="549"/>
      <c r="J512" s="549"/>
      <c r="K512" s="549"/>
      <c r="L512" s="551"/>
    </row>
    <row r="513" spans="1:12" ht="16.149999999999999" customHeight="1">
      <c r="A513" s="735"/>
      <c r="B513" s="736"/>
      <c r="C513" s="490"/>
      <c r="D513" s="489"/>
      <c r="E513" s="491"/>
      <c r="F513" s="487" t="s">
        <v>651</v>
      </c>
      <c r="G513" s="486" t="s">
        <v>651</v>
      </c>
      <c r="H513" s="549"/>
      <c r="I513" s="549"/>
      <c r="J513" s="549"/>
      <c r="K513" s="549"/>
      <c r="L513" s="551"/>
    </row>
    <row r="514" spans="1:12" ht="16.149999999999999" customHeight="1">
      <c r="A514" s="735" t="s">
        <v>651</v>
      </c>
      <c r="B514" s="736"/>
      <c r="C514" s="490" t="s">
        <v>248</v>
      </c>
      <c r="D514" s="489"/>
      <c r="E514" s="488"/>
      <c r="F514" s="487"/>
      <c r="G514" s="486" t="s">
        <v>651</v>
      </c>
      <c r="H514" s="549"/>
      <c r="I514" s="549"/>
      <c r="J514" s="549"/>
      <c r="K514" s="549"/>
      <c r="L514" s="551"/>
    </row>
    <row r="515" spans="1:12" ht="16.149999999999999" customHeight="1">
      <c r="A515" s="737"/>
      <c r="B515" s="738"/>
      <c r="C515" s="485"/>
      <c r="D515" s="484"/>
      <c r="E515" s="483"/>
      <c r="F515" s="482"/>
      <c r="G515" s="481" t="s">
        <v>651</v>
      </c>
      <c r="H515" s="476"/>
      <c r="I515" s="476"/>
      <c r="J515" s="476"/>
      <c r="K515" s="476"/>
      <c r="L515" s="475"/>
    </row>
    <row r="516" spans="1:12" ht="16.149999999999999" customHeight="1">
      <c r="A516" s="733" t="s">
        <v>250</v>
      </c>
      <c r="B516" s="734"/>
      <c r="C516" s="495"/>
      <c r="D516" s="494"/>
      <c r="E516" s="493"/>
      <c r="F516" s="492"/>
      <c r="G516" s="486" t="s">
        <v>651</v>
      </c>
      <c r="H516" s="549"/>
      <c r="I516" s="549"/>
      <c r="J516" s="549"/>
      <c r="K516" s="549"/>
      <c r="L516" s="551"/>
    </row>
    <row r="517" spans="1:12" ht="16.149999999999999" customHeight="1">
      <c r="A517" s="735"/>
      <c r="B517" s="736"/>
      <c r="C517" s="490"/>
      <c r="D517" s="489"/>
      <c r="E517" s="491"/>
      <c r="F517" s="487" t="s">
        <v>651</v>
      </c>
      <c r="G517" s="486" t="s">
        <v>651</v>
      </c>
      <c r="H517" s="549"/>
      <c r="I517" s="549"/>
      <c r="J517" s="549"/>
      <c r="K517" s="549"/>
      <c r="L517" s="551"/>
    </row>
    <row r="518" spans="1:12" ht="16.149999999999999" customHeight="1">
      <c r="A518" s="735" t="s">
        <v>651</v>
      </c>
      <c r="B518" s="736"/>
      <c r="C518" s="490" t="s">
        <v>248</v>
      </c>
      <c r="D518" s="489"/>
      <c r="E518" s="488"/>
      <c r="F518" s="487"/>
      <c r="G518" s="486" t="s">
        <v>651</v>
      </c>
      <c r="H518" s="549"/>
      <c r="I518" s="549"/>
      <c r="J518" s="549"/>
      <c r="K518" s="549"/>
      <c r="L518" s="551"/>
    </row>
    <row r="519" spans="1:12" ht="16.149999999999999" customHeight="1">
      <c r="A519" s="737"/>
      <c r="B519" s="738"/>
      <c r="C519" s="485"/>
      <c r="D519" s="484"/>
      <c r="E519" s="483"/>
      <c r="F519" s="482"/>
      <c r="G519" s="481" t="s">
        <v>651</v>
      </c>
      <c r="H519" s="476"/>
      <c r="I519" s="476"/>
      <c r="J519" s="476"/>
      <c r="K519" s="476"/>
      <c r="L519" s="475"/>
    </row>
    <row r="520" spans="1:12" ht="16.149999999999999" customHeight="1">
      <c r="A520" s="733" t="s">
        <v>907</v>
      </c>
      <c r="B520" s="734"/>
      <c r="C520" s="495"/>
      <c r="D520" s="494"/>
      <c r="E520" s="493"/>
      <c r="F520" s="492"/>
      <c r="G520" s="486" t="s">
        <v>651</v>
      </c>
      <c r="H520" s="549"/>
      <c r="I520" s="549"/>
      <c r="J520" s="549"/>
      <c r="K520" s="549"/>
      <c r="L520" s="551"/>
    </row>
    <row r="521" spans="1:12" ht="16.149999999999999" customHeight="1">
      <c r="A521" s="735"/>
      <c r="B521" s="736"/>
      <c r="C521" s="490"/>
      <c r="D521" s="489"/>
      <c r="E521" s="491"/>
      <c r="F521" s="487" t="s">
        <v>651</v>
      </c>
      <c r="G521" s="486" t="s">
        <v>651</v>
      </c>
      <c r="H521" s="549"/>
      <c r="I521" s="549"/>
      <c r="J521" s="549"/>
      <c r="K521" s="549"/>
      <c r="L521" s="551"/>
    </row>
    <row r="522" spans="1:12" ht="16.149999999999999" customHeight="1">
      <c r="A522" s="735" t="s">
        <v>1661</v>
      </c>
      <c r="B522" s="736"/>
      <c r="C522" s="490" t="s">
        <v>621</v>
      </c>
      <c r="D522" s="489"/>
      <c r="E522" s="488"/>
      <c r="F522" s="487"/>
      <c r="G522" s="486" t="s">
        <v>651</v>
      </c>
      <c r="H522" s="549"/>
      <c r="I522" s="549"/>
      <c r="J522" s="549"/>
      <c r="K522" s="549"/>
      <c r="L522" s="551"/>
    </row>
    <row r="523" spans="1:12" ht="16.149999999999999" customHeight="1">
      <c r="A523" s="737"/>
      <c r="B523" s="738"/>
      <c r="C523" s="485"/>
      <c r="D523" s="484"/>
      <c r="E523" s="483"/>
      <c r="F523" s="482"/>
      <c r="G523" s="481" t="s">
        <v>651</v>
      </c>
      <c r="H523" s="476"/>
      <c r="I523" s="476"/>
      <c r="J523" s="476"/>
      <c r="K523" s="476"/>
      <c r="L523" s="475"/>
    </row>
    <row r="526" spans="1:12" ht="16.149999999999999" customHeight="1">
      <c r="A526" s="507" t="s">
        <v>651</v>
      </c>
      <c r="B526" s="479" t="s">
        <v>1664</v>
      </c>
      <c r="C526" s="480"/>
      <c r="D526" s="479"/>
      <c r="E526" s="479"/>
      <c r="F526" s="479"/>
      <c r="G526" s="479"/>
      <c r="H526" s="479" t="s">
        <v>617</v>
      </c>
      <c r="I526" s="480" t="s">
        <v>945</v>
      </c>
      <c r="J526" s="479" t="s">
        <v>689</v>
      </c>
      <c r="K526" s="479" t="s">
        <v>688</v>
      </c>
      <c r="L526" s="506"/>
    </row>
    <row r="527" spans="1:12" ht="16.149999999999999" customHeight="1">
      <c r="A527" s="505" t="s">
        <v>651</v>
      </c>
      <c r="B527" s="549" t="s">
        <v>905</v>
      </c>
      <c r="C527" s="550"/>
      <c r="D527" s="549"/>
      <c r="E527" s="549"/>
      <c r="F527" s="549"/>
      <c r="G527" s="478"/>
      <c r="H527" s="549"/>
      <c r="I527" s="504"/>
      <c r="J527" s="503" t="s">
        <v>708</v>
      </c>
      <c r="K527" s="502" t="s">
        <v>240</v>
      </c>
      <c r="L527" s="501" t="s">
        <v>618</v>
      </c>
    </row>
    <row r="528" spans="1:12" ht="16.149999999999999" customHeight="1">
      <c r="A528" s="477" t="s">
        <v>651</v>
      </c>
      <c r="B528" s="549"/>
      <c r="C528" s="550"/>
      <c r="D528" s="549"/>
      <c r="E528" s="549"/>
      <c r="F528" s="549"/>
      <c r="G528" s="478"/>
      <c r="H528" s="478"/>
      <c r="I528" s="478"/>
      <c r="J528" s="478"/>
      <c r="K528" s="478"/>
      <c r="L528" s="501"/>
    </row>
    <row r="529" spans="1:12" ht="16.149999999999999" customHeight="1">
      <c r="A529" s="498" t="s">
        <v>686</v>
      </c>
      <c r="B529" s="500"/>
      <c r="C529" s="499" t="s">
        <v>309</v>
      </c>
      <c r="D529" s="499" t="s">
        <v>685</v>
      </c>
      <c r="E529" s="499" t="s">
        <v>684</v>
      </c>
      <c r="F529" s="499" t="s">
        <v>683</v>
      </c>
      <c r="G529" s="498" t="s">
        <v>682</v>
      </c>
      <c r="H529" s="497"/>
      <c r="I529" s="497"/>
      <c r="J529" s="497"/>
      <c r="K529" s="497"/>
      <c r="L529" s="496"/>
    </row>
    <row r="530" spans="1:12" ht="16.149999999999999" customHeight="1">
      <c r="A530" s="733" t="s">
        <v>651</v>
      </c>
      <c r="B530" s="734"/>
      <c r="C530" s="495"/>
      <c r="D530" s="494"/>
      <c r="E530" s="493"/>
      <c r="F530" s="492"/>
      <c r="G530" s="486" t="s">
        <v>651</v>
      </c>
      <c r="H530" s="549"/>
      <c r="I530" s="549"/>
      <c r="J530" s="549"/>
      <c r="K530" s="549"/>
      <c r="L530" s="551"/>
    </row>
    <row r="531" spans="1:12" ht="16.149999999999999" customHeight="1">
      <c r="A531" s="735"/>
      <c r="B531" s="736"/>
      <c r="C531" s="490"/>
      <c r="D531" s="489"/>
      <c r="E531" s="491"/>
      <c r="F531" s="487" t="s">
        <v>651</v>
      </c>
      <c r="G531" s="486" t="s">
        <v>651</v>
      </c>
      <c r="H531" s="549"/>
      <c r="I531" s="549"/>
      <c r="J531" s="549"/>
      <c r="K531" s="549"/>
      <c r="L531" s="551"/>
    </row>
    <row r="532" spans="1:12" ht="16.149999999999999" customHeight="1">
      <c r="A532" s="735" t="s">
        <v>691</v>
      </c>
      <c r="B532" s="736"/>
      <c r="C532" s="490" t="s">
        <v>240</v>
      </c>
      <c r="D532" s="489">
        <v>10</v>
      </c>
      <c r="E532" s="488"/>
      <c r="F532" s="487"/>
      <c r="G532" s="486" t="s">
        <v>651</v>
      </c>
      <c r="H532" s="549"/>
      <c r="I532" s="549"/>
      <c r="J532" s="549"/>
      <c r="K532" s="549"/>
      <c r="L532" s="551"/>
    </row>
    <row r="533" spans="1:12" ht="16.149999999999999" customHeight="1">
      <c r="A533" s="737"/>
      <c r="B533" s="738"/>
      <c r="C533" s="485"/>
      <c r="D533" s="484"/>
      <c r="E533" s="483"/>
      <c r="F533" s="482"/>
      <c r="G533" s="481" t="s">
        <v>651</v>
      </c>
      <c r="H533" s="476"/>
      <c r="I533" s="476"/>
      <c r="J533" s="476"/>
      <c r="K533" s="476"/>
      <c r="L533" s="475"/>
    </row>
    <row r="534" spans="1:12" ht="16.149999999999999" customHeight="1">
      <c r="A534" s="733" t="s">
        <v>651</v>
      </c>
      <c r="B534" s="734"/>
      <c r="C534" s="495"/>
      <c r="D534" s="494"/>
      <c r="E534" s="493"/>
      <c r="F534" s="492"/>
      <c r="G534" s="486" t="s">
        <v>651</v>
      </c>
      <c r="H534" s="549"/>
      <c r="I534" s="549"/>
      <c r="J534" s="549"/>
      <c r="K534" s="549"/>
      <c r="L534" s="551"/>
    </row>
    <row r="535" spans="1:12" ht="16.149999999999999" customHeight="1">
      <c r="A535" s="735"/>
      <c r="B535" s="736"/>
      <c r="C535" s="490"/>
      <c r="D535" s="489"/>
      <c r="E535" s="491"/>
      <c r="F535" s="487" t="s">
        <v>651</v>
      </c>
      <c r="G535" s="486" t="s">
        <v>651</v>
      </c>
      <c r="H535" s="549"/>
      <c r="I535" s="549"/>
      <c r="J535" s="549"/>
      <c r="K535" s="549"/>
      <c r="L535" s="551"/>
    </row>
    <row r="536" spans="1:12" ht="16.149999999999999" customHeight="1">
      <c r="A536" s="735" t="s">
        <v>681</v>
      </c>
      <c r="B536" s="736"/>
      <c r="C536" s="490" t="s">
        <v>240</v>
      </c>
      <c r="D536" s="489">
        <v>1</v>
      </c>
      <c r="E536" s="488" t="s">
        <v>618</v>
      </c>
      <c r="F536" s="487"/>
      <c r="G536" s="486" t="s">
        <v>651</v>
      </c>
      <c r="H536" s="549"/>
      <c r="I536" s="549"/>
      <c r="J536" s="549"/>
      <c r="K536" s="549"/>
      <c r="L536" s="551"/>
    </row>
    <row r="537" spans="1:12" ht="16.149999999999999" customHeight="1">
      <c r="A537" s="737"/>
      <c r="B537" s="738"/>
      <c r="C537" s="485"/>
      <c r="D537" s="484"/>
      <c r="E537" s="483"/>
      <c r="F537" s="482"/>
      <c r="G537" s="481" t="s">
        <v>651</v>
      </c>
      <c r="H537" s="476"/>
      <c r="I537" s="476"/>
      <c r="J537" s="476"/>
      <c r="K537" s="476"/>
      <c r="L537" s="475"/>
    </row>
    <row r="539" spans="1:12" ht="16.149999999999999" customHeight="1">
      <c r="A539" s="507" t="s">
        <v>651</v>
      </c>
      <c r="B539" s="479" t="s">
        <v>768</v>
      </c>
      <c r="C539" s="480"/>
      <c r="D539" s="479"/>
      <c r="E539" s="479"/>
      <c r="F539" s="479"/>
      <c r="G539" s="479"/>
      <c r="H539" s="479" t="s">
        <v>617</v>
      </c>
      <c r="I539" s="480" t="s">
        <v>943</v>
      </c>
      <c r="J539" s="479" t="s">
        <v>689</v>
      </c>
      <c r="K539" s="479" t="s">
        <v>688</v>
      </c>
      <c r="L539" s="506"/>
    </row>
    <row r="540" spans="1:12" ht="16.149999999999999" customHeight="1">
      <c r="A540" s="505" t="s">
        <v>651</v>
      </c>
      <c r="B540" s="549" t="s">
        <v>942</v>
      </c>
      <c r="C540" s="550"/>
      <c r="D540" s="549"/>
      <c r="E540" s="549"/>
      <c r="F540" s="549"/>
      <c r="G540" s="478"/>
      <c r="H540" s="549"/>
      <c r="I540" s="504"/>
      <c r="J540" s="503" t="s">
        <v>722</v>
      </c>
      <c r="K540" s="502" t="s">
        <v>240</v>
      </c>
      <c r="L540" s="501" t="s">
        <v>618</v>
      </c>
    </row>
    <row r="541" spans="1:12" ht="16.149999999999999" customHeight="1">
      <c r="A541" s="477" t="s">
        <v>651</v>
      </c>
      <c r="B541" s="549"/>
      <c r="C541" s="550"/>
      <c r="D541" s="549"/>
      <c r="E541" s="549"/>
      <c r="F541" s="549"/>
      <c r="G541" s="478"/>
      <c r="H541" s="478"/>
      <c r="I541" s="478"/>
      <c r="J541" s="478"/>
      <c r="K541" s="478"/>
      <c r="L541" s="501"/>
    </row>
    <row r="542" spans="1:12" ht="16.149999999999999" customHeight="1">
      <c r="A542" s="498" t="s">
        <v>686</v>
      </c>
      <c r="B542" s="500"/>
      <c r="C542" s="499" t="s">
        <v>309</v>
      </c>
      <c r="D542" s="499" t="s">
        <v>685</v>
      </c>
      <c r="E542" s="499" t="s">
        <v>684</v>
      </c>
      <c r="F542" s="499" t="s">
        <v>683</v>
      </c>
      <c r="G542" s="498" t="s">
        <v>682</v>
      </c>
      <c r="H542" s="497"/>
      <c r="I542" s="497"/>
      <c r="J542" s="497"/>
      <c r="K542" s="497"/>
      <c r="L542" s="496"/>
    </row>
    <row r="543" spans="1:12" ht="16.149999999999999" customHeight="1">
      <c r="A543" s="733" t="s">
        <v>701</v>
      </c>
      <c r="B543" s="734"/>
      <c r="C543" s="495"/>
      <c r="D543" s="494"/>
      <c r="E543" s="493"/>
      <c r="F543" s="492"/>
      <c r="G543" s="486" t="s">
        <v>651</v>
      </c>
      <c r="H543" s="549"/>
      <c r="I543" s="549"/>
      <c r="J543" s="549"/>
      <c r="K543" s="549"/>
      <c r="L543" s="551"/>
    </row>
    <row r="544" spans="1:12" ht="16.149999999999999" customHeight="1">
      <c r="A544" s="735"/>
      <c r="B544" s="736"/>
      <c r="C544" s="490"/>
      <c r="D544" s="489"/>
      <c r="E544" s="491"/>
      <c r="F544" s="487" t="s">
        <v>651</v>
      </c>
      <c r="G544" s="486" t="s">
        <v>651</v>
      </c>
      <c r="H544" s="549"/>
      <c r="I544" s="549"/>
      <c r="J544" s="549"/>
      <c r="K544" s="549"/>
      <c r="L544" s="551"/>
    </row>
    <row r="545" spans="1:12" ht="16.149999999999999" customHeight="1">
      <c r="A545" s="735" t="s">
        <v>651</v>
      </c>
      <c r="B545" s="736"/>
      <c r="C545" s="490" t="s">
        <v>248</v>
      </c>
      <c r="D545" s="489"/>
      <c r="E545" s="488"/>
      <c r="F545" s="487"/>
      <c r="G545" s="486" t="s">
        <v>651</v>
      </c>
      <c r="H545" s="549"/>
      <c r="I545" s="549"/>
      <c r="J545" s="549"/>
      <c r="K545" s="549"/>
      <c r="L545" s="551"/>
    </row>
    <row r="546" spans="1:12" ht="16.149999999999999" customHeight="1">
      <c r="A546" s="737"/>
      <c r="B546" s="738"/>
      <c r="C546" s="485"/>
      <c r="D546" s="484"/>
      <c r="E546" s="483"/>
      <c r="F546" s="482"/>
      <c r="G546" s="481" t="s">
        <v>651</v>
      </c>
      <c r="H546" s="476"/>
      <c r="I546" s="476"/>
      <c r="J546" s="476"/>
      <c r="K546" s="476"/>
      <c r="L546" s="475"/>
    </row>
    <row r="547" spans="1:12" ht="16.149999999999999" customHeight="1">
      <c r="A547" s="733" t="s">
        <v>250</v>
      </c>
      <c r="B547" s="734"/>
      <c r="C547" s="495"/>
      <c r="D547" s="494"/>
      <c r="E547" s="493"/>
      <c r="F547" s="492"/>
      <c r="G547" s="486" t="s">
        <v>651</v>
      </c>
      <c r="H547" s="549"/>
      <c r="I547" s="549"/>
      <c r="J547" s="549"/>
      <c r="K547" s="549"/>
      <c r="L547" s="551"/>
    </row>
    <row r="548" spans="1:12" ht="16.149999999999999" customHeight="1">
      <c r="A548" s="735"/>
      <c r="B548" s="736"/>
      <c r="C548" s="490"/>
      <c r="D548" s="489"/>
      <c r="E548" s="491"/>
      <c r="F548" s="487" t="s">
        <v>651</v>
      </c>
      <c r="G548" s="486" t="s">
        <v>651</v>
      </c>
      <c r="H548" s="549"/>
      <c r="I548" s="549"/>
      <c r="J548" s="549"/>
      <c r="K548" s="549"/>
      <c r="L548" s="551"/>
    </row>
    <row r="549" spans="1:12" ht="16.149999999999999" customHeight="1">
      <c r="A549" s="735" t="s">
        <v>651</v>
      </c>
      <c r="B549" s="736"/>
      <c r="C549" s="490" t="s">
        <v>248</v>
      </c>
      <c r="D549" s="489"/>
      <c r="E549" s="488"/>
      <c r="F549" s="487"/>
      <c r="G549" s="486" t="s">
        <v>651</v>
      </c>
      <c r="H549" s="549"/>
      <c r="I549" s="549"/>
      <c r="J549" s="549"/>
      <c r="K549" s="549"/>
      <c r="L549" s="551"/>
    </row>
    <row r="550" spans="1:12" ht="16.149999999999999" customHeight="1">
      <c r="A550" s="737"/>
      <c r="B550" s="738"/>
      <c r="C550" s="485"/>
      <c r="D550" s="484"/>
      <c r="E550" s="483"/>
      <c r="F550" s="482"/>
      <c r="G550" s="481" t="s">
        <v>651</v>
      </c>
      <c r="H550" s="476"/>
      <c r="I550" s="476"/>
      <c r="J550" s="476"/>
      <c r="K550" s="476"/>
      <c r="L550" s="475"/>
    </row>
    <row r="551" spans="1:12" ht="16.149999999999999" customHeight="1">
      <c r="A551" s="733" t="s">
        <v>771</v>
      </c>
      <c r="B551" s="734"/>
      <c r="C551" s="495"/>
      <c r="D551" s="494"/>
      <c r="E551" s="493"/>
      <c r="F551" s="492"/>
      <c r="G551" s="486" t="s">
        <v>651</v>
      </c>
      <c r="H551" s="549"/>
      <c r="I551" s="549"/>
      <c r="J551" s="549"/>
      <c r="K551" s="549"/>
      <c r="L551" s="551"/>
    </row>
    <row r="552" spans="1:12" ht="16.149999999999999" customHeight="1">
      <c r="A552" s="735"/>
      <c r="B552" s="736"/>
      <c r="C552" s="490"/>
      <c r="D552" s="489"/>
      <c r="E552" s="491"/>
      <c r="F552" s="487" t="s">
        <v>651</v>
      </c>
      <c r="G552" s="486" t="s">
        <v>651</v>
      </c>
      <c r="H552" s="549"/>
      <c r="I552" s="549"/>
      <c r="J552" s="549"/>
      <c r="K552" s="549"/>
      <c r="L552" s="551"/>
    </row>
    <row r="553" spans="1:12" ht="16.149999999999999" customHeight="1">
      <c r="A553" s="735" t="s">
        <v>944</v>
      </c>
      <c r="B553" s="736"/>
      <c r="C553" s="490" t="s">
        <v>240</v>
      </c>
      <c r="D553" s="489">
        <v>116.667</v>
      </c>
      <c r="E553" s="488"/>
      <c r="F553" s="487"/>
      <c r="G553" s="486" t="s">
        <v>651</v>
      </c>
      <c r="H553" s="549"/>
      <c r="I553" s="549"/>
      <c r="J553" s="549"/>
      <c r="K553" s="549"/>
      <c r="L553" s="551"/>
    </row>
    <row r="554" spans="1:12" ht="16.149999999999999" customHeight="1">
      <c r="A554" s="737"/>
      <c r="B554" s="738"/>
      <c r="C554" s="485"/>
      <c r="D554" s="484"/>
      <c r="E554" s="483"/>
      <c r="F554" s="482"/>
      <c r="G554" s="481" t="s">
        <v>651</v>
      </c>
      <c r="H554" s="476"/>
      <c r="I554" s="476"/>
      <c r="J554" s="476"/>
      <c r="K554" s="476"/>
      <c r="L554" s="475"/>
    </row>
    <row r="555" spans="1:12" ht="16.149999999999999" customHeight="1">
      <c r="A555" s="733" t="s">
        <v>769</v>
      </c>
      <c r="B555" s="734"/>
      <c r="C555" s="495"/>
      <c r="D555" s="494"/>
      <c r="E555" s="493"/>
      <c r="F555" s="492"/>
      <c r="G555" s="486" t="s">
        <v>651</v>
      </c>
      <c r="H555" s="549"/>
      <c r="I555" s="549"/>
      <c r="J555" s="549"/>
      <c r="K555" s="549"/>
      <c r="L555" s="551"/>
    </row>
    <row r="556" spans="1:12" ht="16.149999999999999" customHeight="1">
      <c r="A556" s="735"/>
      <c r="B556" s="736"/>
      <c r="C556" s="490"/>
      <c r="D556" s="489"/>
      <c r="E556" s="491"/>
      <c r="F556" s="487" t="s">
        <v>651</v>
      </c>
      <c r="G556" s="486" t="s">
        <v>651</v>
      </c>
      <c r="H556" s="549"/>
      <c r="I556" s="549"/>
      <c r="J556" s="549"/>
      <c r="K556" s="549"/>
      <c r="L556" s="551"/>
    </row>
    <row r="557" spans="1:12" ht="16.149999999999999" customHeight="1">
      <c r="A557" s="735" t="s">
        <v>942</v>
      </c>
      <c r="B557" s="736"/>
      <c r="C557" s="490" t="s">
        <v>237</v>
      </c>
      <c r="D557" s="489">
        <v>150</v>
      </c>
      <c r="E557" s="488"/>
      <c r="F557" s="487"/>
      <c r="G557" s="486" t="s">
        <v>651</v>
      </c>
      <c r="H557" s="549"/>
      <c r="I557" s="549"/>
      <c r="J557" s="549"/>
      <c r="K557" s="549"/>
      <c r="L557" s="551"/>
    </row>
    <row r="558" spans="1:12" ht="16.149999999999999" customHeight="1">
      <c r="A558" s="737"/>
      <c r="B558" s="738"/>
      <c r="C558" s="485"/>
      <c r="D558" s="484"/>
      <c r="E558" s="483"/>
      <c r="F558" s="482"/>
      <c r="G558" s="481" t="s">
        <v>651</v>
      </c>
      <c r="H558" s="476"/>
      <c r="I558" s="476"/>
      <c r="J558" s="476"/>
      <c r="K558" s="476"/>
      <c r="L558" s="475"/>
    </row>
    <row r="561" spans="1:12" ht="16.149999999999999" customHeight="1">
      <c r="A561" s="507" t="s">
        <v>651</v>
      </c>
      <c r="B561" s="479" t="s">
        <v>768</v>
      </c>
      <c r="C561" s="480"/>
      <c r="D561" s="479"/>
      <c r="E561" s="479"/>
      <c r="F561" s="479"/>
      <c r="G561" s="479"/>
      <c r="H561" s="479" t="s">
        <v>617</v>
      </c>
      <c r="I561" s="480" t="s">
        <v>943</v>
      </c>
      <c r="J561" s="479" t="s">
        <v>689</v>
      </c>
      <c r="K561" s="479" t="s">
        <v>688</v>
      </c>
      <c r="L561" s="506"/>
    </row>
    <row r="562" spans="1:12" ht="16.149999999999999" customHeight="1">
      <c r="A562" s="505" t="s">
        <v>651</v>
      </c>
      <c r="B562" s="549" t="s">
        <v>942</v>
      </c>
      <c r="C562" s="550"/>
      <c r="D562" s="549"/>
      <c r="E562" s="549"/>
      <c r="F562" s="549"/>
      <c r="G562" s="478"/>
      <c r="H562" s="549"/>
      <c r="I562" s="504"/>
      <c r="J562" s="503" t="s">
        <v>722</v>
      </c>
      <c r="K562" s="502" t="s">
        <v>240</v>
      </c>
      <c r="L562" s="501" t="s">
        <v>618</v>
      </c>
    </row>
    <row r="563" spans="1:12" ht="16.149999999999999" customHeight="1">
      <c r="A563" s="477" t="s">
        <v>651</v>
      </c>
      <c r="B563" s="549"/>
      <c r="C563" s="550"/>
      <c r="D563" s="549"/>
      <c r="E563" s="549"/>
      <c r="F563" s="549"/>
      <c r="G563" s="478"/>
      <c r="H563" s="478"/>
      <c r="I563" s="478"/>
      <c r="J563" s="478"/>
      <c r="K563" s="478"/>
      <c r="L563" s="501"/>
    </row>
    <row r="564" spans="1:12" ht="16.149999999999999" customHeight="1">
      <c r="A564" s="498" t="s">
        <v>686</v>
      </c>
      <c r="B564" s="500"/>
      <c r="C564" s="499" t="s">
        <v>309</v>
      </c>
      <c r="D564" s="499" t="s">
        <v>685</v>
      </c>
      <c r="E564" s="499" t="s">
        <v>684</v>
      </c>
      <c r="F564" s="499" t="s">
        <v>683</v>
      </c>
      <c r="G564" s="498" t="s">
        <v>682</v>
      </c>
      <c r="H564" s="497"/>
      <c r="I564" s="497"/>
      <c r="J564" s="497"/>
      <c r="K564" s="497"/>
      <c r="L564" s="496"/>
    </row>
    <row r="565" spans="1:12" ht="16.149999999999999" customHeight="1">
      <c r="A565" s="733" t="s">
        <v>651</v>
      </c>
      <c r="B565" s="734"/>
      <c r="C565" s="495"/>
      <c r="D565" s="494"/>
      <c r="E565" s="493"/>
      <c r="F565" s="492"/>
      <c r="G565" s="486" t="s">
        <v>651</v>
      </c>
      <c r="H565" s="549"/>
      <c r="I565" s="549"/>
      <c r="J565" s="549"/>
      <c r="K565" s="549"/>
      <c r="L565" s="551"/>
    </row>
    <row r="566" spans="1:12" ht="16.149999999999999" customHeight="1">
      <c r="A566" s="735"/>
      <c r="B566" s="736"/>
      <c r="C566" s="490"/>
      <c r="D566" s="489"/>
      <c r="E566" s="491"/>
      <c r="F566" s="487" t="s">
        <v>651</v>
      </c>
      <c r="G566" s="486" t="s">
        <v>651</v>
      </c>
      <c r="H566" s="549"/>
      <c r="I566" s="549"/>
      <c r="J566" s="549"/>
      <c r="K566" s="549"/>
      <c r="L566" s="551"/>
    </row>
    <row r="567" spans="1:12" ht="16.149999999999999" customHeight="1">
      <c r="A567" s="735" t="s">
        <v>691</v>
      </c>
      <c r="B567" s="736"/>
      <c r="C567" s="490" t="s">
        <v>240</v>
      </c>
      <c r="D567" s="489">
        <v>100</v>
      </c>
      <c r="E567" s="488"/>
      <c r="F567" s="487"/>
      <c r="G567" s="486" t="s">
        <v>651</v>
      </c>
      <c r="H567" s="549"/>
      <c r="I567" s="549"/>
      <c r="J567" s="549"/>
      <c r="K567" s="549"/>
      <c r="L567" s="551"/>
    </row>
    <row r="568" spans="1:12" ht="16.149999999999999" customHeight="1">
      <c r="A568" s="737"/>
      <c r="B568" s="738"/>
      <c r="C568" s="485"/>
      <c r="D568" s="484"/>
      <c r="E568" s="483"/>
      <c r="F568" s="482"/>
      <c r="G568" s="481" t="s">
        <v>651</v>
      </c>
      <c r="H568" s="476"/>
      <c r="I568" s="476"/>
      <c r="J568" s="476"/>
      <c r="K568" s="476"/>
      <c r="L568" s="475"/>
    </row>
    <row r="569" spans="1:12" ht="16.149999999999999" customHeight="1">
      <c r="A569" s="733" t="s">
        <v>651</v>
      </c>
      <c r="B569" s="734"/>
      <c r="C569" s="495"/>
      <c r="D569" s="494"/>
      <c r="E569" s="493"/>
      <c r="F569" s="492"/>
      <c r="G569" s="486" t="s">
        <v>651</v>
      </c>
      <c r="H569" s="549"/>
      <c r="I569" s="549"/>
      <c r="J569" s="549"/>
      <c r="K569" s="549"/>
      <c r="L569" s="551"/>
    </row>
    <row r="570" spans="1:12" ht="16.149999999999999" customHeight="1">
      <c r="A570" s="735"/>
      <c r="B570" s="736"/>
      <c r="C570" s="490"/>
      <c r="D570" s="489"/>
      <c r="E570" s="491"/>
      <c r="F570" s="487" t="s">
        <v>651</v>
      </c>
      <c r="G570" s="486" t="s">
        <v>651</v>
      </c>
      <c r="H570" s="549"/>
      <c r="I570" s="549"/>
      <c r="J570" s="549"/>
      <c r="K570" s="549"/>
      <c r="L570" s="551"/>
    </row>
    <row r="571" spans="1:12" ht="16.149999999999999" customHeight="1">
      <c r="A571" s="735" t="s">
        <v>681</v>
      </c>
      <c r="B571" s="736"/>
      <c r="C571" s="490" t="s">
        <v>240</v>
      </c>
      <c r="D571" s="489">
        <v>1</v>
      </c>
      <c r="E571" s="488" t="s">
        <v>618</v>
      </c>
      <c r="F571" s="487"/>
      <c r="G571" s="486" t="s">
        <v>651</v>
      </c>
      <c r="H571" s="549"/>
      <c r="I571" s="549"/>
      <c r="J571" s="549"/>
      <c r="K571" s="549"/>
      <c r="L571" s="551"/>
    </row>
    <row r="572" spans="1:12" ht="16.149999999999999" customHeight="1">
      <c r="A572" s="737"/>
      <c r="B572" s="738"/>
      <c r="C572" s="485"/>
      <c r="D572" s="484"/>
      <c r="E572" s="483"/>
      <c r="F572" s="482"/>
      <c r="G572" s="481" t="s">
        <v>651</v>
      </c>
      <c r="H572" s="476"/>
      <c r="I572" s="476"/>
      <c r="J572" s="476"/>
      <c r="K572" s="476"/>
      <c r="L572" s="475"/>
    </row>
    <row r="574" spans="1:12" ht="16.149999999999999" customHeight="1">
      <c r="A574" s="507" t="s">
        <v>651</v>
      </c>
      <c r="B574" s="479" t="s">
        <v>761</v>
      </c>
      <c r="C574" s="480"/>
      <c r="D574" s="479"/>
      <c r="E574" s="479"/>
      <c r="F574" s="479"/>
      <c r="G574" s="479"/>
      <c r="H574" s="479" t="s">
        <v>617</v>
      </c>
      <c r="I574" s="480" t="s">
        <v>941</v>
      </c>
      <c r="J574" s="479" t="s">
        <v>689</v>
      </c>
      <c r="K574" s="479" t="s">
        <v>688</v>
      </c>
      <c r="L574" s="506"/>
    </row>
    <row r="575" spans="1:12" ht="16.149999999999999" customHeight="1">
      <c r="A575" s="505" t="s">
        <v>651</v>
      </c>
      <c r="B575" s="549" t="s">
        <v>940</v>
      </c>
      <c r="C575" s="550"/>
      <c r="D575" s="549"/>
      <c r="E575" s="549"/>
      <c r="F575" s="549"/>
      <c r="G575" s="478"/>
      <c r="H575" s="549"/>
      <c r="I575" s="504"/>
      <c r="J575" s="503" t="s">
        <v>687</v>
      </c>
      <c r="K575" s="502" t="s">
        <v>697</v>
      </c>
      <c r="L575" s="501" t="s">
        <v>618</v>
      </c>
    </row>
    <row r="576" spans="1:12" ht="16.149999999999999" customHeight="1">
      <c r="A576" s="477" t="s">
        <v>651</v>
      </c>
      <c r="B576" s="549"/>
      <c r="C576" s="550"/>
      <c r="D576" s="549"/>
      <c r="E576" s="549"/>
      <c r="F576" s="549"/>
      <c r="G576" s="478"/>
      <c r="H576" s="478"/>
      <c r="I576" s="478"/>
      <c r="J576" s="478"/>
      <c r="K576" s="478"/>
      <c r="L576" s="501"/>
    </row>
    <row r="577" spans="1:12" ht="16.149999999999999" customHeight="1">
      <c r="A577" s="498" t="s">
        <v>686</v>
      </c>
      <c r="B577" s="500"/>
      <c r="C577" s="499" t="s">
        <v>309</v>
      </c>
      <c r="D577" s="499" t="s">
        <v>685</v>
      </c>
      <c r="E577" s="499" t="s">
        <v>684</v>
      </c>
      <c r="F577" s="499" t="s">
        <v>683</v>
      </c>
      <c r="G577" s="498" t="s">
        <v>682</v>
      </c>
      <c r="H577" s="497"/>
      <c r="I577" s="497"/>
      <c r="J577" s="497"/>
      <c r="K577" s="497"/>
      <c r="L577" s="496"/>
    </row>
    <row r="578" spans="1:12" ht="16.149999999999999" customHeight="1">
      <c r="A578" s="733" t="s">
        <v>701</v>
      </c>
      <c r="B578" s="734"/>
      <c r="C578" s="495"/>
      <c r="D578" s="494"/>
      <c r="E578" s="493"/>
      <c r="F578" s="492"/>
      <c r="G578" s="486" t="s">
        <v>651</v>
      </c>
      <c r="H578" s="549"/>
      <c r="I578" s="549"/>
      <c r="J578" s="549"/>
      <c r="K578" s="549"/>
      <c r="L578" s="551"/>
    </row>
    <row r="579" spans="1:12" ht="16.149999999999999" customHeight="1">
      <c r="A579" s="735"/>
      <c r="B579" s="736"/>
      <c r="C579" s="490"/>
      <c r="D579" s="489"/>
      <c r="E579" s="491"/>
      <c r="F579" s="487" t="s">
        <v>651</v>
      </c>
      <c r="G579" s="486" t="s">
        <v>651</v>
      </c>
      <c r="H579" s="549"/>
      <c r="I579" s="549"/>
      <c r="J579" s="549"/>
      <c r="K579" s="549"/>
      <c r="L579" s="551"/>
    </row>
    <row r="580" spans="1:12" ht="16.149999999999999" customHeight="1">
      <c r="A580" s="735" t="s">
        <v>651</v>
      </c>
      <c r="B580" s="736"/>
      <c r="C580" s="490" t="s">
        <v>248</v>
      </c>
      <c r="D580" s="489"/>
      <c r="E580" s="488"/>
      <c r="F580" s="487"/>
      <c r="G580" s="486" t="s">
        <v>651</v>
      </c>
      <c r="H580" s="549"/>
      <c r="I580" s="549"/>
      <c r="J580" s="549"/>
      <c r="K580" s="549"/>
      <c r="L580" s="551"/>
    </row>
    <row r="581" spans="1:12" ht="16.149999999999999" customHeight="1">
      <c r="A581" s="737"/>
      <c r="B581" s="738"/>
      <c r="C581" s="485"/>
      <c r="D581" s="484"/>
      <c r="E581" s="483"/>
      <c r="F581" s="482"/>
      <c r="G581" s="481" t="s">
        <v>651</v>
      </c>
      <c r="H581" s="476"/>
      <c r="I581" s="476"/>
      <c r="J581" s="476"/>
      <c r="K581" s="476"/>
      <c r="L581" s="475"/>
    </row>
    <row r="582" spans="1:12" ht="16.149999999999999" customHeight="1">
      <c r="A582" s="733" t="s">
        <v>250</v>
      </c>
      <c r="B582" s="734"/>
      <c r="C582" s="495"/>
      <c r="D582" s="494"/>
      <c r="E582" s="493"/>
      <c r="F582" s="492"/>
      <c r="G582" s="486" t="s">
        <v>651</v>
      </c>
      <c r="H582" s="549"/>
      <c r="I582" s="549"/>
      <c r="J582" s="549"/>
      <c r="K582" s="549"/>
      <c r="L582" s="551"/>
    </row>
    <row r="583" spans="1:12" ht="16.149999999999999" customHeight="1">
      <c r="A583" s="735"/>
      <c r="B583" s="736"/>
      <c r="C583" s="490"/>
      <c r="D583" s="489"/>
      <c r="E583" s="491"/>
      <c r="F583" s="487" t="s">
        <v>651</v>
      </c>
      <c r="G583" s="486" t="s">
        <v>651</v>
      </c>
      <c r="H583" s="549"/>
      <c r="I583" s="549"/>
      <c r="J583" s="549"/>
      <c r="K583" s="549"/>
      <c r="L583" s="551"/>
    </row>
    <row r="584" spans="1:12" ht="16.149999999999999" customHeight="1">
      <c r="A584" s="735" t="s">
        <v>651</v>
      </c>
      <c r="B584" s="736"/>
      <c r="C584" s="490" t="s">
        <v>248</v>
      </c>
      <c r="D584" s="489"/>
      <c r="E584" s="488"/>
      <c r="F584" s="487"/>
      <c r="G584" s="486" t="s">
        <v>651</v>
      </c>
      <c r="H584" s="549"/>
      <c r="I584" s="549"/>
      <c r="J584" s="549"/>
      <c r="K584" s="549"/>
      <c r="L584" s="551"/>
    </row>
    <row r="585" spans="1:12" ht="16.149999999999999" customHeight="1">
      <c r="A585" s="737"/>
      <c r="B585" s="738"/>
      <c r="C585" s="485"/>
      <c r="D585" s="484"/>
      <c r="E585" s="483"/>
      <c r="F585" s="482"/>
      <c r="G585" s="481" t="s">
        <v>651</v>
      </c>
      <c r="H585" s="476"/>
      <c r="I585" s="476"/>
      <c r="J585" s="476"/>
      <c r="K585" s="476"/>
      <c r="L585" s="475"/>
    </row>
    <row r="586" spans="1:12" ht="16.149999999999999" customHeight="1">
      <c r="A586" s="733" t="s">
        <v>700</v>
      </c>
      <c r="B586" s="734"/>
      <c r="C586" s="495"/>
      <c r="D586" s="494"/>
      <c r="E586" s="493"/>
      <c r="F586" s="492"/>
      <c r="G586" s="486" t="s">
        <v>651</v>
      </c>
      <c r="H586" s="549"/>
      <c r="I586" s="549"/>
      <c r="J586" s="549"/>
      <c r="K586" s="549"/>
      <c r="L586" s="551"/>
    </row>
    <row r="587" spans="1:12" ht="16.149999999999999" customHeight="1">
      <c r="A587" s="735"/>
      <c r="B587" s="736"/>
      <c r="C587" s="490"/>
      <c r="D587" s="489"/>
      <c r="E587" s="491"/>
      <c r="F587" s="487" t="s">
        <v>651</v>
      </c>
      <c r="G587" s="486" t="s">
        <v>651</v>
      </c>
      <c r="H587" s="549"/>
      <c r="I587" s="549"/>
      <c r="J587" s="549"/>
      <c r="K587" s="549"/>
      <c r="L587" s="551"/>
    </row>
    <row r="588" spans="1:12" ht="16.149999999999999" customHeight="1">
      <c r="A588" s="735" t="s">
        <v>651</v>
      </c>
      <c r="B588" s="736"/>
      <c r="C588" s="490" t="s">
        <v>242</v>
      </c>
      <c r="D588" s="489">
        <v>1</v>
      </c>
      <c r="E588" s="488"/>
      <c r="F588" s="487"/>
      <c r="G588" s="486" t="s">
        <v>651</v>
      </c>
      <c r="H588" s="549"/>
      <c r="I588" s="549"/>
      <c r="J588" s="549"/>
      <c r="K588" s="549"/>
      <c r="L588" s="551"/>
    </row>
    <row r="589" spans="1:12" ht="16.149999999999999" customHeight="1">
      <c r="A589" s="737"/>
      <c r="B589" s="738"/>
      <c r="C589" s="485"/>
      <c r="D589" s="484"/>
      <c r="E589" s="483"/>
      <c r="F589" s="482"/>
      <c r="G589" s="481" t="s">
        <v>651</v>
      </c>
      <c r="H589" s="476"/>
      <c r="I589" s="476"/>
      <c r="J589" s="476"/>
      <c r="K589" s="476"/>
      <c r="L589" s="475"/>
    </row>
    <row r="590" spans="1:12" ht="16.149999999999999" customHeight="1">
      <c r="A590" s="733" t="s">
        <v>651</v>
      </c>
      <c r="B590" s="734"/>
      <c r="C590" s="495"/>
      <c r="D590" s="494"/>
      <c r="E590" s="493"/>
      <c r="F590" s="492"/>
      <c r="G590" s="486" t="s">
        <v>651</v>
      </c>
      <c r="H590" s="549"/>
      <c r="I590" s="549"/>
      <c r="J590" s="549"/>
      <c r="K590" s="549"/>
      <c r="L590" s="551"/>
    </row>
    <row r="591" spans="1:12" ht="16.149999999999999" customHeight="1">
      <c r="A591" s="735"/>
      <c r="B591" s="736"/>
      <c r="C591" s="490"/>
      <c r="D591" s="489"/>
      <c r="E591" s="491"/>
      <c r="F591" s="487" t="s">
        <v>651</v>
      </c>
      <c r="G591" s="486" t="s">
        <v>651</v>
      </c>
      <c r="H591" s="549"/>
      <c r="I591" s="549"/>
      <c r="J591" s="549"/>
      <c r="K591" s="549"/>
      <c r="L591" s="551"/>
    </row>
    <row r="592" spans="1:12" ht="16.149999999999999" customHeight="1">
      <c r="A592" s="735" t="s">
        <v>691</v>
      </c>
      <c r="B592" s="736"/>
      <c r="C592" s="490" t="s">
        <v>697</v>
      </c>
      <c r="D592" s="489">
        <v>1</v>
      </c>
      <c r="E592" s="488"/>
      <c r="F592" s="487"/>
      <c r="G592" s="486" t="s">
        <v>651</v>
      </c>
      <c r="H592" s="549"/>
      <c r="I592" s="549"/>
      <c r="J592" s="549"/>
      <c r="K592" s="549"/>
      <c r="L592" s="551"/>
    </row>
    <row r="593" spans="1:12" ht="16.149999999999999" customHeight="1">
      <c r="A593" s="737"/>
      <c r="B593" s="738"/>
      <c r="C593" s="485"/>
      <c r="D593" s="484"/>
      <c r="E593" s="483"/>
      <c r="F593" s="482"/>
      <c r="G593" s="481" t="s">
        <v>651</v>
      </c>
      <c r="H593" s="476"/>
      <c r="I593" s="476"/>
      <c r="J593" s="476"/>
      <c r="K593" s="476"/>
      <c r="L593" s="475"/>
    </row>
    <row r="596" spans="1:12" ht="16.149999999999999" customHeight="1">
      <c r="A596" s="507" t="s">
        <v>651</v>
      </c>
      <c r="B596" s="479" t="s">
        <v>761</v>
      </c>
      <c r="C596" s="480"/>
      <c r="D596" s="479"/>
      <c r="E596" s="479"/>
      <c r="F596" s="479"/>
      <c r="G596" s="479"/>
      <c r="H596" s="479" t="s">
        <v>617</v>
      </c>
      <c r="I596" s="480" t="s">
        <v>941</v>
      </c>
      <c r="J596" s="479" t="s">
        <v>689</v>
      </c>
      <c r="K596" s="479" t="s">
        <v>688</v>
      </c>
      <c r="L596" s="506"/>
    </row>
    <row r="597" spans="1:12" ht="16.149999999999999" customHeight="1">
      <c r="A597" s="505" t="s">
        <v>651</v>
      </c>
      <c r="B597" s="549" t="s">
        <v>940</v>
      </c>
      <c r="C597" s="550"/>
      <c r="D597" s="549"/>
      <c r="E597" s="549"/>
      <c r="F597" s="549"/>
      <c r="G597" s="478"/>
      <c r="H597" s="549"/>
      <c r="I597" s="504"/>
      <c r="J597" s="503" t="s">
        <v>687</v>
      </c>
      <c r="K597" s="502" t="s">
        <v>697</v>
      </c>
      <c r="L597" s="501" t="s">
        <v>618</v>
      </c>
    </row>
    <row r="598" spans="1:12" ht="16.149999999999999" customHeight="1">
      <c r="A598" s="477" t="s">
        <v>651</v>
      </c>
      <c r="B598" s="549"/>
      <c r="C598" s="550"/>
      <c r="D598" s="549"/>
      <c r="E598" s="549"/>
      <c r="F598" s="549"/>
      <c r="G598" s="478"/>
      <c r="H598" s="478"/>
      <c r="I598" s="478"/>
      <c r="J598" s="478"/>
      <c r="K598" s="478"/>
      <c r="L598" s="501"/>
    </row>
    <row r="599" spans="1:12" ht="16.149999999999999" customHeight="1">
      <c r="A599" s="498" t="s">
        <v>686</v>
      </c>
      <c r="B599" s="500"/>
      <c r="C599" s="499" t="s">
        <v>309</v>
      </c>
      <c r="D599" s="499" t="s">
        <v>685</v>
      </c>
      <c r="E599" s="499" t="s">
        <v>684</v>
      </c>
      <c r="F599" s="499" t="s">
        <v>683</v>
      </c>
      <c r="G599" s="498" t="s">
        <v>682</v>
      </c>
      <c r="H599" s="497"/>
      <c r="I599" s="497"/>
      <c r="J599" s="497"/>
      <c r="K599" s="497"/>
      <c r="L599" s="496"/>
    </row>
    <row r="600" spans="1:12" ht="16.149999999999999" customHeight="1">
      <c r="A600" s="733" t="s">
        <v>651</v>
      </c>
      <c r="B600" s="734"/>
      <c r="C600" s="495"/>
      <c r="D600" s="494"/>
      <c r="E600" s="493"/>
      <c r="F600" s="492"/>
      <c r="G600" s="486" t="s">
        <v>651</v>
      </c>
      <c r="H600" s="549"/>
      <c r="I600" s="549"/>
      <c r="J600" s="549"/>
      <c r="K600" s="549"/>
      <c r="L600" s="551"/>
    </row>
    <row r="601" spans="1:12" ht="16.149999999999999" customHeight="1">
      <c r="A601" s="735"/>
      <c r="B601" s="736"/>
      <c r="C601" s="490"/>
      <c r="D601" s="489"/>
      <c r="E601" s="491"/>
      <c r="F601" s="487" t="s">
        <v>651</v>
      </c>
      <c r="G601" s="486" t="s">
        <v>651</v>
      </c>
      <c r="H601" s="549"/>
      <c r="I601" s="549"/>
      <c r="J601" s="549"/>
      <c r="K601" s="549"/>
      <c r="L601" s="551"/>
    </row>
    <row r="602" spans="1:12" ht="16.149999999999999" customHeight="1">
      <c r="A602" s="735" t="s">
        <v>681</v>
      </c>
      <c r="B602" s="736"/>
      <c r="C602" s="490" t="s">
        <v>697</v>
      </c>
      <c r="D602" s="489">
        <v>1</v>
      </c>
      <c r="E602" s="488" t="s">
        <v>618</v>
      </c>
      <c r="F602" s="487"/>
      <c r="G602" s="486" t="s">
        <v>651</v>
      </c>
      <c r="H602" s="549"/>
      <c r="I602" s="549"/>
      <c r="J602" s="549"/>
      <c r="K602" s="549"/>
      <c r="L602" s="551"/>
    </row>
    <row r="603" spans="1:12" ht="16.149999999999999" customHeight="1">
      <c r="A603" s="737"/>
      <c r="B603" s="738"/>
      <c r="C603" s="485"/>
      <c r="D603" s="484"/>
      <c r="E603" s="483"/>
      <c r="F603" s="482"/>
      <c r="G603" s="481" t="s">
        <v>651</v>
      </c>
      <c r="H603" s="476"/>
      <c r="I603" s="476"/>
      <c r="J603" s="476"/>
      <c r="K603" s="476"/>
      <c r="L603" s="475"/>
    </row>
    <row r="605" spans="1:12" ht="16.149999999999999" customHeight="1">
      <c r="A605" s="507" t="s">
        <v>651</v>
      </c>
      <c r="B605" s="479" t="s">
        <v>764</v>
      </c>
      <c r="C605" s="480"/>
      <c r="D605" s="479"/>
      <c r="E605" s="479"/>
      <c r="F605" s="479"/>
      <c r="G605" s="479"/>
      <c r="H605" s="479" t="s">
        <v>617</v>
      </c>
      <c r="I605" s="480" t="s">
        <v>939</v>
      </c>
      <c r="J605" s="479" t="s">
        <v>689</v>
      </c>
      <c r="K605" s="479" t="s">
        <v>688</v>
      </c>
      <c r="L605" s="506"/>
    </row>
    <row r="606" spans="1:12" ht="16.149999999999999" customHeight="1">
      <c r="A606" s="505" t="s">
        <v>651</v>
      </c>
      <c r="B606" s="549" t="s">
        <v>938</v>
      </c>
      <c r="C606" s="550"/>
      <c r="D606" s="549"/>
      <c r="E606" s="549"/>
      <c r="F606" s="549"/>
      <c r="G606" s="478"/>
      <c r="H606" s="549"/>
      <c r="I606" s="504"/>
      <c r="J606" s="503" t="s">
        <v>687</v>
      </c>
      <c r="K606" s="502" t="s">
        <v>697</v>
      </c>
      <c r="L606" s="501" t="s">
        <v>618</v>
      </c>
    </row>
    <row r="607" spans="1:12" ht="16.149999999999999" customHeight="1">
      <c r="A607" s="477" t="s">
        <v>651</v>
      </c>
      <c r="B607" s="549"/>
      <c r="C607" s="550"/>
      <c r="D607" s="549"/>
      <c r="E607" s="549"/>
      <c r="F607" s="549"/>
      <c r="G607" s="478"/>
      <c r="H607" s="478"/>
      <c r="I607" s="478"/>
      <c r="J607" s="478"/>
      <c r="K607" s="478"/>
      <c r="L607" s="501"/>
    </row>
    <row r="608" spans="1:12" ht="16.149999999999999" customHeight="1">
      <c r="A608" s="498" t="s">
        <v>686</v>
      </c>
      <c r="B608" s="500"/>
      <c r="C608" s="499" t="s">
        <v>309</v>
      </c>
      <c r="D608" s="499" t="s">
        <v>685</v>
      </c>
      <c r="E608" s="499" t="s">
        <v>684</v>
      </c>
      <c r="F608" s="499" t="s">
        <v>683</v>
      </c>
      <c r="G608" s="498" t="s">
        <v>682</v>
      </c>
      <c r="H608" s="497"/>
      <c r="I608" s="497"/>
      <c r="J608" s="497"/>
      <c r="K608" s="497"/>
      <c r="L608" s="496"/>
    </row>
    <row r="609" spans="1:12" ht="16.149999999999999" customHeight="1">
      <c r="A609" s="733" t="s">
        <v>701</v>
      </c>
      <c r="B609" s="734"/>
      <c r="C609" s="495"/>
      <c r="D609" s="494"/>
      <c r="E609" s="493"/>
      <c r="F609" s="492"/>
      <c r="G609" s="486" t="s">
        <v>651</v>
      </c>
      <c r="H609" s="549"/>
      <c r="I609" s="549"/>
      <c r="J609" s="549"/>
      <c r="K609" s="549"/>
      <c r="L609" s="551"/>
    </row>
    <row r="610" spans="1:12" ht="16.149999999999999" customHeight="1">
      <c r="A610" s="735"/>
      <c r="B610" s="736"/>
      <c r="C610" s="490"/>
      <c r="D610" s="489"/>
      <c r="E610" s="491"/>
      <c r="F610" s="487" t="s">
        <v>651</v>
      </c>
      <c r="G610" s="486" t="s">
        <v>651</v>
      </c>
      <c r="H610" s="549"/>
      <c r="I610" s="549"/>
      <c r="J610" s="549"/>
      <c r="K610" s="549"/>
      <c r="L610" s="551"/>
    </row>
    <row r="611" spans="1:12" ht="16.149999999999999" customHeight="1">
      <c r="A611" s="735" t="s">
        <v>651</v>
      </c>
      <c r="B611" s="736"/>
      <c r="C611" s="490" t="s">
        <v>248</v>
      </c>
      <c r="D611" s="489"/>
      <c r="E611" s="488"/>
      <c r="F611" s="487"/>
      <c r="G611" s="486" t="s">
        <v>651</v>
      </c>
      <c r="H611" s="549"/>
      <c r="I611" s="549"/>
      <c r="J611" s="549"/>
      <c r="K611" s="549"/>
      <c r="L611" s="551"/>
    </row>
    <row r="612" spans="1:12" ht="16.149999999999999" customHeight="1">
      <c r="A612" s="737"/>
      <c r="B612" s="738"/>
      <c r="C612" s="485"/>
      <c r="D612" s="484"/>
      <c r="E612" s="483"/>
      <c r="F612" s="482"/>
      <c r="G612" s="481" t="s">
        <v>651</v>
      </c>
      <c r="H612" s="476"/>
      <c r="I612" s="476"/>
      <c r="J612" s="476"/>
      <c r="K612" s="476"/>
      <c r="L612" s="475"/>
    </row>
    <row r="613" spans="1:12" ht="16.149999999999999" customHeight="1">
      <c r="A613" s="733" t="s">
        <v>250</v>
      </c>
      <c r="B613" s="734"/>
      <c r="C613" s="495"/>
      <c r="D613" s="494"/>
      <c r="E613" s="493"/>
      <c r="F613" s="492"/>
      <c r="G613" s="486" t="s">
        <v>651</v>
      </c>
      <c r="H613" s="549"/>
      <c r="I613" s="549"/>
      <c r="J613" s="549"/>
      <c r="K613" s="549"/>
      <c r="L613" s="551"/>
    </row>
    <row r="614" spans="1:12" ht="16.149999999999999" customHeight="1">
      <c r="A614" s="735"/>
      <c r="B614" s="736"/>
      <c r="C614" s="490"/>
      <c r="D614" s="489"/>
      <c r="E614" s="491"/>
      <c r="F614" s="487" t="s">
        <v>651</v>
      </c>
      <c r="G614" s="486" t="s">
        <v>651</v>
      </c>
      <c r="H614" s="549"/>
      <c r="I614" s="549"/>
      <c r="J614" s="549"/>
      <c r="K614" s="549"/>
      <c r="L614" s="551"/>
    </row>
    <row r="615" spans="1:12" ht="16.149999999999999" customHeight="1">
      <c r="A615" s="735" t="s">
        <v>651</v>
      </c>
      <c r="B615" s="736"/>
      <c r="C615" s="490" t="s">
        <v>248</v>
      </c>
      <c r="D615" s="489"/>
      <c r="E615" s="488"/>
      <c r="F615" s="487"/>
      <c r="G615" s="486" t="s">
        <v>651</v>
      </c>
      <c r="H615" s="549"/>
      <c r="I615" s="549"/>
      <c r="J615" s="549"/>
      <c r="K615" s="549"/>
      <c r="L615" s="551"/>
    </row>
    <row r="616" spans="1:12" ht="16.149999999999999" customHeight="1">
      <c r="A616" s="737"/>
      <c r="B616" s="738"/>
      <c r="C616" s="485"/>
      <c r="D616" s="484"/>
      <c r="E616" s="483"/>
      <c r="F616" s="482"/>
      <c r="G616" s="481" t="s">
        <v>651</v>
      </c>
      <c r="H616" s="476"/>
      <c r="I616" s="476"/>
      <c r="J616" s="476"/>
      <c r="K616" s="476"/>
      <c r="L616" s="475"/>
    </row>
    <row r="617" spans="1:12" ht="16.149999999999999" customHeight="1">
      <c r="A617" s="733" t="s">
        <v>700</v>
      </c>
      <c r="B617" s="734"/>
      <c r="C617" s="495"/>
      <c r="D617" s="494"/>
      <c r="E617" s="493"/>
      <c r="F617" s="492"/>
      <c r="G617" s="486" t="s">
        <v>651</v>
      </c>
      <c r="H617" s="549"/>
      <c r="I617" s="549"/>
      <c r="J617" s="549"/>
      <c r="K617" s="549"/>
      <c r="L617" s="551"/>
    </row>
    <row r="618" spans="1:12" ht="16.149999999999999" customHeight="1">
      <c r="A618" s="735"/>
      <c r="B618" s="736"/>
      <c r="C618" s="490"/>
      <c r="D618" s="489"/>
      <c r="E618" s="491"/>
      <c r="F618" s="487" t="s">
        <v>651</v>
      </c>
      <c r="G618" s="486" t="s">
        <v>651</v>
      </c>
      <c r="H618" s="549"/>
      <c r="I618" s="549"/>
      <c r="J618" s="549"/>
      <c r="K618" s="549"/>
      <c r="L618" s="551"/>
    </row>
    <row r="619" spans="1:12" ht="16.149999999999999" customHeight="1">
      <c r="A619" s="735" t="s">
        <v>651</v>
      </c>
      <c r="B619" s="736"/>
      <c r="C619" s="490" t="s">
        <v>242</v>
      </c>
      <c r="D619" s="489">
        <v>1</v>
      </c>
      <c r="E619" s="488"/>
      <c r="F619" s="487"/>
      <c r="G619" s="486" t="s">
        <v>651</v>
      </c>
      <c r="H619" s="549"/>
      <c r="I619" s="549"/>
      <c r="J619" s="549"/>
      <c r="K619" s="549"/>
      <c r="L619" s="551"/>
    </row>
    <row r="620" spans="1:12" ht="16.149999999999999" customHeight="1">
      <c r="A620" s="737"/>
      <c r="B620" s="738"/>
      <c r="C620" s="485"/>
      <c r="D620" s="484"/>
      <c r="E620" s="483"/>
      <c r="F620" s="482"/>
      <c r="G620" s="481" t="s">
        <v>651</v>
      </c>
      <c r="H620" s="476"/>
      <c r="I620" s="476"/>
      <c r="J620" s="476"/>
      <c r="K620" s="476"/>
      <c r="L620" s="475"/>
    </row>
    <row r="621" spans="1:12" ht="16.149999999999999" customHeight="1">
      <c r="A621" s="733" t="s">
        <v>651</v>
      </c>
      <c r="B621" s="734"/>
      <c r="C621" s="495"/>
      <c r="D621" s="494"/>
      <c r="E621" s="493"/>
      <c r="F621" s="492"/>
      <c r="G621" s="486" t="s">
        <v>651</v>
      </c>
      <c r="H621" s="549"/>
      <c r="I621" s="549"/>
      <c r="J621" s="549"/>
      <c r="K621" s="549"/>
      <c r="L621" s="551"/>
    </row>
    <row r="622" spans="1:12" ht="16.149999999999999" customHeight="1">
      <c r="A622" s="735"/>
      <c r="B622" s="736"/>
      <c r="C622" s="490"/>
      <c r="D622" s="489"/>
      <c r="E622" s="491"/>
      <c r="F622" s="487" t="s">
        <v>651</v>
      </c>
      <c r="G622" s="486" t="s">
        <v>651</v>
      </c>
      <c r="H622" s="549"/>
      <c r="I622" s="549"/>
      <c r="J622" s="549"/>
      <c r="K622" s="549"/>
      <c r="L622" s="551"/>
    </row>
    <row r="623" spans="1:12" ht="16.149999999999999" customHeight="1">
      <c r="A623" s="735" t="s">
        <v>691</v>
      </c>
      <c r="B623" s="736"/>
      <c r="C623" s="490" t="s">
        <v>697</v>
      </c>
      <c r="D623" s="489">
        <v>1</v>
      </c>
      <c r="E623" s="488"/>
      <c r="F623" s="487"/>
      <c r="G623" s="486" t="s">
        <v>651</v>
      </c>
      <c r="H623" s="549"/>
      <c r="I623" s="549"/>
      <c r="J623" s="549"/>
      <c r="K623" s="549"/>
      <c r="L623" s="551"/>
    </row>
    <row r="624" spans="1:12" ht="16.149999999999999" customHeight="1">
      <c r="A624" s="737"/>
      <c r="B624" s="738"/>
      <c r="C624" s="485"/>
      <c r="D624" s="484"/>
      <c r="E624" s="483"/>
      <c r="F624" s="482"/>
      <c r="G624" s="481" t="s">
        <v>651</v>
      </c>
      <c r="H624" s="476"/>
      <c r="I624" s="476"/>
      <c r="J624" s="476"/>
      <c r="K624" s="476"/>
      <c r="L624" s="475"/>
    </row>
    <row r="625" spans="1:12" ht="16.149999999999999" customHeight="1">
      <c r="A625" s="733" t="s">
        <v>651</v>
      </c>
      <c r="B625" s="734"/>
      <c r="C625" s="495"/>
      <c r="D625" s="494"/>
      <c r="E625" s="493"/>
      <c r="F625" s="492"/>
      <c r="G625" s="486" t="s">
        <v>651</v>
      </c>
      <c r="H625" s="549"/>
      <c r="I625" s="549"/>
      <c r="J625" s="549"/>
      <c r="K625" s="549"/>
      <c r="L625" s="551"/>
    </row>
    <row r="626" spans="1:12" ht="16.149999999999999" customHeight="1">
      <c r="A626" s="735"/>
      <c r="B626" s="736"/>
      <c r="C626" s="490"/>
      <c r="D626" s="489"/>
      <c r="E626" s="491"/>
      <c r="F626" s="487" t="s">
        <v>651</v>
      </c>
      <c r="G626" s="486" t="s">
        <v>651</v>
      </c>
      <c r="H626" s="549"/>
      <c r="I626" s="549"/>
      <c r="J626" s="549"/>
      <c r="K626" s="549"/>
      <c r="L626" s="551"/>
    </row>
    <row r="627" spans="1:12" ht="16.149999999999999" customHeight="1">
      <c r="A627" s="735" t="s">
        <v>681</v>
      </c>
      <c r="B627" s="736"/>
      <c r="C627" s="490" t="s">
        <v>697</v>
      </c>
      <c r="D627" s="489">
        <v>1</v>
      </c>
      <c r="E627" s="488" t="s">
        <v>618</v>
      </c>
      <c r="F627" s="487"/>
      <c r="G627" s="486" t="s">
        <v>651</v>
      </c>
      <c r="H627" s="549"/>
      <c r="I627" s="549"/>
      <c r="J627" s="549"/>
      <c r="K627" s="549"/>
      <c r="L627" s="551"/>
    </row>
    <row r="628" spans="1:12" ht="16.149999999999999" customHeight="1">
      <c r="A628" s="737"/>
      <c r="B628" s="738"/>
      <c r="C628" s="485"/>
      <c r="D628" s="484"/>
      <c r="E628" s="483"/>
      <c r="F628" s="482"/>
      <c r="G628" s="481" t="s">
        <v>651</v>
      </c>
      <c r="H628" s="476"/>
      <c r="I628" s="476"/>
      <c r="J628" s="476"/>
      <c r="K628" s="476"/>
      <c r="L628" s="475"/>
    </row>
    <row r="631" spans="1:12" ht="16.149999999999999" customHeight="1">
      <c r="A631" s="507" t="s">
        <v>651</v>
      </c>
      <c r="B631" s="479" t="s">
        <v>841</v>
      </c>
      <c r="C631" s="480"/>
      <c r="D631" s="479"/>
      <c r="E631" s="479"/>
      <c r="F631" s="479"/>
      <c r="G631" s="479"/>
      <c r="H631" s="479" t="s">
        <v>617</v>
      </c>
      <c r="I631" s="480" t="s">
        <v>937</v>
      </c>
      <c r="J631" s="479" t="s">
        <v>689</v>
      </c>
      <c r="K631" s="479" t="s">
        <v>688</v>
      </c>
      <c r="L631" s="506"/>
    </row>
    <row r="632" spans="1:12" ht="16.149999999999999" customHeight="1">
      <c r="A632" s="505" t="s">
        <v>651</v>
      </c>
      <c r="B632" s="549" t="s">
        <v>936</v>
      </c>
      <c r="C632" s="550"/>
      <c r="D632" s="549"/>
      <c r="E632" s="549"/>
      <c r="F632" s="549"/>
      <c r="G632" s="478"/>
      <c r="H632" s="549"/>
      <c r="I632" s="504"/>
      <c r="J632" s="503" t="s">
        <v>687</v>
      </c>
      <c r="K632" s="502" t="s">
        <v>697</v>
      </c>
      <c r="L632" s="501" t="s">
        <v>618</v>
      </c>
    </row>
    <row r="633" spans="1:12" ht="16.149999999999999" customHeight="1">
      <c r="A633" s="477" t="s">
        <v>651</v>
      </c>
      <c r="B633" s="549"/>
      <c r="C633" s="550"/>
      <c r="D633" s="549"/>
      <c r="E633" s="549"/>
      <c r="F633" s="549"/>
      <c r="G633" s="478"/>
      <c r="H633" s="478"/>
      <c r="I633" s="478"/>
      <c r="J633" s="478"/>
      <c r="K633" s="478"/>
      <c r="L633" s="501"/>
    </row>
    <row r="634" spans="1:12" ht="16.149999999999999" customHeight="1">
      <c r="A634" s="498" t="s">
        <v>686</v>
      </c>
      <c r="B634" s="500"/>
      <c r="C634" s="499" t="s">
        <v>309</v>
      </c>
      <c r="D634" s="499" t="s">
        <v>685</v>
      </c>
      <c r="E634" s="499" t="s">
        <v>684</v>
      </c>
      <c r="F634" s="499" t="s">
        <v>683</v>
      </c>
      <c r="G634" s="498" t="s">
        <v>682</v>
      </c>
      <c r="H634" s="497"/>
      <c r="I634" s="497"/>
      <c r="J634" s="497"/>
      <c r="K634" s="497"/>
      <c r="L634" s="496"/>
    </row>
    <row r="635" spans="1:12" ht="16.149999999999999" customHeight="1">
      <c r="A635" s="733" t="s">
        <v>701</v>
      </c>
      <c r="B635" s="734"/>
      <c r="C635" s="495"/>
      <c r="D635" s="494"/>
      <c r="E635" s="493"/>
      <c r="F635" s="492"/>
      <c r="G635" s="486" t="s">
        <v>651</v>
      </c>
      <c r="H635" s="549"/>
      <c r="I635" s="549"/>
      <c r="J635" s="549"/>
      <c r="K635" s="549"/>
      <c r="L635" s="551"/>
    </row>
    <row r="636" spans="1:12" ht="16.149999999999999" customHeight="1">
      <c r="A636" s="735"/>
      <c r="B636" s="736"/>
      <c r="C636" s="490"/>
      <c r="D636" s="489"/>
      <c r="E636" s="491"/>
      <c r="F636" s="487" t="s">
        <v>651</v>
      </c>
      <c r="G636" s="486" t="s">
        <v>651</v>
      </c>
      <c r="H636" s="549"/>
      <c r="I636" s="549"/>
      <c r="J636" s="549"/>
      <c r="K636" s="549"/>
      <c r="L636" s="551"/>
    </row>
    <row r="637" spans="1:12" ht="16.149999999999999" customHeight="1">
      <c r="A637" s="735" t="s">
        <v>651</v>
      </c>
      <c r="B637" s="736"/>
      <c r="C637" s="490" t="s">
        <v>248</v>
      </c>
      <c r="D637" s="489"/>
      <c r="E637" s="488"/>
      <c r="F637" s="487"/>
      <c r="G637" s="486" t="s">
        <v>651</v>
      </c>
      <c r="H637" s="549"/>
      <c r="I637" s="549"/>
      <c r="J637" s="549"/>
      <c r="K637" s="549"/>
      <c r="L637" s="551"/>
    </row>
    <row r="638" spans="1:12" ht="16.149999999999999" customHeight="1">
      <c r="A638" s="737"/>
      <c r="B638" s="738"/>
      <c r="C638" s="485"/>
      <c r="D638" s="484"/>
      <c r="E638" s="483"/>
      <c r="F638" s="482"/>
      <c r="G638" s="481" t="s">
        <v>651</v>
      </c>
      <c r="H638" s="476"/>
      <c r="I638" s="476"/>
      <c r="J638" s="476"/>
      <c r="K638" s="476"/>
      <c r="L638" s="475"/>
    </row>
    <row r="639" spans="1:12" ht="16.149999999999999" customHeight="1">
      <c r="A639" s="733" t="s">
        <v>250</v>
      </c>
      <c r="B639" s="734"/>
      <c r="C639" s="495"/>
      <c r="D639" s="494"/>
      <c r="E639" s="493"/>
      <c r="F639" s="492"/>
      <c r="G639" s="486" t="s">
        <v>651</v>
      </c>
      <c r="H639" s="549"/>
      <c r="I639" s="549"/>
      <c r="J639" s="549"/>
      <c r="K639" s="549"/>
      <c r="L639" s="551"/>
    </row>
    <row r="640" spans="1:12" ht="16.149999999999999" customHeight="1">
      <c r="A640" s="735"/>
      <c r="B640" s="736"/>
      <c r="C640" s="490"/>
      <c r="D640" s="489"/>
      <c r="E640" s="491"/>
      <c r="F640" s="487" t="s">
        <v>651</v>
      </c>
      <c r="G640" s="486" t="s">
        <v>651</v>
      </c>
      <c r="H640" s="549"/>
      <c r="I640" s="549"/>
      <c r="J640" s="549"/>
      <c r="K640" s="549"/>
      <c r="L640" s="551"/>
    </row>
    <row r="641" spans="1:12" ht="16.149999999999999" customHeight="1">
      <c r="A641" s="735" t="s">
        <v>651</v>
      </c>
      <c r="B641" s="736"/>
      <c r="C641" s="490" t="s">
        <v>248</v>
      </c>
      <c r="D641" s="489"/>
      <c r="E641" s="488"/>
      <c r="F641" s="487"/>
      <c r="G641" s="486" t="s">
        <v>651</v>
      </c>
      <c r="H641" s="549"/>
      <c r="I641" s="549"/>
      <c r="J641" s="549"/>
      <c r="K641" s="549"/>
      <c r="L641" s="551"/>
    </row>
    <row r="642" spans="1:12" ht="16.149999999999999" customHeight="1">
      <c r="A642" s="737"/>
      <c r="B642" s="738"/>
      <c r="C642" s="485"/>
      <c r="D642" s="484"/>
      <c r="E642" s="483"/>
      <c r="F642" s="482"/>
      <c r="G642" s="481" t="s">
        <v>651</v>
      </c>
      <c r="H642" s="476"/>
      <c r="I642" s="476"/>
      <c r="J642" s="476"/>
      <c r="K642" s="476"/>
      <c r="L642" s="475"/>
    </row>
    <row r="643" spans="1:12" ht="16.149999999999999" customHeight="1">
      <c r="A643" s="733" t="s">
        <v>700</v>
      </c>
      <c r="B643" s="734"/>
      <c r="C643" s="495"/>
      <c r="D643" s="494"/>
      <c r="E643" s="493"/>
      <c r="F643" s="492"/>
      <c r="G643" s="486" t="s">
        <v>651</v>
      </c>
      <c r="H643" s="549"/>
      <c r="I643" s="549"/>
      <c r="J643" s="549"/>
      <c r="K643" s="549"/>
      <c r="L643" s="551"/>
    </row>
    <row r="644" spans="1:12" ht="16.149999999999999" customHeight="1">
      <c r="A644" s="735"/>
      <c r="B644" s="736"/>
      <c r="C644" s="490"/>
      <c r="D644" s="489"/>
      <c r="E644" s="491"/>
      <c r="F644" s="487" t="s">
        <v>651</v>
      </c>
      <c r="G644" s="486" t="s">
        <v>651</v>
      </c>
      <c r="H644" s="549"/>
      <c r="I644" s="549"/>
      <c r="J644" s="549"/>
      <c r="K644" s="549"/>
      <c r="L644" s="551"/>
    </row>
    <row r="645" spans="1:12" ht="16.149999999999999" customHeight="1">
      <c r="A645" s="735" t="s">
        <v>651</v>
      </c>
      <c r="B645" s="736"/>
      <c r="C645" s="490" t="s">
        <v>242</v>
      </c>
      <c r="D645" s="489">
        <v>1</v>
      </c>
      <c r="E645" s="488"/>
      <c r="F645" s="487"/>
      <c r="G645" s="486" t="s">
        <v>651</v>
      </c>
      <c r="H645" s="549"/>
      <c r="I645" s="549"/>
      <c r="J645" s="549"/>
      <c r="K645" s="549"/>
      <c r="L645" s="551"/>
    </row>
    <row r="646" spans="1:12" ht="16.149999999999999" customHeight="1">
      <c r="A646" s="737"/>
      <c r="B646" s="738"/>
      <c r="C646" s="485"/>
      <c r="D646" s="484"/>
      <c r="E646" s="483"/>
      <c r="F646" s="482"/>
      <c r="G646" s="481" t="s">
        <v>651</v>
      </c>
      <c r="H646" s="476"/>
      <c r="I646" s="476"/>
      <c r="J646" s="476"/>
      <c r="K646" s="476"/>
      <c r="L646" s="475"/>
    </row>
    <row r="647" spans="1:12" ht="16.149999999999999" customHeight="1">
      <c r="A647" s="733" t="s">
        <v>651</v>
      </c>
      <c r="B647" s="734"/>
      <c r="C647" s="495"/>
      <c r="D647" s="494"/>
      <c r="E647" s="493"/>
      <c r="F647" s="492"/>
      <c r="G647" s="486" t="s">
        <v>651</v>
      </c>
      <c r="H647" s="549"/>
      <c r="I647" s="549"/>
      <c r="J647" s="549"/>
      <c r="K647" s="549"/>
      <c r="L647" s="551"/>
    </row>
    <row r="648" spans="1:12" ht="16.149999999999999" customHeight="1">
      <c r="A648" s="735"/>
      <c r="B648" s="736"/>
      <c r="C648" s="490"/>
      <c r="D648" s="489"/>
      <c r="E648" s="491"/>
      <c r="F648" s="487" t="s">
        <v>651</v>
      </c>
      <c r="G648" s="486" t="s">
        <v>651</v>
      </c>
      <c r="H648" s="549"/>
      <c r="I648" s="549"/>
      <c r="J648" s="549"/>
      <c r="K648" s="549"/>
      <c r="L648" s="551"/>
    </row>
    <row r="649" spans="1:12" ht="16.149999999999999" customHeight="1">
      <c r="A649" s="735" t="s">
        <v>691</v>
      </c>
      <c r="B649" s="736"/>
      <c r="C649" s="490" t="s">
        <v>697</v>
      </c>
      <c r="D649" s="489">
        <v>1</v>
      </c>
      <c r="E649" s="488"/>
      <c r="F649" s="487"/>
      <c r="G649" s="486" t="s">
        <v>651</v>
      </c>
      <c r="H649" s="549"/>
      <c r="I649" s="549"/>
      <c r="J649" s="549"/>
      <c r="K649" s="549"/>
      <c r="L649" s="551"/>
    </row>
    <row r="650" spans="1:12" ht="16.149999999999999" customHeight="1">
      <c r="A650" s="737"/>
      <c r="B650" s="738"/>
      <c r="C650" s="485"/>
      <c r="D650" s="484"/>
      <c r="E650" s="483"/>
      <c r="F650" s="482"/>
      <c r="G650" s="481" t="s">
        <v>651</v>
      </c>
      <c r="H650" s="476"/>
      <c r="I650" s="476"/>
      <c r="J650" s="476"/>
      <c r="K650" s="476"/>
      <c r="L650" s="475"/>
    </row>
    <row r="651" spans="1:12" ht="16.149999999999999" customHeight="1">
      <c r="A651" s="733" t="s">
        <v>651</v>
      </c>
      <c r="B651" s="734"/>
      <c r="C651" s="495"/>
      <c r="D651" s="494"/>
      <c r="E651" s="493"/>
      <c r="F651" s="492"/>
      <c r="G651" s="486" t="s">
        <v>651</v>
      </c>
      <c r="H651" s="549"/>
      <c r="I651" s="549"/>
      <c r="J651" s="549"/>
      <c r="K651" s="549"/>
      <c r="L651" s="551"/>
    </row>
    <row r="652" spans="1:12" ht="16.149999999999999" customHeight="1">
      <c r="A652" s="735"/>
      <c r="B652" s="736"/>
      <c r="C652" s="490"/>
      <c r="D652" s="489"/>
      <c r="E652" s="491"/>
      <c r="F652" s="487" t="s">
        <v>651</v>
      </c>
      <c r="G652" s="486" t="s">
        <v>651</v>
      </c>
      <c r="H652" s="549"/>
      <c r="I652" s="549"/>
      <c r="J652" s="549"/>
      <c r="K652" s="549"/>
      <c r="L652" s="551"/>
    </row>
    <row r="653" spans="1:12" ht="16.149999999999999" customHeight="1">
      <c r="A653" s="735" t="s">
        <v>681</v>
      </c>
      <c r="B653" s="736"/>
      <c r="C653" s="490" t="s">
        <v>697</v>
      </c>
      <c r="D653" s="489">
        <v>1</v>
      </c>
      <c r="E653" s="488" t="s">
        <v>618</v>
      </c>
      <c r="F653" s="487"/>
      <c r="G653" s="486" t="s">
        <v>651</v>
      </c>
      <c r="H653" s="549"/>
      <c r="I653" s="549"/>
      <c r="J653" s="549"/>
      <c r="K653" s="549"/>
      <c r="L653" s="551"/>
    </row>
    <row r="654" spans="1:12" ht="16.149999999999999" customHeight="1">
      <c r="A654" s="737"/>
      <c r="B654" s="738"/>
      <c r="C654" s="485"/>
      <c r="D654" s="484"/>
      <c r="E654" s="483"/>
      <c r="F654" s="482"/>
      <c r="G654" s="481" t="s">
        <v>651</v>
      </c>
      <c r="H654" s="476"/>
      <c r="I654" s="476"/>
      <c r="J654" s="476"/>
      <c r="K654" s="476"/>
      <c r="L654" s="475"/>
    </row>
    <row r="656" spans="1:12" ht="16.149999999999999" customHeight="1">
      <c r="A656" s="507" t="s">
        <v>651</v>
      </c>
      <c r="B656" s="479" t="s">
        <v>841</v>
      </c>
      <c r="C656" s="480"/>
      <c r="D656" s="479"/>
      <c r="E656" s="479"/>
      <c r="F656" s="479"/>
      <c r="G656" s="479"/>
      <c r="H656" s="479" t="s">
        <v>617</v>
      </c>
      <c r="I656" s="480" t="s">
        <v>935</v>
      </c>
      <c r="J656" s="479" t="s">
        <v>689</v>
      </c>
      <c r="K656" s="479" t="s">
        <v>688</v>
      </c>
      <c r="L656" s="506"/>
    </row>
    <row r="657" spans="1:12" ht="16.149999999999999" customHeight="1">
      <c r="A657" s="505" t="s">
        <v>651</v>
      </c>
      <c r="B657" s="549" t="s">
        <v>934</v>
      </c>
      <c r="C657" s="550"/>
      <c r="D657" s="549"/>
      <c r="E657" s="549"/>
      <c r="F657" s="549"/>
      <c r="G657" s="478"/>
      <c r="H657" s="549"/>
      <c r="I657" s="504"/>
      <c r="J657" s="503" t="s">
        <v>687</v>
      </c>
      <c r="K657" s="502" t="s">
        <v>697</v>
      </c>
      <c r="L657" s="501" t="s">
        <v>618</v>
      </c>
    </row>
    <row r="658" spans="1:12" ht="16.149999999999999" customHeight="1">
      <c r="A658" s="477" t="s">
        <v>651</v>
      </c>
      <c r="B658" s="549"/>
      <c r="C658" s="550"/>
      <c r="D658" s="549"/>
      <c r="E658" s="549"/>
      <c r="F658" s="549"/>
      <c r="G658" s="478"/>
      <c r="H658" s="478"/>
      <c r="I658" s="478"/>
      <c r="J658" s="478"/>
      <c r="K658" s="478"/>
      <c r="L658" s="501"/>
    </row>
    <row r="659" spans="1:12" ht="16.149999999999999" customHeight="1">
      <c r="A659" s="498" t="s">
        <v>686</v>
      </c>
      <c r="B659" s="500"/>
      <c r="C659" s="499" t="s">
        <v>309</v>
      </c>
      <c r="D659" s="499" t="s">
        <v>685</v>
      </c>
      <c r="E659" s="499" t="s">
        <v>684</v>
      </c>
      <c r="F659" s="499" t="s">
        <v>683</v>
      </c>
      <c r="G659" s="498" t="s">
        <v>682</v>
      </c>
      <c r="H659" s="497"/>
      <c r="I659" s="497"/>
      <c r="J659" s="497"/>
      <c r="K659" s="497"/>
      <c r="L659" s="496"/>
    </row>
    <row r="660" spans="1:12" ht="16.149999999999999" customHeight="1">
      <c r="A660" s="733" t="s">
        <v>701</v>
      </c>
      <c r="B660" s="734"/>
      <c r="C660" s="495"/>
      <c r="D660" s="494"/>
      <c r="E660" s="493"/>
      <c r="F660" s="492"/>
      <c r="G660" s="486" t="s">
        <v>651</v>
      </c>
      <c r="H660" s="549"/>
      <c r="I660" s="549"/>
      <c r="J660" s="549"/>
      <c r="K660" s="549"/>
      <c r="L660" s="551"/>
    </row>
    <row r="661" spans="1:12" ht="16.149999999999999" customHeight="1">
      <c r="A661" s="735"/>
      <c r="B661" s="736"/>
      <c r="C661" s="490"/>
      <c r="D661" s="489"/>
      <c r="E661" s="491"/>
      <c r="F661" s="487" t="s">
        <v>651</v>
      </c>
      <c r="G661" s="486" t="s">
        <v>651</v>
      </c>
      <c r="H661" s="549"/>
      <c r="I661" s="549"/>
      <c r="J661" s="549"/>
      <c r="K661" s="549"/>
      <c r="L661" s="551"/>
    </row>
    <row r="662" spans="1:12" ht="16.149999999999999" customHeight="1">
      <c r="A662" s="735" t="s">
        <v>651</v>
      </c>
      <c r="B662" s="736"/>
      <c r="C662" s="490" t="s">
        <v>248</v>
      </c>
      <c r="D662" s="489"/>
      <c r="E662" s="488"/>
      <c r="F662" s="487"/>
      <c r="G662" s="486" t="s">
        <v>651</v>
      </c>
      <c r="H662" s="549"/>
      <c r="I662" s="549"/>
      <c r="J662" s="549"/>
      <c r="K662" s="549"/>
      <c r="L662" s="551"/>
    </row>
    <row r="663" spans="1:12" ht="16.149999999999999" customHeight="1">
      <c r="A663" s="737"/>
      <c r="B663" s="738"/>
      <c r="C663" s="485"/>
      <c r="D663" s="484"/>
      <c r="E663" s="483"/>
      <c r="F663" s="482"/>
      <c r="G663" s="481" t="s">
        <v>651</v>
      </c>
      <c r="H663" s="476"/>
      <c r="I663" s="476"/>
      <c r="J663" s="476"/>
      <c r="K663" s="476"/>
      <c r="L663" s="475"/>
    </row>
    <row r="666" spans="1:12" ht="16.149999999999999" customHeight="1">
      <c r="A666" s="507" t="s">
        <v>651</v>
      </c>
      <c r="B666" s="479" t="s">
        <v>841</v>
      </c>
      <c r="C666" s="480"/>
      <c r="D666" s="479"/>
      <c r="E666" s="479"/>
      <c r="F666" s="479"/>
      <c r="G666" s="479"/>
      <c r="H666" s="479" t="s">
        <v>617</v>
      </c>
      <c r="I666" s="480" t="s">
        <v>935</v>
      </c>
      <c r="J666" s="479" t="s">
        <v>689</v>
      </c>
      <c r="K666" s="479" t="s">
        <v>688</v>
      </c>
      <c r="L666" s="506"/>
    </row>
    <row r="667" spans="1:12" ht="16.149999999999999" customHeight="1">
      <c r="A667" s="505" t="s">
        <v>651</v>
      </c>
      <c r="B667" s="549" t="s">
        <v>934</v>
      </c>
      <c r="C667" s="550"/>
      <c r="D667" s="549"/>
      <c r="E667" s="549"/>
      <c r="F667" s="549"/>
      <c r="G667" s="478"/>
      <c r="H667" s="549"/>
      <c r="I667" s="504"/>
      <c r="J667" s="503" t="s">
        <v>687</v>
      </c>
      <c r="K667" s="502" t="s">
        <v>697</v>
      </c>
      <c r="L667" s="501" t="s">
        <v>618</v>
      </c>
    </row>
    <row r="668" spans="1:12" ht="16.149999999999999" customHeight="1">
      <c r="A668" s="477" t="s">
        <v>651</v>
      </c>
      <c r="B668" s="549"/>
      <c r="C668" s="550"/>
      <c r="D668" s="549"/>
      <c r="E668" s="549"/>
      <c r="F668" s="549"/>
      <c r="G668" s="478"/>
      <c r="H668" s="478"/>
      <c r="I668" s="478"/>
      <c r="J668" s="478"/>
      <c r="K668" s="478"/>
      <c r="L668" s="501"/>
    </row>
    <row r="669" spans="1:12" ht="16.149999999999999" customHeight="1">
      <c r="A669" s="498" t="s">
        <v>686</v>
      </c>
      <c r="B669" s="500"/>
      <c r="C669" s="499" t="s">
        <v>309</v>
      </c>
      <c r="D669" s="499" t="s">
        <v>685</v>
      </c>
      <c r="E669" s="499" t="s">
        <v>684</v>
      </c>
      <c r="F669" s="499" t="s">
        <v>683</v>
      </c>
      <c r="G669" s="498" t="s">
        <v>682</v>
      </c>
      <c r="H669" s="497"/>
      <c r="I669" s="497"/>
      <c r="J669" s="497"/>
      <c r="K669" s="497"/>
      <c r="L669" s="496"/>
    </row>
    <row r="670" spans="1:12" ht="16.149999999999999" customHeight="1">
      <c r="A670" s="733" t="s">
        <v>250</v>
      </c>
      <c r="B670" s="734"/>
      <c r="C670" s="495"/>
      <c r="D670" s="494"/>
      <c r="E670" s="493"/>
      <c r="F670" s="492"/>
      <c r="G670" s="486" t="s">
        <v>651</v>
      </c>
      <c r="H670" s="549"/>
      <c r="I670" s="549"/>
      <c r="J670" s="549"/>
      <c r="K670" s="549"/>
      <c r="L670" s="551"/>
    </row>
    <row r="671" spans="1:12" ht="16.149999999999999" customHeight="1">
      <c r="A671" s="735"/>
      <c r="B671" s="736"/>
      <c r="C671" s="490"/>
      <c r="D671" s="489"/>
      <c r="E671" s="491"/>
      <c r="F671" s="487" t="s">
        <v>651</v>
      </c>
      <c r="G671" s="486" t="s">
        <v>651</v>
      </c>
      <c r="H671" s="549"/>
      <c r="I671" s="549"/>
      <c r="J671" s="549"/>
      <c r="K671" s="549"/>
      <c r="L671" s="551"/>
    </row>
    <row r="672" spans="1:12" ht="16.149999999999999" customHeight="1">
      <c r="A672" s="735" t="s">
        <v>651</v>
      </c>
      <c r="B672" s="736"/>
      <c r="C672" s="490" t="s">
        <v>248</v>
      </c>
      <c r="D672" s="489"/>
      <c r="E672" s="488"/>
      <c r="F672" s="487"/>
      <c r="G672" s="486" t="s">
        <v>651</v>
      </c>
      <c r="H672" s="549"/>
      <c r="I672" s="549"/>
      <c r="J672" s="549"/>
      <c r="K672" s="549"/>
      <c r="L672" s="551"/>
    </row>
    <row r="673" spans="1:12" ht="16.149999999999999" customHeight="1">
      <c r="A673" s="737"/>
      <c r="B673" s="738"/>
      <c r="C673" s="485"/>
      <c r="D673" s="484"/>
      <c r="E673" s="483"/>
      <c r="F673" s="482"/>
      <c r="G673" s="481" t="s">
        <v>651</v>
      </c>
      <c r="H673" s="476"/>
      <c r="I673" s="476"/>
      <c r="J673" s="476"/>
      <c r="K673" s="476"/>
      <c r="L673" s="475"/>
    </row>
    <row r="674" spans="1:12" ht="16.149999999999999" customHeight="1">
      <c r="A674" s="733" t="s">
        <v>700</v>
      </c>
      <c r="B674" s="734"/>
      <c r="C674" s="495"/>
      <c r="D674" s="494"/>
      <c r="E674" s="493"/>
      <c r="F674" s="492"/>
      <c r="G674" s="486" t="s">
        <v>651</v>
      </c>
      <c r="H674" s="549"/>
      <c r="I674" s="549"/>
      <c r="J674" s="549"/>
      <c r="K674" s="549"/>
      <c r="L674" s="551"/>
    </row>
    <row r="675" spans="1:12" ht="16.149999999999999" customHeight="1">
      <c r="A675" s="735"/>
      <c r="B675" s="736"/>
      <c r="C675" s="490"/>
      <c r="D675" s="489"/>
      <c r="E675" s="491"/>
      <c r="F675" s="487" t="s">
        <v>651</v>
      </c>
      <c r="G675" s="486" t="s">
        <v>651</v>
      </c>
      <c r="H675" s="549"/>
      <c r="I675" s="549"/>
      <c r="J675" s="549"/>
      <c r="K675" s="549"/>
      <c r="L675" s="551"/>
    </row>
    <row r="676" spans="1:12" ht="16.149999999999999" customHeight="1">
      <c r="A676" s="735" t="s">
        <v>651</v>
      </c>
      <c r="B676" s="736"/>
      <c r="C676" s="490" t="s">
        <v>242</v>
      </c>
      <c r="D676" s="489">
        <v>1</v>
      </c>
      <c r="E676" s="488"/>
      <c r="F676" s="487"/>
      <c r="G676" s="486" t="s">
        <v>651</v>
      </c>
      <c r="H676" s="549"/>
      <c r="I676" s="549"/>
      <c r="J676" s="549"/>
      <c r="K676" s="549"/>
      <c r="L676" s="551"/>
    </row>
    <row r="677" spans="1:12" ht="16.149999999999999" customHeight="1">
      <c r="A677" s="737"/>
      <c r="B677" s="738"/>
      <c r="C677" s="485"/>
      <c r="D677" s="484"/>
      <c r="E677" s="483"/>
      <c r="F677" s="482"/>
      <c r="G677" s="481" t="s">
        <v>651</v>
      </c>
      <c r="H677" s="476"/>
      <c r="I677" s="476"/>
      <c r="J677" s="476"/>
      <c r="K677" s="476"/>
      <c r="L677" s="475"/>
    </row>
    <row r="678" spans="1:12" ht="16.149999999999999" customHeight="1">
      <c r="A678" s="733" t="s">
        <v>651</v>
      </c>
      <c r="B678" s="734"/>
      <c r="C678" s="495"/>
      <c r="D678" s="494"/>
      <c r="E678" s="493"/>
      <c r="F678" s="492"/>
      <c r="G678" s="486" t="s">
        <v>651</v>
      </c>
      <c r="H678" s="549"/>
      <c r="I678" s="549"/>
      <c r="J678" s="549"/>
      <c r="K678" s="549"/>
      <c r="L678" s="551"/>
    </row>
    <row r="679" spans="1:12" ht="16.149999999999999" customHeight="1">
      <c r="A679" s="735"/>
      <c r="B679" s="736"/>
      <c r="C679" s="490"/>
      <c r="D679" s="489"/>
      <c r="E679" s="491"/>
      <c r="F679" s="487" t="s">
        <v>651</v>
      </c>
      <c r="G679" s="486" t="s">
        <v>651</v>
      </c>
      <c r="H679" s="549"/>
      <c r="I679" s="549"/>
      <c r="J679" s="549"/>
      <c r="K679" s="549"/>
      <c r="L679" s="551"/>
    </row>
    <row r="680" spans="1:12" ht="16.149999999999999" customHeight="1">
      <c r="A680" s="735" t="s">
        <v>691</v>
      </c>
      <c r="B680" s="736"/>
      <c r="C680" s="490" t="s">
        <v>697</v>
      </c>
      <c r="D680" s="489">
        <v>1</v>
      </c>
      <c r="E680" s="488"/>
      <c r="F680" s="487"/>
      <c r="G680" s="486" t="s">
        <v>651</v>
      </c>
      <c r="H680" s="549"/>
      <c r="I680" s="549"/>
      <c r="J680" s="549"/>
      <c r="K680" s="549"/>
      <c r="L680" s="551"/>
    </row>
    <row r="681" spans="1:12" ht="16.149999999999999" customHeight="1">
      <c r="A681" s="737"/>
      <c r="B681" s="738"/>
      <c r="C681" s="485"/>
      <c r="D681" s="484"/>
      <c r="E681" s="483"/>
      <c r="F681" s="482"/>
      <c r="G681" s="481" t="s">
        <v>651</v>
      </c>
      <c r="H681" s="476"/>
      <c r="I681" s="476"/>
      <c r="J681" s="476"/>
      <c r="K681" s="476"/>
      <c r="L681" s="475"/>
    </row>
    <row r="682" spans="1:12" ht="16.149999999999999" customHeight="1">
      <c r="A682" s="733" t="s">
        <v>651</v>
      </c>
      <c r="B682" s="734"/>
      <c r="C682" s="495"/>
      <c r="D682" s="494"/>
      <c r="E682" s="493"/>
      <c r="F682" s="492"/>
      <c r="G682" s="486" t="s">
        <v>651</v>
      </c>
      <c r="H682" s="549"/>
      <c r="I682" s="549"/>
      <c r="J682" s="549"/>
      <c r="K682" s="549"/>
      <c r="L682" s="551"/>
    </row>
    <row r="683" spans="1:12" ht="16.149999999999999" customHeight="1">
      <c r="A683" s="735"/>
      <c r="B683" s="736"/>
      <c r="C683" s="490"/>
      <c r="D683" s="489"/>
      <c r="E683" s="491"/>
      <c r="F683" s="487" t="s">
        <v>651</v>
      </c>
      <c r="G683" s="486" t="s">
        <v>651</v>
      </c>
      <c r="H683" s="549"/>
      <c r="I683" s="549"/>
      <c r="J683" s="549"/>
      <c r="K683" s="549"/>
      <c r="L683" s="551"/>
    </row>
    <row r="684" spans="1:12" ht="16.149999999999999" customHeight="1">
      <c r="A684" s="735" t="s">
        <v>681</v>
      </c>
      <c r="B684" s="736"/>
      <c r="C684" s="490" t="s">
        <v>697</v>
      </c>
      <c r="D684" s="489">
        <v>1</v>
      </c>
      <c r="E684" s="488" t="s">
        <v>618</v>
      </c>
      <c r="F684" s="487"/>
      <c r="G684" s="486" t="s">
        <v>651</v>
      </c>
      <c r="H684" s="549"/>
      <c r="I684" s="549"/>
      <c r="J684" s="549"/>
      <c r="K684" s="549"/>
      <c r="L684" s="551"/>
    </row>
    <row r="685" spans="1:12" ht="16.149999999999999" customHeight="1">
      <c r="A685" s="737"/>
      <c r="B685" s="738"/>
      <c r="C685" s="485"/>
      <c r="D685" s="484"/>
      <c r="E685" s="483"/>
      <c r="F685" s="482"/>
      <c r="G685" s="481" t="s">
        <v>651</v>
      </c>
      <c r="H685" s="476"/>
      <c r="I685" s="476"/>
      <c r="J685" s="476"/>
      <c r="K685" s="476"/>
      <c r="L685" s="475"/>
    </row>
    <row r="687" spans="1:12" ht="16.149999999999999" customHeight="1">
      <c r="A687" s="507" t="s">
        <v>651</v>
      </c>
      <c r="B687" s="479" t="s">
        <v>793</v>
      </c>
      <c r="C687" s="480"/>
      <c r="D687" s="479"/>
      <c r="E687" s="479"/>
      <c r="F687" s="479"/>
      <c r="G687" s="479"/>
      <c r="H687" s="479" t="s">
        <v>617</v>
      </c>
      <c r="I687" s="480" t="s">
        <v>931</v>
      </c>
      <c r="J687" s="479" t="s">
        <v>689</v>
      </c>
      <c r="K687" s="479" t="s">
        <v>688</v>
      </c>
      <c r="L687" s="506"/>
    </row>
    <row r="688" spans="1:12" ht="16.149999999999999" customHeight="1">
      <c r="A688" s="505" t="s">
        <v>651</v>
      </c>
      <c r="B688" s="549" t="s">
        <v>930</v>
      </c>
      <c r="C688" s="550"/>
      <c r="D688" s="549"/>
      <c r="E688" s="549"/>
      <c r="F688" s="549"/>
      <c r="G688" s="478"/>
      <c r="H688" s="549"/>
      <c r="I688" s="504"/>
      <c r="J688" s="503" t="s">
        <v>687</v>
      </c>
      <c r="K688" s="502" t="s">
        <v>697</v>
      </c>
      <c r="L688" s="501" t="s">
        <v>618</v>
      </c>
    </row>
    <row r="689" spans="1:12" ht="16.149999999999999" customHeight="1">
      <c r="A689" s="477" t="s">
        <v>651</v>
      </c>
      <c r="B689" s="549"/>
      <c r="C689" s="550"/>
      <c r="D689" s="549"/>
      <c r="E689" s="549"/>
      <c r="F689" s="549"/>
      <c r="G689" s="478"/>
      <c r="H689" s="478"/>
      <c r="I689" s="478"/>
      <c r="J689" s="478"/>
      <c r="K689" s="478"/>
      <c r="L689" s="501"/>
    </row>
    <row r="690" spans="1:12" ht="16.149999999999999" customHeight="1">
      <c r="A690" s="498" t="s">
        <v>686</v>
      </c>
      <c r="B690" s="500"/>
      <c r="C690" s="499" t="s">
        <v>309</v>
      </c>
      <c r="D690" s="499" t="s">
        <v>685</v>
      </c>
      <c r="E690" s="499" t="s">
        <v>684</v>
      </c>
      <c r="F690" s="499" t="s">
        <v>683</v>
      </c>
      <c r="G690" s="498" t="s">
        <v>682</v>
      </c>
      <c r="H690" s="497"/>
      <c r="I690" s="497"/>
      <c r="J690" s="497"/>
      <c r="K690" s="497"/>
      <c r="L690" s="496"/>
    </row>
    <row r="691" spans="1:12" ht="16.149999999999999" customHeight="1">
      <c r="A691" s="733" t="s">
        <v>721</v>
      </c>
      <c r="B691" s="734"/>
      <c r="C691" s="495"/>
      <c r="D691" s="494"/>
      <c r="E691" s="493"/>
      <c r="F691" s="492"/>
      <c r="G691" s="486" t="s">
        <v>651</v>
      </c>
      <c r="H691" s="549"/>
      <c r="I691" s="549"/>
      <c r="J691" s="549"/>
      <c r="K691" s="549"/>
      <c r="L691" s="551"/>
    </row>
    <row r="692" spans="1:12" ht="16.149999999999999" customHeight="1">
      <c r="A692" s="735"/>
      <c r="B692" s="736"/>
      <c r="C692" s="490"/>
      <c r="D692" s="489"/>
      <c r="E692" s="491"/>
      <c r="F692" s="487" t="s">
        <v>651</v>
      </c>
      <c r="G692" s="486" t="s">
        <v>651</v>
      </c>
      <c r="H692" s="549"/>
      <c r="I692" s="549"/>
      <c r="J692" s="549"/>
      <c r="K692" s="549"/>
      <c r="L692" s="551"/>
    </row>
    <row r="693" spans="1:12" ht="16.149999999999999" customHeight="1">
      <c r="A693" s="735" t="s">
        <v>651</v>
      </c>
      <c r="B693" s="736"/>
      <c r="C693" s="490" t="s">
        <v>248</v>
      </c>
      <c r="D693" s="489"/>
      <c r="E693" s="488"/>
      <c r="F693" s="487"/>
      <c r="G693" s="486" t="s">
        <v>651</v>
      </c>
      <c r="H693" s="549"/>
      <c r="I693" s="549"/>
      <c r="J693" s="549"/>
      <c r="K693" s="549"/>
      <c r="L693" s="551"/>
    </row>
    <row r="694" spans="1:12" ht="16.149999999999999" customHeight="1">
      <c r="A694" s="737"/>
      <c r="B694" s="738"/>
      <c r="C694" s="485"/>
      <c r="D694" s="484"/>
      <c r="E694" s="483"/>
      <c r="F694" s="482"/>
      <c r="G694" s="481" t="s">
        <v>651</v>
      </c>
      <c r="H694" s="476"/>
      <c r="I694" s="476"/>
      <c r="J694" s="476"/>
      <c r="K694" s="476"/>
      <c r="L694" s="475"/>
    </row>
    <row r="695" spans="1:12" ht="16.149999999999999" customHeight="1">
      <c r="A695" s="733" t="s">
        <v>250</v>
      </c>
      <c r="B695" s="734"/>
      <c r="C695" s="495"/>
      <c r="D695" s="494"/>
      <c r="E695" s="493"/>
      <c r="F695" s="492"/>
      <c r="G695" s="486" t="s">
        <v>651</v>
      </c>
      <c r="H695" s="549"/>
      <c r="I695" s="549"/>
      <c r="J695" s="549"/>
      <c r="K695" s="549"/>
      <c r="L695" s="551"/>
    </row>
    <row r="696" spans="1:12" ht="16.149999999999999" customHeight="1">
      <c r="A696" s="735"/>
      <c r="B696" s="736"/>
      <c r="C696" s="490"/>
      <c r="D696" s="489"/>
      <c r="E696" s="491"/>
      <c r="F696" s="487" t="s">
        <v>651</v>
      </c>
      <c r="G696" s="486" t="s">
        <v>651</v>
      </c>
      <c r="H696" s="549"/>
      <c r="I696" s="549"/>
      <c r="J696" s="549"/>
      <c r="K696" s="549"/>
      <c r="L696" s="551"/>
    </row>
    <row r="697" spans="1:12" ht="16.149999999999999" customHeight="1">
      <c r="A697" s="735" t="s">
        <v>651</v>
      </c>
      <c r="B697" s="736"/>
      <c r="C697" s="490" t="s">
        <v>248</v>
      </c>
      <c r="D697" s="489"/>
      <c r="E697" s="488"/>
      <c r="F697" s="487"/>
      <c r="G697" s="486" t="s">
        <v>651</v>
      </c>
      <c r="H697" s="549"/>
      <c r="I697" s="549"/>
      <c r="J697" s="549"/>
      <c r="K697" s="549"/>
      <c r="L697" s="551"/>
    </row>
    <row r="698" spans="1:12" ht="16.149999999999999" customHeight="1">
      <c r="A698" s="737"/>
      <c r="B698" s="738"/>
      <c r="C698" s="485"/>
      <c r="D698" s="484"/>
      <c r="E698" s="483"/>
      <c r="F698" s="482"/>
      <c r="G698" s="481" t="s">
        <v>651</v>
      </c>
      <c r="H698" s="476"/>
      <c r="I698" s="476"/>
      <c r="J698" s="476"/>
      <c r="K698" s="476"/>
      <c r="L698" s="475"/>
    </row>
    <row r="701" spans="1:12" ht="16.149999999999999" customHeight="1">
      <c r="A701" s="507" t="s">
        <v>651</v>
      </c>
      <c r="B701" s="479" t="s">
        <v>793</v>
      </c>
      <c r="C701" s="480"/>
      <c r="D701" s="479"/>
      <c r="E701" s="479"/>
      <c r="F701" s="479"/>
      <c r="G701" s="479"/>
      <c r="H701" s="479" t="s">
        <v>617</v>
      </c>
      <c r="I701" s="480" t="s">
        <v>931</v>
      </c>
      <c r="J701" s="479" t="s">
        <v>689</v>
      </c>
      <c r="K701" s="479" t="s">
        <v>688</v>
      </c>
      <c r="L701" s="506"/>
    </row>
    <row r="702" spans="1:12" ht="16.149999999999999" customHeight="1">
      <c r="A702" s="505" t="s">
        <v>651</v>
      </c>
      <c r="B702" s="549" t="s">
        <v>930</v>
      </c>
      <c r="C702" s="550"/>
      <c r="D702" s="549"/>
      <c r="E702" s="549"/>
      <c r="F702" s="549"/>
      <c r="G702" s="478"/>
      <c r="H702" s="549"/>
      <c r="I702" s="504"/>
      <c r="J702" s="503" t="s">
        <v>687</v>
      </c>
      <c r="K702" s="502" t="s">
        <v>697</v>
      </c>
      <c r="L702" s="501" t="s">
        <v>618</v>
      </c>
    </row>
    <row r="703" spans="1:12" ht="16.149999999999999" customHeight="1">
      <c r="A703" s="477" t="s">
        <v>651</v>
      </c>
      <c r="B703" s="549"/>
      <c r="C703" s="550"/>
      <c r="D703" s="549"/>
      <c r="E703" s="549"/>
      <c r="F703" s="549"/>
      <c r="G703" s="478"/>
      <c r="H703" s="478"/>
      <c r="I703" s="478"/>
      <c r="J703" s="478"/>
      <c r="K703" s="478"/>
      <c r="L703" s="501"/>
    </row>
    <row r="704" spans="1:12" ht="16.149999999999999" customHeight="1">
      <c r="A704" s="498" t="s">
        <v>686</v>
      </c>
      <c r="B704" s="500"/>
      <c r="C704" s="499" t="s">
        <v>309</v>
      </c>
      <c r="D704" s="499" t="s">
        <v>685</v>
      </c>
      <c r="E704" s="499" t="s">
        <v>684</v>
      </c>
      <c r="F704" s="499" t="s">
        <v>683</v>
      </c>
      <c r="G704" s="498" t="s">
        <v>682</v>
      </c>
      <c r="H704" s="497"/>
      <c r="I704" s="497"/>
      <c r="J704" s="497"/>
      <c r="K704" s="497"/>
      <c r="L704" s="496"/>
    </row>
    <row r="705" spans="1:12" ht="16.149999999999999" customHeight="1">
      <c r="A705" s="733" t="s">
        <v>788</v>
      </c>
      <c r="B705" s="734"/>
      <c r="C705" s="495"/>
      <c r="D705" s="494"/>
      <c r="E705" s="493"/>
      <c r="F705" s="492"/>
      <c r="G705" s="486" t="s">
        <v>933</v>
      </c>
      <c r="H705" s="549"/>
      <c r="I705" s="549"/>
      <c r="J705" s="549"/>
      <c r="K705" s="549"/>
      <c r="L705" s="551"/>
    </row>
    <row r="706" spans="1:12" ht="16.149999999999999" customHeight="1">
      <c r="A706" s="735"/>
      <c r="B706" s="736"/>
      <c r="C706" s="490"/>
      <c r="D706" s="489"/>
      <c r="E706" s="491"/>
      <c r="F706" s="487" t="s">
        <v>651</v>
      </c>
      <c r="G706" s="486" t="s">
        <v>651</v>
      </c>
      <c r="H706" s="549"/>
      <c r="I706" s="549"/>
      <c r="J706" s="549"/>
      <c r="K706" s="549"/>
      <c r="L706" s="551"/>
    </row>
    <row r="707" spans="1:12" ht="16.149999999999999" customHeight="1">
      <c r="A707" s="735" t="s">
        <v>905</v>
      </c>
      <c r="B707" s="736"/>
      <c r="C707" s="490" t="s">
        <v>621</v>
      </c>
      <c r="D707" s="489"/>
      <c r="E707" s="488"/>
      <c r="F707" s="487"/>
      <c r="G707" s="486" t="s">
        <v>651</v>
      </c>
      <c r="H707" s="549"/>
      <c r="I707" s="549"/>
      <c r="J707" s="549"/>
      <c r="K707" s="549"/>
      <c r="L707" s="551"/>
    </row>
    <row r="708" spans="1:12" ht="16.149999999999999" customHeight="1">
      <c r="A708" s="737"/>
      <c r="B708" s="738"/>
      <c r="C708" s="485"/>
      <c r="D708" s="484"/>
      <c r="E708" s="483"/>
      <c r="F708" s="482"/>
      <c r="G708" s="481" t="s">
        <v>651</v>
      </c>
      <c r="H708" s="476"/>
      <c r="I708" s="476"/>
      <c r="J708" s="476"/>
      <c r="K708" s="476"/>
      <c r="L708" s="475"/>
    </row>
    <row r="709" spans="1:12" ht="16.149999999999999" customHeight="1">
      <c r="A709" s="733" t="s">
        <v>783</v>
      </c>
      <c r="B709" s="734"/>
      <c r="C709" s="495"/>
      <c r="D709" s="494"/>
      <c r="E709" s="493"/>
      <c r="F709" s="492"/>
      <c r="G709" s="486" t="s">
        <v>932</v>
      </c>
      <c r="H709" s="549"/>
      <c r="I709" s="549"/>
      <c r="J709" s="549"/>
      <c r="K709" s="549"/>
      <c r="L709" s="551"/>
    </row>
    <row r="710" spans="1:12" ht="16.149999999999999" customHeight="1">
      <c r="A710" s="735"/>
      <c r="B710" s="736"/>
      <c r="C710" s="490"/>
      <c r="D710" s="489"/>
      <c r="E710" s="491"/>
      <c r="F710" s="487" t="s">
        <v>651</v>
      </c>
      <c r="G710" s="486" t="s">
        <v>651</v>
      </c>
      <c r="H710" s="549"/>
      <c r="I710" s="549"/>
      <c r="J710" s="549"/>
      <c r="K710" s="549"/>
      <c r="L710" s="551"/>
    </row>
    <row r="711" spans="1:12" ht="16.149999999999999" customHeight="1">
      <c r="A711" s="735" t="s">
        <v>1684</v>
      </c>
      <c r="B711" s="736"/>
      <c r="C711" s="490" t="s">
        <v>242</v>
      </c>
      <c r="D711" s="489">
        <v>1</v>
      </c>
      <c r="E711" s="488"/>
      <c r="F711" s="487"/>
      <c r="G711" s="486" t="s">
        <v>651</v>
      </c>
      <c r="H711" s="549"/>
      <c r="I711" s="549"/>
      <c r="J711" s="549"/>
      <c r="K711" s="549"/>
      <c r="L711" s="551"/>
    </row>
    <row r="712" spans="1:12" ht="16.149999999999999" customHeight="1">
      <c r="A712" s="737"/>
      <c r="B712" s="738"/>
      <c r="C712" s="485"/>
      <c r="D712" s="484"/>
      <c r="E712" s="483"/>
      <c r="F712" s="482"/>
      <c r="G712" s="481" t="s">
        <v>651</v>
      </c>
      <c r="H712" s="476"/>
      <c r="I712" s="476"/>
      <c r="J712" s="476"/>
      <c r="K712" s="476"/>
      <c r="L712" s="475"/>
    </row>
    <row r="713" spans="1:12" ht="16.149999999999999" customHeight="1">
      <c r="A713" s="733" t="s">
        <v>700</v>
      </c>
      <c r="B713" s="734"/>
      <c r="C713" s="495"/>
      <c r="D713" s="494"/>
      <c r="E713" s="493"/>
      <c r="F713" s="492"/>
      <c r="G713" s="486" t="s">
        <v>651</v>
      </c>
      <c r="H713" s="549"/>
      <c r="I713" s="549"/>
      <c r="J713" s="549"/>
      <c r="K713" s="549"/>
      <c r="L713" s="551"/>
    </row>
    <row r="714" spans="1:12" ht="16.149999999999999" customHeight="1">
      <c r="A714" s="735"/>
      <c r="B714" s="736"/>
      <c r="C714" s="490"/>
      <c r="D714" s="489"/>
      <c r="E714" s="491"/>
      <c r="F714" s="487" t="s">
        <v>651</v>
      </c>
      <c r="G714" s="486" t="s">
        <v>651</v>
      </c>
      <c r="H714" s="549"/>
      <c r="I714" s="549"/>
      <c r="J714" s="549"/>
      <c r="K714" s="549"/>
      <c r="L714" s="551"/>
    </row>
    <row r="715" spans="1:12" ht="16.149999999999999" customHeight="1">
      <c r="A715" s="735" t="s">
        <v>651</v>
      </c>
      <c r="B715" s="736"/>
      <c r="C715" s="490" t="s">
        <v>242</v>
      </c>
      <c r="D715" s="489">
        <v>1</v>
      </c>
      <c r="E715" s="488"/>
      <c r="F715" s="487"/>
      <c r="G715" s="486" t="s">
        <v>651</v>
      </c>
      <c r="H715" s="549"/>
      <c r="I715" s="549"/>
      <c r="J715" s="549"/>
      <c r="K715" s="549"/>
      <c r="L715" s="551"/>
    </row>
    <row r="716" spans="1:12" ht="16.149999999999999" customHeight="1">
      <c r="A716" s="737"/>
      <c r="B716" s="738"/>
      <c r="C716" s="485"/>
      <c r="D716" s="484"/>
      <c r="E716" s="483"/>
      <c r="F716" s="482"/>
      <c r="G716" s="481" t="s">
        <v>651</v>
      </c>
      <c r="H716" s="476"/>
      <c r="I716" s="476"/>
      <c r="J716" s="476"/>
      <c r="K716" s="476"/>
      <c r="L716" s="475"/>
    </row>
    <row r="717" spans="1:12" ht="16.149999999999999" customHeight="1">
      <c r="A717" s="733" t="s">
        <v>651</v>
      </c>
      <c r="B717" s="734"/>
      <c r="C717" s="495"/>
      <c r="D717" s="494"/>
      <c r="E717" s="493"/>
      <c r="F717" s="492"/>
      <c r="G717" s="486" t="s">
        <v>651</v>
      </c>
      <c r="H717" s="549"/>
      <c r="I717" s="549"/>
      <c r="J717" s="549"/>
      <c r="K717" s="549"/>
      <c r="L717" s="551"/>
    </row>
    <row r="718" spans="1:12" ht="16.149999999999999" customHeight="1">
      <c r="A718" s="735"/>
      <c r="B718" s="736"/>
      <c r="C718" s="490"/>
      <c r="D718" s="489"/>
      <c r="E718" s="491"/>
      <c r="F718" s="487" t="s">
        <v>651</v>
      </c>
      <c r="G718" s="486" t="s">
        <v>651</v>
      </c>
      <c r="H718" s="549"/>
      <c r="I718" s="549"/>
      <c r="J718" s="549"/>
      <c r="K718" s="549"/>
      <c r="L718" s="551"/>
    </row>
    <row r="719" spans="1:12" ht="16.149999999999999" customHeight="1">
      <c r="A719" s="735" t="s">
        <v>691</v>
      </c>
      <c r="B719" s="736"/>
      <c r="C719" s="490" t="s">
        <v>697</v>
      </c>
      <c r="D719" s="489">
        <v>1</v>
      </c>
      <c r="E719" s="488"/>
      <c r="F719" s="487"/>
      <c r="G719" s="486" t="s">
        <v>651</v>
      </c>
      <c r="H719" s="549"/>
      <c r="I719" s="549"/>
      <c r="J719" s="549"/>
      <c r="K719" s="549"/>
      <c r="L719" s="551"/>
    </row>
    <row r="720" spans="1:12" ht="16.149999999999999" customHeight="1">
      <c r="A720" s="737"/>
      <c r="B720" s="738"/>
      <c r="C720" s="485"/>
      <c r="D720" s="484"/>
      <c r="E720" s="483"/>
      <c r="F720" s="482"/>
      <c r="G720" s="481" t="s">
        <v>651</v>
      </c>
      <c r="H720" s="476"/>
      <c r="I720" s="476"/>
      <c r="J720" s="476"/>
      <c r="K720" s="476"/>
      <c r="L720" s="475"/>
    </row>
    <row r="721" spans="1:12" ht="16.149999999999999" customHeight="1">
      <c r="A721" s="733" t="s">
        <v>651</v>
      </c>
      <c r="B721" s="734"/>
      <c r="C721" s="495"/>
      <c r="D721" s="494"/>
      <c r="E721" s="493"/>
      <c r="F721" s="492"/>
      <c r="G721" s="486" t="s">
        <v>651</v>
      </c>
      <c r="H721" s="549"/>
      <c r="I721" s="549"/>
      <c r="J721" s="549"/>
      <c r="K721" s="549"/>
      <c r="L721" s="551"/>
    </row>
    <row r="722" spans="1:12" ht="16.149999999999999" customHeight="1">
      <c r="A722" s="735"/>
      <c r="B722" s="736"/>
      <c r="C722" s="490"/>
      <c r="D722" s="489"/>
      <c r="E722" s="491"/>
      <c r="F722" s="487" t="s">
        <v>651</v>
      </c>
      <c r="G722" s="486" t="s">
        <v>651</v>
      </c>
      <c r="H722" s="549"/>
      <c r="I722" s="549"/>
      <c r="J722" s="549"/>
      <c r="K722" s="549"/>
      <c r="L722" s="551"/>
    </row>
    <row r="723" spans="1:12" ht="16.149999999999999" customHeight="1">
      <c r="A723" s="735" t="s">
        <v>681</v>
      </c>
      <c r="B723" s="736"/>
      <c r="C723" s="490" t="s">
        <v>697</v>
      </c>
      <c r="D723" s="489">
        <v>1</v>
      </c>
      <c r="E723" s="488" t="s">
        <v>618</v>
      </c>
      <c r="F723" s="487"/>
      <c r="G723" s="486" t="s">
        <v>651</v>
      </c>
      <c r="H723" s="549"/>
      <c r="I723" s="549"/>
      <c r="J723" s="549"/>
      <c r="K723" s="549"/>
      <c r="L723" s="551"/>
    </row>
    <row r="724" spans="1:12" ht="16.149999999999999" customHeight="1">
      <c r="A724" s="737"/>
      <c r="B724" s="738"/>
      <c r="C724" s="485"/>
      <c r="D724" s="484"/>
      <c r="E724" s="483"/>
      <c r="F724" s="482"/>
      <c r="G724" s="481" t="s">
        <v>651</v>
      </c>
      <c r="H724" s="476"/>
      <c r="I724" s="476"/>
      <c r="J724" s="476"/>
      <c r="K724" s="476"/>
      <c r="L724" s="475"/>
    </row>
    <row r="726" spans="1:12" ht="16.149999999999999" customHeight="1">
      <c r="A726" s="507" t="s">
        <v>651</v>
      </c>
      <c r="B726" s="479" t="s">
        <v>788</v>
      </c>
      <c r="C726" s="480"/>
      <c r="D726" s="479"/>
      <c r="E726" s="479"/>
      <c r="F726" s="479"/>
      <c r="G726" s="479"/>
      <c r="H726" s="479" t="s">
        <v>617</v>
      </c>
      <c r="I726" s="480" t="s">
        <v>929</v>
      </c>
      <c r="J726" s="479" t="s">
        <v>689</v>
      </c>
      <c r="K726" s="479" t="s">
        <v>688</v>
      </c>
      <c r="L726" s="506"/>
    </row>
    <row r="727" spans="1:12" ht="16.149999999999999" customHeight="1">
      <c r="A727" s="505" t="s">
        <v>651</v>
      </c>
      <c r="B727" s="549" t="s">
        <v>905</v>
      </c>
      <c r="C727" s="550"/>
      <c r="D727" s="549"/>
      <c r="E727" s="549"/>
      <c r="F727" s="549"/>
      <c r="G727" s="478"/>
      <c r="H727" s="549"/>
      <c r="I727" s="504"/>
      <c r="J727" s="503" t="s">
        <v>687</v>
      </c>
      <c r="K727" s="502" t="s">
        <v>697</v>
      </c>
      <c r="L727" s="501" t="s">
        <v>618</v>
      </c>
    </row>
    <row r="728" spans="1:12" ht="16.149999999999999" customHeight="1">
      <c r="A728" s="477" t="s">
        <v>651</v>
      </c>
      <c r="B728" s="549"/>
      <c r="C728" s="550"/>
      <c r="D728" s="549"/>
      <c r="E728" s="549"/>
      <c r="F728" s="549"/>
      <c r="G728" s="478"/>
      <c r="H728" s="478"/>
      <c r="I728" s="478"/>
      <c r="J728" s="478"/>
      <c r="K728" s="478"/>
      <c r="L728" s="501"/>
    </row>
    <row r="729" spans="1:12" ht="16.149999999999999" customHeight="1">
      <c r="A729" s="498" t="s">
        <v>686</v>
      </c>
      <c r="B729" s="500"/>
      <c r="C729" s="499" t="s">
        <v>309</v>
      </c>
      <c r="D729" s="499" t="s">
        <v>685</v>
      </c>
      <c r="E729" s="499" t="s">
        <v>684</v>
      </c>
      <c r="F729" s="499" t="s">
        <v>683</v>
      </c>
      <c r="G729" s="498" t="s">
        <v>682</v>
      </c>
      <c r="H729" s="497"/>
      <c r="I729" s="497"/>
      <c r="J729" s="497"/>
      <c r="K729" s="497"/>
      <c r="L729" s="496"/>
    </row>
    <row r="730" spans="1:12" ht="16.149999999999999" customHeight="1">
      <c r="A730" s="733" t="s">
        <v>788</v>
      </c>
      <c r="B730" s="734"/>
      <c r="C730" s="495"/>
      <c r="D730" s="494"/>
      <c r="E730" s="493"/>
      <c r="F730" s="492"/>
      <c r="G730" s="486" t="s">
        <v>651</v>
      </c>
      <c r="H730" s="549"/>
      <c r="I730" s="549"/>
      <c r="J730" s="549"/>
      <c r="K730" s="549"/>
      <c r="L730" s="551"/>
    </row>
    <row r="731" spans="1:12" ht="16.149999999999999" customHeight="1">
      <c r="A731" s="735"/>
      <c r="B731" s="736"/>
      <c r="C731" s="490"/>
      <c r="D731" s="489"/>
      <c r="E731" s="491"/>
      <c r="F731" s="487" t="s">
        <v>651</v>
      </c>
      <c r="G731" s="486" t="s">
        <v>651</v>
      </c>
      <c r="H731" s="549"/>
      <c r="I731" s="549"/>
      <c r="J731" s="549"/>
      <c r="K731" s="549"/>
      <c r="L731" s="551"/>
    </row>
    <row r="732" spans="1:12" ht="16.149999999999999" customHeight="1">
      <c r="A732" s="735" t="s">
        <v>928</v>
      </c>
      <c r="B732" s="736"/>
      <c r="C732" s="490" t="s">
        <v>697</v>
      </c>
      <c r="D732" s="489">
        <v>1</v>
      </c>
      <c r="E732" s="488"/>
      <c r="F732" s="487"/>
      <c r="G732" s="486" t="s">
        <v>651</v>
      </c>
      <c r="H732" s="549"/>
      <c r="I732" s="549"/>
      <c r="J732" s="549"/>
      <c r="K732" s="549"/>
      <c r="L732" s="551"/>
    </row>
    <row r="733" spans="1:12" ht="16.149999999999999" customHeight="1">
      <c r="A733" s="737"/>
      <c r="B733" s="738"/>
      <c r="C733" s="485"/>
      <c r="D733" s="484"/>
      <c r="E733" s="483"/>
      <c r="F733" s="482"/>
      <c r="G733" s="481" t="s">
        <v>651</v>
      </c>
      <c r="H733" s="476"/>
      <c r="I733" s="476"/>
      <c r="J733" s="476"/>
      <c r="K733" s="476"/>
      <c r="L733" s="475"/>
    </row>
    <row r="736" spans="1:12" ht="16.149999999999999" customHeight="1">
      <c r="A736" s="507" t="s">
        <v>651</v>
      </c>
      <c r="B736" s="479" t="s">
        <v>788</v>
      </c>
      <c r="C736" s="480"/>
      <c r="D736" s="479"/>
      <c r="E736" s="479"/>
      <c r="F736" s="479"/>
      <c r="G736" s="479"/>
      <c r="H736" s="479" t="s">
        <v>617</v>
      </c>
      <c r="I736" s="480" t="s">
        <v>929</v>
      </c>
      <c r="J736" s="479" t="s">
        <v>689</v>
      </c>
      <c r="K736" s="479" t="s">
        <v>688</v>
      </c>
      <c r="L736" s="506"/>
    </row>
    <row r="737" spans="1:12" ht="16.149999999999999" customHeight="1">
      <c r="A737" s="505" t="s">
        <v>651</v>
      </c>
      <c r="B737" s="549" t="s">
        <v>905</v>
      </c>
      <c r="C737" s="550"/>
      <c r="D737" s="549"/>
      <c r="E737" s="549"/>
      <c r="F737" s="549"/>
      <c r="G737" s="478"/>
      <c r="H737" s="549"/>
      <c r="I737" s="504"/>
      <c r="J737" s="503" t="s">
        <v>687</v>
      </c>
      <c r="K737" s="502" t="s">
        <v>697</v>
      </c>
      <c r="L737" s="501" t="s">
        <v>618</v>
      </c>
    </row>
    <row r="738" spans="1:12" ht="16.149999999999999" customHeight="1">
      <c r="A738" s="477" t="s">
        <v>651</v>
      </c>
      <c r="B738" s="549"/>
      <c r="C738" s="550"/>
      <c r="D738" s="549"/>
      <c r="E738" s="549"/>
      <c r="F738" s="549"/>
      <c r="G738" s="478"/>
      <c r="H738" s="478"/>
      <c r="I738" s="478"/>
      <c r="J738" s="478"/>
      <c r="K738" s="478"/>
      <c r="L738" s="501"/>
    </row>
    <row r="739" spans="1:12" ht="16.149999999999999" customHeight="1">
      <c r="A739" s="498" t="s">
        <v>686</v>
      </c>
      <c r="B739" s="500"/>
      <c r="C739" s="499" t="s">
        <v>309</v>
      </c>
      <c r="D739" s="499" t="s">
        <v>685</v>
      </c>
      <c r="E739" s="499" t="s">
        <v>684</v>
      </c>
      <c r="F739" s="499" t="s">
        <v>683</v>
      </c>
      <c r="G739" s="498" t="s">
        <v>682</v>
      </c>
      <c r="H739" s="497"/>
      <c r="I739" s="497"/>
      <c r="J739" s="497"/>
      <c r="K739" s="497"/>
      <c r="L739" s="496"/>
    </row>
    <row r="740" spans="1:12" ht="16.149999999999999" customHeight="1">
      <c r="A740" s="733" t="s">
        <v>777</v>
      </c>
      <c r="B740" s="734"/>
      <c r="C740" s="495"/>
      <c r="D740" s="494"/>
      <c r="E740" s="493"/>
      <c r="F740" s="492"/>
      <c r="G740" s="486" t="s">
        <v>651</v>
      </c>
      <c r="H740" s="549"/>
      <c r="I740" s="549"/>
      <c r="J740" s="549"/>
      <c r="K740" s="549"/>
      <c r="L740" s="551"/>
    </row>
    <row r="741" spans="1:12" ht="16.149999999999999" customHeight="1">
      <c r="A741" s="735"/>
      <c r="B741" s="736"/>
      <c r="C741" s="490"/>
      <c r="D741" s="489"/>
      <c r="E741" s="491"/>
      <c r="F741" s="487" t="s">
        <v>651</v>
      </c>
      <c r="G741" s="486" t="s">
        <v>651</v>
      </c>
      <c r="H741" s="549"/>
      <c r="I741" s="549"/>
      <c r="J741" s="549"/>
      <c r="K741" s="549"/>
      <c r="L741" s="551"/>
    </row>
    <row r="742" spans="1:12" ht="16.149999999999999" customHeight="1">
      <c r="A742" s="735" t="s">
        <v>926</v>
      </c>
      <c r="B742" s="736"/>
      <c r="C742" s="490" t="s">
        <v>697</v>
      </c>
      <c r="D742" s="489">
        <v>1</v>
      </c>
      <c r="E742" s="488"/>
      <c r="F742" s="487"/>
      <c r="G742" s="486" t="s">
        <v>651</v>
      </c>
      <c r="H742" s="549"/>
      <c r="I742" s="549"/>
      <c r="J742" s="549"/>
      <c r="K742" s="549"/>
      <c r="L742" s="551"/>
    </row>
    <row r="743" spans="1:12" ht="16.149999999999999" customHeight="1">
      <c r="A743" s="737"/>
      <c r="B743" s="738"/>
      <c r="C743" s="485"/>
      <c r="D743" s="484"/>
      <c r="E743" s="483"/>
      <c r="F743" s="482"/>
      <c r="G743" s="481" t="s">
        <v>651</v>
      </c>
      <c r="H743" s="476"/>
      <c r="I743" s="476"/>
      <c r="J743" s="476"/>
      <c r="K743" s="476"/>
      <c r="L743" s="475"/>
    </row>
    <row r="744" spans="1:12" ht="16.149999999999999" customHeight="1">
      <c r="A744" s="733" t="s">
        <v>651</v>
      </c>
      <c r="B744" s="734"/>
      <c r="C744" s="495"/>
      <c r="D744" s="494"/>
      <c r="E744" s="493"/>
      <c r="F744" s="492"/>
      <c r="G744" s="486" t="s">
        <v>651</v>
      </c>
      <c r="H744" s="549"/>
      <c r="I744" s="549"/>
      <c r="J744" s="549"/>
      <c r="K744" s="549"/>
      <c r="L744" s="551"/>
    </row>
    <row r="745" spans="1:12" ht="16.149999999999999" customHeight="1">
      <c r="A745" s="735"/>
      <c r="B745" s="736"/>
      <c r="C745" s="490"/>
      <c r="D745" s="489"/>
      <c r="E745" s="491"/>
      <c r="F745" s="487" t="s">
        <v>651</v>
      </c>
      <c r="G745" s="486" t="s">
        <v>651</v>
      </c>
      <c r="H745" s="549"/>
      <c r="I745" s="549"/>
      <c r="J745" s="549"/>
      <c r="K745" s="549"/>
      <c r="L745" s="551"/>
    </row>
    <row r="746" spans="1:12" ht="16.149999999999999" customHeight="1">
      <c r="A746" s="735" t="s">
        <v>691</v>
      </c>
      <c r="B746" s="736"/>
      <c r="C746" s="490" t="s">
        <v>697</v>
      </c>
      <c r="D746" s="489">
        <v>1</v>
      </c>
      <c r="E746" s="488"/>
      <c r="F746" s="487"/>
      <c r="G746" s="486" t="s">
        <v>651</v>
      </c>
      <c r="H746" s="549"/>
      <c r="I746" s="549"/>
      <c r="J746" s="549"/>
      <c r="K746" s="549"/>
      <c r="L746" s="551"/>
    </row>
    <row r="747" spans="1:12" ht="16.149999999999999" customHeight="1">
      <c r="A747" s="737"/>
      <c r="B747" s="738"/>
      <c r="C747" s="485"/>
      <c r="D747" s="484"/>
      <c r="E747" s="483"/>
      <c r="F747" s="482"/>
      <c r="G747" s="481" t="s">
        <v>651</v>
      </c>
      <c r="H747" s="476"/>
      <c r="I747" s="476"/>
      <c r="J747" s="476"/>
      <c r="K747" s="476"/>
      <c r="L747" s="475"/>
    </row>
    <row r="748" spans="1:12" ht="16.149999999999999" customHeight="1">
      <c r="A748" s="733" t="s">
        <v>651</v>
      </c>
      <c r="B748" s="734"/>
      <c r="C748" s="495"/>
      <c r="D748" s="494"/>
      <c r="E748" s="493"/>
      <c r="F748" s="492"/>
      <c r="G748" s="486" t="s">
        <v>651</v>
      </c>
      <c r="H748" s="549"/>
      <c r="I748" s="549"/>
      <c r="J748" s="549"/>
      <c r="K748" s="549"/>
      <c r="L748" s="551"/>
    </row>
    <row r="749" spans="1:12" ht="16.149999999999999" customHeight="1">
      <c r="A749" s="735"/>
      <c r="B749" s="736"/>
      <c r="C749" s="490"/>
      <c r="D749" s="489"/>
      <c r="E749" s="491"/>
      <c r="F749" s="487" t="s">
        <v>651</v>
      </c>
      <c r="G749" s="486" t="s">
        <v>651</v>
      </c>
      <c r="H749" s="549"/>
      <c r="I749" s="549"/>
      <c r="J749" s="549"/>
      <c r="K749" s="549"/>
      <c r="L749" s="551"/>
    </row>
    <row r="750" spans="1:12" ht="16.149999999999999" customHeight="1">
      <c r="A750" s="735" t="s">
        <v>681</v>
      </c>
      <c r="B750" s="736"/>
      <c r="C750" s="490" t="s">
        <v>697</v>
      </c>
      <c r="D750" s="489">
        <v>1</v>
      </c>
      <c r="E750" s="488" t="s">
        <v>618</v>
      </c>
      <c r="F750" s="487"/>
      <c r="G750" s="486" t="s">
        <v>651</v>
      </c>
      <c r="H750" s="549"/>
      <c r="I750" s="549"/>
      <c r="J750" s="549"/>
      <c r="K750" s="549"/>
      <c r="L750" s="551"/>
    </row>
    <row r="751" spans="1:12" ht="16.149999999999999" customHeight="1">
      <c r="A751" s="737"/>
      <c r="B751" s="738"/>
      <c r="C751" s="485"/>
      <c r="D751" s="484"/>
      <c r="E751" s="483"/>
      <c r="F751" s="482"/>
      <c r="G751" s="481" t="s">
        <v>651</v>
      </c>
      <c r="H751" s="476"/>
      <c r="I751" s="476"/>
      <c r="J751" s="476"/>
      <c r="K751" s="476"/>
      <c r="L751" s="475"/>
    </row>
    <row r="753" spans="1:12" ht="16.149999999999999" customHeight="1">
      <c r="A753" s="507" t="s">
        <v>651</v>
      </c>
      <c r="B753" s="479" t="s">
        <v>783</v>
      </c>
      <c r="C753" s="480"/>
      <c r="D753" s="479"/>
      <c r="E753" s="479"/>
      <c r="F753" s="479"/>
      <c r="G753" s="479"/>
      <c r="H753" s="479" t="s">
        <v>617</v>
      </c>
      <c r="I753" s="480" t="s">
        <v>927</v>
      </c>
      <c r="J753" s="479" t="s">
        <v>689</v>
      </c>
      <c r="K753" s="479" t="s">
        <v>688</v>
      </c>
      <c r="L753" s="506"/>
    </row>
    <row r="754" spans="1:12" ht="16.149999999999999" customHeight="1">
      <c r="A754" s="505" t="s">
        <v>651</v>
      </c>
      <c r="B754" s="549" t="s">
        <v>1684</v>
      </c>
      <c r="C754" s="550"/>
      <c r="D754" s="549"/>
      <c r="E754" s="549"/>
      <c r="F754" s="549"/>
      <c r="G754" s="478"/>
      <c r="H754" s="549"/>
      <c r="I754" s="504"/>
      <c r="J754" s="503" t="s">
        <v>687</v>
      </c>
      <c r="K754" s="502" t="s">
        <v>242</v>
      </c>
      <c r="L754" s="501" t="s">
        <v>618</v>
      </c>
    </row>
    <row r="755" spans="1:12" ht="16.149999999999999" customHeight="1">
      <c r="A755" s="477" t="s">
        <v>651</v>
      </c>
      <c r="B755" s="549"/>
      <c r="C755" s="550"/>
      <c r="D755" s="549"/>
      <c r="E755" s="549"/>
      <c r="F755" s="549"/>
      <c r="G755" s="478"/>
      <c r="H755" s="478"/>
      <c r="I755" s="478"/>
      <c r="J755" s="478"/>
      <c r="K755" s="478"/>
      <c r="L755" s="501"/>
    </row>
    <row r="756" spans="1:12" ht="16.149999999999999" customHeight="1">
      <c r="A756" s="498" t="s">
        <v>686</v>
      </c>
      <c r="B756" s="500"/>
      <c r="C756" s="499" t="s">
        <v>309</v>
      </c>
      <c r="D756" s="499" t="s">
        <v>685</v>
      </c>
      <c r="E756" s="499" t="s">
        <v>684</v>
      </c>
      <c r="F756" s="499" t="s">
        <v>683</v>
      </c>
      <c r="G756" s="498" t="s">
        <v>682</v>
      </c>
      <c r="H756" s="497"/>
      <c r="I756" s="497"/>
      <c r="J756" s="497"/>
      <c r="K756" s="497"/>
      <c r="L756" s="496"/>
    </row>
    <row r="757" spans="1:12" ht="16.149999999999999" customHeight="1">
      <c r="A757" s="733" t="s">
        <v>786</v>
      </c>
      <c r="B757" s="734"/>
      <c r="C757" s="495"/>
      <c r="D757" s="494"/>
      <c r="E757" s="493"/>
      <c r="F757" s="492"/>
      <c r="G757" s="486" t="s">
        <v>651</v>
      </c>
      <c r="H757" s="549"/>
      <c r="I757" s="549"/>
      <c r="J757" s="549"/>
      <c r="K757" s="549"/>
      <c r="L757" s="551"/>
    </row>
    <row r="758" spans="1:12" ht="16.149999999999999" customHeight="1">
      <c r="A758" s="735"/>
      <c r="B758" s="736"/>
      <c r="C758" s="490"/>
      <c r="D758" s="489"/>
      <c r="E758" s="491"/>
      <c r="F758" s="487" t="s">
        <v>651</v>
      </c>
      <c r="G758" s="486" t="s">
        <v>651</v>
      </c>
      <c r="H758" s="549"/>
      <c r="I758" s="549"/>
      <c r="J758" s="549"/>
      <c r="K758" s="549"/>
      <c r="L758" s="551"/>
    </row>
    <row r="759" spans="1:12" ht="16.149999999999999" customHeight="1">
      <c r="A759" s="735" t="s">
        <v>926</v>
      </c>
      <c r="B759" s="736"/>
      <c r="C759" s="490" t="s">
        <v>281</v>
      </c>
      <c r="D759" s="489">
        <v>1</v>
      </c>
      <c r="E759" s="488"/>
      <c r="F759" s="487"/>
      <c r="G759" s="486" t="s">
        <v>651</v>
      </c>
      <c r="H759" s="549"/>
      <c r="I759" s="549"/>
      <c r="J759" s="549"/>
      <c r="K759" s="549"/>
      <c r="L759" s="551"/>
    </row>
    <row r="760" spans="1:12" ht="16.149999999999999" customHeight="1">
      <c r="A760" s="737"/>
      <c r="B760" s="738"/>
      <c r="C760" s="485"/>
      <c r="D760" s="484"/>
      <c r="E760" s="483"/>
      <c r="F760" s="482"/>
      <c r="G760" s="481" t="s">
        <v>651</v>
      </c>
      <c r="H760" s="476"/>
      <c r="I760" s="476"/>
      <c r="J760" s="476"/>
      <c r="K760" s="476"/>
      <c r="L760" s="475"/>
    </row>
    <row r="761" spans="1:12" ht="16.149999999999999" customHeight="1">
      <c r="A761" s="733" t="s">
        <v>785</v>
      </c>
      <c r="B761" s="734"/>
      <c r="C761" s="495"/>
      <c r="D761" s="494"/>
      <c r="E761" s="493"/>
      <c r="F761" s="492"/>
      <c r="G761" s="486" t="s">
        <v>651</v>
      </c>
      <c r="H761" s="549"/>
      <c r="I761" s="549"/>
      <c r="J761" s="549"/>
      <c r="K761" s="549"/>
      <c r="L761" s="551"/>
    </row>
    <row r="762" spans="1:12" ht="16.149999999999999" customHeight="1">
      <c r="A762" s="735"/>
      <c r="B762" s="736"/>
      <c r="C762" s="490"/>
      <c r="D762" s="489"/>
      <c r="E762" s="491"/>
      <c r="F762" s="487" t="s">
        <v>651</v>
      </c>
      <c r="G762" s="486" t="s">
        <v>651</v>
      </c>
      <c r="H762" s="549"/>
      <c r="I762" s="549"/>
      <c r="J762" s="549"/>
      <c r="K762" s="549"/>
      <c r="L762" s="551"/>
    </row>
    <row r="763" spans="1:12" ht="16.149999999999999" customHeight="1">
      <c r="A763" s="735" t="s">
        <v>926</v>
      </c>
      <c r="B763" s="736"/>
      <c r="C763" s="490" t="s">
        <v>281</v>
      </c>
      <c r="D763" s="489">
        <v>1</v>
      </c>
      <c r="E763" s="488"/>
      <c r="F763" s="487"/>
      <c r="G763" s="486" t="s">
        <v>651</v>
      </c>
      <c r="H763" s="549"/>
      <c r="I763" s="549"/>
      <c r="J763" s="549"/>
      <c r="K763" s="549"/>
      <c r="L763" s="551"/>
    </row>
    <row r="764" spans="1:12" ht="16.149999999999999" customHeight="1">
      <c r="A764" s="737"/>
      <c r="B764" s="738"/>
      <c r="C764" s="485"/>
      <c r="D764" s="484"/>
      <c r="E764" s="483"/>
      <c r="F764" s="482"/>
      <c r="G764" s="481" t="s">
        <v>651</v>
      </c>
      <c r="H764" s="476"/>
      <c r="I764" s="476"/>
      <c r="J764" s="476"/>
      <c r="K764" s="476"/>
      <c r="L764" s="475"/>
    </row>
    <row r="765" spans="1:12" ht="16.149999999999999" customHeight="1">
      <c r="A765" s="733" t="s">
        <v>651</v>
      </c>
      <c r="B765" s="734"/>
      <c r="C765" s="495"/>
      <c r="D765" s="494"/>
      <c r="E765" s="493"/>
      <c r="F765" s="492"/>
      <c r="G765" s="486" t="s">
        <v>651</v>
      </c>
      <c r="H765" s="549"/>
      <c r="I765" s="549"/>
      <c r="J765" s="549"/>
      <c r="K765" s="549"/>
      <c r="L765" s="551"/>
    </row>
    <row r="766" spans="1:12" ht="16.149999999999999" customHeight="1">
      <c r="A766" s="735"/>
      <c r="B766" s="736"/>
      <c r="C766" s="490"/>
      <c r="D766" s="489"/>
      <c r="E766" s="491"/>
      <c r="F766" s="487" t="s">
        <v>651</v>
      </c>
      <c r="G766" s="486" t="s">
        <v>651</v>
      </c>
      <c r="H766" s="549"/>
      <c r="I766" s="549"/>
      <c r="J766" s="549"/>
      <c r="K766" s="549"/>
      <c r="L766" s="551"/>
    </row>
    <row r="767" spans="1:12" ht="16.149999999999999" customHeight="1">
      <c r="A767" s="735" t="s">
        <v>691</v>
      </c>
      <c r="B767" s="736"/>
      <c r="C767" s="490" t="s">
        <v>242</v>
      </c>
      <c r="D767" s="489">
        <v>1</v>
      </c>
      <c r="E767" s="488"/>
      <c r="F767" s="487"/>
      <c r="G767" s="486" t="s">
        <v>651</v>
      </c>
      <c r="H767" s="549"/>
      <c r="I767" s="549"/>
      <c r="J767" s="549"/>
      <c r="K767" s="549"/>
      <c r="L767" s="551"/>
    </row>
    <row r="768" spans="1:12" ht="16.149999999999999" customHeight="1">
      <c r="A768" s="737"/>
      <c r="B768" s="738"/>
      <c r="C768" s="485"/>
      <c r="D768" s="484"/>
      <c r="E768" s="483"/>
      <c r="F768" s="482"/>
      <c r="G768" s="481" t="s">
        <v>651</v>
      </c>
      <c r="H768" s="476"/>
      <c r="I768" s="476"/>
      <c r="J768" s="476"/>
      <c r="K768" s="476"/>
      <c r="L768" s="475"/>
    </row>
    <row r="771" spans="1:12" ht="16.149999999999999" customHeight="1">
      <c r="A771" s="507" t="s">
        <v>651</v>
      </c>
      <c r="B771" s="479" t="s">
        <v>783</v>
      </c>
      <c r="C771" s="480"/>
      <c r="D771" s="479"/>
      <c r="E771" s="479"/>
      <c r="F771" s="479"/>
      <c r="G771" s="479"/>
      <c r="H771" s="479" t="s">
        <v>617</v>
      </c>
      <c r="I771" s="480" t="s">
        <v>927</v>
      </c>
      <c r="J771" s="479" t="s">
        <v>689</v>
      </c>
      <c r="K771" s="479" t="s">
        <v>688</v>
      </c>
      <c r="L771" s="506"/>
    </row>
    <row r="772" spans="1:12" ht="16.149999999999999" customHeight="1">
      <c r="A772" s="505" t="s">
        <v>651</v>
      </c>
      <c r="B772" s="549" t="s">
        <v>1684</v>
      </c>
      <c r="C772" s="550"/>
      <c r="D772" s="549"/>
      <c r="E772" s="549"/>
      <c r="F772" s="549"/>
      <c r="G772" s="478"/>
      <c r="H772" s="549"/>
      <c r="I772" s="504"/>
      <c r="J772" s="503" t="s">
        <v>687</v>
      </c>
      <c r="K772" s="502" t="s">
        <v>242</v>
      </c>
      <c r="L772" s="501" t="s">
        <v>618</v>
      </c>
    </row>
    <row r="773" spans="1:12" ht="16.149999999999999" customHeight="1">
      <c r="A773" s="477" t="s">
        <v>651</v>
      </c>
      <c r="B773" s="549"/>
      <c r="C773" s="550"/>
      <c r="D773" s="549"/>
      <c r="E773" s="549"/>
      <c r="F773" s="549"/>
      <c r="G773" s="478"/>
      <c r="H773" s="478"/>
      <c r="I773" s="478"/>
      <c r="J773" s="478"/>
      <c r="K773" s="478"/>
      <c r="L773" s="501"/>
    </row>
    <row r="774" spans="1:12" ht="16.149999999999999" customHeight="1">
      <c r="A774" s="498" t="s">
        <v>686</v>
      </c>
      <c r="B774" s="500"/>
      <c r="C774" s="499" t="s">
        <v>309</v>
      </c>
      <c r="D774" s="499" t="s">
        <v>685</v>
      </c>
      <c r="E774" s="499" t="s">
        <v>684</v>
      </c>
      <c r="F774" s="499" t="s">
        <v>683</v>
      </c>
      <c r="G774" s="498" t="s">
        <v>682</v>
      </c>
      <c r="H774" s="497"/>
      <c r="I774" s="497"/>
      <c r="J774" s="497"/>
      <c r="K774" s="497"/>
      <c r="L774" s="496"/>
    </row>
    <row r="775" spans="1:12" ht="16.149999999999999" customHeight="1">
      <c r="A775" s="733" t="s">
        <v>651</v>
      </c>
      <c r="B775" s="734"/>
      <c r="C775" s="495"/>
      <c r="D775" s="494"/>
      <c r="E775" s="493"/>
      <c r="F775" s="492"/>
      <c r="G775" s="486" t="s">
        <v>651</v>
      </c>
      <c r="H775" s="549"/>
      <c r="I775" s="549"/>
      <c r="J775" s="549"/>
      <c r="K775" s="549"/>
      <c r="L775" s="551"/>
    </row>
    <row r="776" spans="1:12" ht="16.149999999999999" customHeight="1">
      <c r="A776" s="735"/>
      <c r="B776" s="736"/>
      <c r="C776" s="490"/>
      <c r="D776" s="489"/>
      <c r="E776" s="491"/>
      <c r="F776" s="487" t="s">
        <v>651</v>
      </c>
      <c r="G776" s="486" t="s">
        <v>651</v>
      </c>
      <c r="H776" s="549"/>
      <c r="I776" s="549"/>
      <c r="J776" s="549"/>
      <c r="K776" s="549"/>
      <c r="L776" s="551"/>
    </row>
    <row r="777" spans="1:12" ht="16.149999999999999" customHeight="1">
      <c r="A777" s="735" t="s">
        <v>681</v>
      </c>
      <c r="B777" s="736"/>
      <c r="C777" s="490" t="s">
        <v>242</v>
      </c>
      <c r="D777" s="489">
        <v>1</v>
      </c>
      <c r="E777" s="488" t="s">
        <v>618</v>
      </c>
      <c r="F777" s="487"/>
      <c r="G777" s="486" t="s">
        <v>651</v>
      </c>
      <c r="H777" s="549"/>
      <c r="I777" s="549"/>
      <c r="J777" s="549"/>
      <c r="K777" s="549"/>
      <c r="L777" s="551"/>
    </row>
    <row r="778" spans="1:12" ht="16.149999999999999" customHeight="1">
      <c r="A778" s="737"/>
      <c r="B778" s="738"/>
      <c r="C778" s="485"/>
      <c r="D778" s="484"/>
      <c r="E778" s="483"/>
      <c r="F778" s="482"/>
      <c r="G778" s="481" t="s">
        <v>651</v>
      </c>
      <c r="H778" s="476"/>
      <c r="I778" s="476"/>
      <c r="J778" s="476"/>
      <c r="K778" s="476"/>
      <c r="L778" s="475"/>
    </row>
    <row r="780" spans="1:12" ht="16.149999999999999" customHeight="1">
      <c r="A780" s="507" t="s">
        <v>651</v>
      </c>
      <c r="B780" s="479" t="s">
        <v>753</v>
      </c>
      <c r="C780" s="480"/>
      <c r="D780" s="479"/>
      <c r="E780" s="479"/>
      <c r="F780" s="479"/>
      <c r="G780" s="479"/>
      <c r="H780" s="479" t="s">
        <v>617</v>
      </c>
      <c r="I780" s="480" t="s">
        <v>925</v>
      </c>
      <c r="J780" s="479" t="s">
        <v>689</v>
      </c>
      <c r="K780" s="479" t="s">
        <v>688</v>
      </c>
      <c r="L780" s="506"/>
    </row>
    <row r="781" spans="1:12" ht="16.149999999999999" customHeight="1">
      <c r="A781" s="505" t="s">
        <v>651</v>
      </c>
      <c r="B781" s="549" t="s">
        <v>905</v>
      </c>
      <c r="C781" s="550"/>
      <c r="D781" s="549"/>
      <c r="E781" s="549"/>
      <c r="F781" s="549"/>
      <c r="G781" s="478"/>
      <c r="H781" s="549"/>
      <c r="I781" s="504"/>
      <c r="J781" s="503" t="s">
        <v>687</v>
      </c>
      <c r="K781" s="502" t="s">
        <v>697</v>
      </c>
      <c r="L781" s="501" t="s">
        <v>618</v>
      </c>
    </row>
    <row r="782" spans="1:12" ht="16.149999999999999" customHeight="1">
      <c r="A782" s="477" t="s">
        <v>651</v>
      </c>
      <c r="B782" s="549"/>
      <c r="C782" s="550"/>
      <c r="D782" s="549"/>
      <c r="E782" s="549"/>
      <c r="F782" s="549"/>
      <c r="G782" s="478"/>
      <c r="H782" s="478"/>
      <c r="I782" s="478"/>
      <c r="J782" s="478"/>
      <c r="K782" s="478"/>
      <c r="L782" s="501"/>
    </row>
    <row r="783" spans="1:12" ht="16.149999999999999" customHeight="1">
      <c r="A783" s="498" t="s">
        <v>686</v>
      </c>
      <c r="B783" s="500"/>
      <c r="C783" s="499" t="s">
        <v>309</v>
      </c>
      <c r="D783" s="499" t="s">
        <v>685</v>
      </c>
      <c r="E783" s="499" t="s">
        <v>684</v>
      </c>
      <c r="F783" s="499" t="s">
        <v>683</v>
      </c>
      <c r="G783" s="498" t="s">
        <v>682</v>
      </c>
      <c r="H783" s="497"/>
      <c r="I783" s="497"/>
      <c r="J783" s="497"/>
      <c r="K783" s="497"/>
      <c r="L783" s="496"/>
    </row>
    <row r="784" spans="1:12" ht="16.149999999999999" customHeight="1">
      <c r="A784" s="733" t="s">
        <v>701</v>
      </c>
      <c r="B784" s="734"/>
      <c r="C784" s="495"/>
      <c r="D784" s="494"/>
      <c r="E784" s="493"/>
      <c r="F784" s="492"/>
      <c r="G784" s="486" t="s">
        <v>651</v>
      </c>
      <c r="H784" s="549"/>
      <c r="I784" s="549"/>
      <c r="J784" s="549"/>
      <c r="K784" s="549"/>
      <c r="L784" s="551"/>
    </row>
    <row r="785" spans="1:12" ht="16.149999999999999" customHeight="1">
      <c r="A785" s="735"/>
      <c r="B785" s="736"/>
      <c r="C785" s="490"/>
      <c r="D785" s="489"/>
      <c r="E785" s="491"/>
      <c r="F785" s="487" t="s">
        <v>651</v>
      </c>
      <c r="G785" s="486" t="s">
        <v>651</v>
      </c>
      <c r="H785" s="549"/>
      <c r="I785" s="549"/>
      <c r="J785" s="549"/>
      <c r="K785" s="549"/>
      <c r="L785" s="551"/>
    </row>
    <row r="786" spans="1:12" ht="16.149999999999999" customHeight="1">
      <c r="A786" s="735" t="s">
        <v>651</v>
      </c>
      <c r="B786" s="736"/>
      <c r="C786" s="490" t="s">
        <v>248</v>
      </c>
      <c r="D786" s="489"/>
      <c r="E786" s="488"/>
      <c r="F786" s="487"/>
      <c r="G786" s="486" t="s">
        <v>651</v>
      </c>
      <c r="H786" s="549"/>
      <c r="I786" s="549"/>
      <c r="J786" s="549"/>
      <c r="K786" s="549"/>
      <c r="L786" s="551"/>
    </row>
    <row r="787" spans="1:12" ht="16.149999999999999" customHeight="1">
      <c r="A787" s="737"/>
      <c r="B787" s="738"/>
      <c r="C787" s="485"/>
      <c r="D787" s="484"/>
      <c r="E787" s="483"/>
      <c r="F787" s="482"/>
      <c r="G787" s="481" t="s">
        <v>651</v>
      </c>
      <c r="H787" s="476"/>
      <c r="I787" s="476"/>
      <c r="J787" s="476"/>
      <c r="K787" s="476"/>
      <c r="L787" s="475"/>
    </row>
    <row r="788" spans="1:12" ht="16.149999999999999" customHeight="1">
      <c r="A788" s="733" t="s">
        <v>250</v>
      </c>
      <c r="B788" s="734"/>
      <c r="C788" s="495"/>
      <c r="D788" s="494"/>
      <c r="E788" s="493"/>
      <c r="F788" s="492"/>
      <c r="G788" s="486" t="s">
        <v>651</v>
      </c>
      <c r="H788" s="549"/>
      <c r="I788" s="549"/>
      <c r="J788" s="549"/>
      <c r="K788" s="549"/>
      <c r="L788" s="551"/>
    </row>
    <row r="789" spans="1:12" ht="16.149999999999999" customHeight="1">
      <c r="A789" s="735"/>
      <c r="B789" s="736"/>
      <c r="C789" s="490"/>
      <c r="D789" s="489"/>
      <c r="E789" s="491"/>
      <c r="F789" s="487" t="s">
        <v>651</v>
      </c>
      <c r="G789" s="486" t="s">
        <v>651</v>
      </c>
      <c r="H789" s="549"/>
      <c r="I789" s="549"/>
      <c r="J789" s="549"/>
      <c r="K789" s="549"/>
      <c r="L789" s="551"/>
    </row>
    <row r="790" spans="1:12" ht="16.149999999999999" customHeight="1">
      <c r="A790" s="735" t="s">
        <v>651</v>
      </c>
      <c r="B790" s="736"/>
      <c r="C790" s="490" t="s">
        <v>248</v>
      </c>
      <c r="D790" s="489"/>
      <c r="E790" s="488"/>
      <c r="F790" s="487"/>
      <c r="G790" s="486" t="s">
        <v>651</v>
      </c>
      <c r="H790" s="549"/>
      <c r="I790" s="549"/>
      <c r="J790" s="549"/>
      <c r="K790" s="549"/>
      <c r="L790" s="551"/>
    </row>
    <row r="791" spans="1:12" ht="16.149999999999999" customHeight="1">
      <c r="A791" s="737"/>
      <c r="B791" s="738"/>
      <c r="C791" s="485"/>
      <c r="D791" s="484"/>
      <c r="E791" s="483"/>
      <c r="F791" s="482"/>
      <c r="G791" s="481" t="s">
        <v>651</v>
      </c>
      <c r="H791" s="476"/>
      <c r="I791" s="476"/>
      <c r="J791" s="476"/>
      <c r="K791" s="476"/>
      <c r="L791" s="475"/>
    </row>
    <row r="792" spans="1:12" ht="16.149999999999999" customHeight="1">
      <c r="A792" s="733" t="s">
        <v>700</v>
      </c>
      <c r="B792" s="734"/>
      <c r="C792" s="495"/>
      <c r="D792" s="494"/>
      <c r="E792" s="493"/>
      <c r="F792" s="492"/>
      <c r="G792" s="486" t="s">
        <v>651</v>
      </c>
      <c r="H792" s="549"/>
      <c r="I792" s="549"/>
      <c r="J792" s="549"/>
      <c r="K792" s="549"/>
      <c r="L792" s="551"/>
    </row>
    <row r="793" spans="1:12" ht="16.149999999999999" customHeight="1">
      <c r="A793" s="735"/>
      <c r="B793" s="736"/>
      <c r="C793" s="490"/>
      <c r="D793" s="489"/>
      <c r="E793" s="491"/>
      <c r="F793" s="487" t="s">
        <v>651</v>
      </c>
      <c r="G793" s="486" t="s">
        <v>651</v>
      </c>
      <c r="H793" s="549"/>
      <c r="I793" s="549"/>
      <c r="J793" s="549"/>
      <c r="K793" s="549"/>
      <c r="L793" s="551"/>
    </row>
    <row r="794" spans="1:12" ht="16.149999999999999" customHeight="1">
      <c r="A794" s="735" t="s">
        <v>651</v>
      </c>
      <c r="B794" s="736"/>
      <c r="C794" s="490" t="s">
        <v>242</v>
      </c>
      <c r="D794" s="489">
        <v>1</v>
      </c>
      <c r="E794" s="488"/>
      <c r="F794" s="487"/>
      <c r="G794" s="486" t="s">
        <v>651</v>
      </c>
      <c r="H794" s="549"/>
      <c r="I794" s="549"/>
      <c r="J794" s="549"/>
      <c r="K794" s="549"/>
      <c r="L794" s="551"/>
    </row>
    <row r="795" spans="1:12" ht="16.149999999999999" customHeight="1">
      <c r="A795" s="737"/>
      <c r="B795" s="738"/>
      <c r="C795" s="485"/>
      <c r="D795" s="484"/>
      <c r="E795" s="483"/>
      <c r="F795" s="482"/>
      <c r="G795" s="481" t="s">
        <v>651</v>
      </c>
      <c r="H795" s="476"/>
      <c r="I795" s="476"/>
      <c r="J795" s="476"/>
      <c r="K795" s="476"/>
      <c r="L795" s="475"/>
    </row>
    <row r="796" spans="1:12" ht="16.149999999999999" customHeight="1">
      <c r="A796" s="733" t="s">
        <v>651</v>
      </c>
      <c r="B796" s="734"/>
      <c r="C796" s="495"/>
      <c r="D796" s="494"/>
      <c r="E796" s="493"/>
      <c r="F796" s="492"/>
      <c r="G796" s="486" t="s">
        <v>651</v>
      </c>
      <c r="H796" s="549"/>
      <c r="I796" s="549"/>
      <c r="J796" s="549"/>
      <c r="K796" s="549"/>
      <c r="L796" s="551"/>
    </row>
    <row r="797" spans="1:12" ht="16.149999999999999" customHeight="1">
      <c r="A797" s="735"/>
      <c r="B797" s="736"/>
      <c r="C797" s="490"/>
      <c r="D797" s="489"/>
      <c r="E797" s="491"/>
      <c r="F797" s="487" t="s">
        <v>651</v>
      </c>
      <c r="G797" s="486" t="s">
        <v>651</v>
      </c>
      <c r="H797" s="549"/>
      <c r="I797" s="549"/>
      <c r="J797" s="549"/>
      <c r="K797" s="549"/>
      <c r="L797" s="551"/>
    </row>
    <row r="798" spans="1:12" ht="16.149999999999999" customHeight="1">
      <c r="A798" s="735" t="s">
        <v>691</v>
      </c>
      <c r="B798" s="736"/>
      <c r="C798" s="490" t="s">
        <v>697</v>
      </c>
      <c r="D798" s="489">
        <v>1</v>
      </c>
      <c r="E798" s="488"/>
      <c r="F798" s="487"/>
      <c r="G798" s="486" t="s">
        <v>651</v>
      </c>
      <c r="H798" s="549"/>
      <c r="I798" s="549"/>
      <c r="J798" s="549"/>
      <c r="K798" s="549"/>
      <c r="L798" s="551"/>
    </row>
    <row r="799" spans="1:12" ht="16.149999999999999" customHeight="1">
      <c r="A799" s="737"/>
      <c r="B799" s="738"/>
      <c r="C799" s="485"/>
      <c r="D799" s="484"/>
      <c r="E799" s="483"/>
      <c r="F799" s="482"/>
      <c r="G799" s="481" t="s">
        <v>651</v>
      </c>
      <c r="H799" s="476"/>
      <c r="I799" s="476"/>
      <c r="J799" s="476"/>
      <c r="K799" s="476"/>
      <c r="L799" s="475"/>
    </row>
    <row r="800" spans="1:12" ht="16.149999999999999" customHeight="1">
      <c r="A800" s="733" t="s">
        <v>651</v>
      </c>
      <c r="B800" s="734"/>
      <c r="C800" s="495"/>
      <c r="D800" s="494"/>
      <c r="E800" s="493"/>
      <c r="F800" s="492"/>
      <c r="G800" s="486" t="s">
        <v>651</v>
      </c>
      <c r="H800" s="549"/>
      <c r="I800" s="549"/>
      <c r="J800" s="549"/>
      <c r="K800" s="549"/>
      <c r="L800" s="551"/>
    </row>
    <row r="801" spans="1:12" ht="16.149999999999999" customHeight="1">
      <c r="A801" s="735"/>
      <c r="B801" s="736"/>
      <c r="C801" s="490"/>
      <c r="D801" s="489"/>
      <c r="E801" s="491"/>
      <c r="F801" s="487" t="s">
        <v>651</v>
      </c>
      <c r="G801" s="486" t="s">
        <v>651</v>
      </c>
      <c r="H801" s="549"/>
      <c r="I801" s="549"/>
      <c r="J801" s="549"/>
      <c r="K801" s="549"/>
      <c r="L801" s="551"/>
    </row>
    <row r="802" spans="1:12" ht="16.149999999999999" customHeight="1">
      <c r="A802" s="735" t="s">
        <v>681</v>
      </c>
      <c r="B802" s="736"/>
      <c r="C802" s="490" t="s">
        <v>697</v>
      </c>
      <c r="D802" s="489">
        <v>1</v>
      </c>
      <c r="E802" s="488" t="s">
        <v>618</v>
      </c>
      <c r="F802" s="487"/>
      <c r="G802" s="486" t="s">
        <v>651</v>
      </c>
      <c r="H802" s="549"/>
      <c r="I802" s="549"/>
      <c r="J802" s="549"/>
      <c r="K802" s="549"/>
      <c r="L802" s="551"/>
    </row>
    <row r="803" spans="1:12" ht="16.149999999999999" customHeight="1">
      <c r="A803" s="737"/>
      <c r="B803" s="738"/>
      <c r="C803" s="485"/>
      <c r="D803" s="484"/>
      <c r="E803" s="483"/>
      <c r="F803" s="482"/>
      <c r="G803" s="481" t="s">
        <v>651</v>
      </c>
      <c r="H803" s="476"/>
      <c r="I803" s="476"/>
      <c r="J803" s="476"/>
      <c r="K803" s="476"/>
      <c r="L803" s="475"/>
    </row>
    <row r="806" spans="1:12" ht="16.149999999999999" customHeight="1">
      <c r="A806" s="507" t="s">
        <v>651</v>
      </c>
      <c r="B806" s="479" t="s">
        <v>1662</v>
      </c>
      <c r="C806" s="480"/>
      <c r="D806" s="479"/>
      <c r="E806" s="479"/>
      <c r="F806" s="479"/>
      <c r="G806" s="479"/>
      <c r="H806" s="479" t="s">
        <v>617</v>
      </c>
      <c r="I806" s="480" t="s">
        <v>924</v>
      </c>
      <c r="J806" s="479" t="s">
        <v>689</v>
      </c>
      <c r="K806" s="479" t="s">
        <v>688</v>
      </c>
      <c r="L806" s="506"/>
    </row>
    <row r="807" spans="1:12" ht="16.149999999999999" customHeight="1">
      <c r="A807" s="505" t="s">
        <v>651</v>
      </c>
      <c r="B807" s="549" t="s">
        <v>923</v>
      </c>
      <c r="C807" s="550"/>
      <c r="D807" s="549"/>
      <c r="E807" s="549"/>
      <c r="F807" s="549"/>
      <c r="G807" s="478"/>
      <c r="H807" s="549"/>
      <c r="I807" s="504"/>
      <c r="J807" s="503" t="s">
        <v>687</v>
      </c>
      <c r="K807" s="502" t="s">
        <v>234</v>
      </c>
      <c r="L807" s="501" t="s">
        <v>618</v>
      </c>
    </row>
    <row r="808" spans="1:12" ht="16.149999999999999" customHeight="1">
      <c r="A808" s="477" t="s">
        <v>651</v>
      </c>
      <c r="B808" s="549"/>
      <c r="C808" s="550"/>
      <c r="D808" s="549"/>
      <c r="E808" s="549"/>
      <c r="F808" s="549"/>
      <c r="G808" s="478"/>
      <c r="H808" s="478"/>
      <c r="I808" s="478"/>
      <c r="J808" s="478"/>
      <c r="K808" s="478"/>
      <c r="L808" s="501"/>
    </row>
    <row r="809" spans="1:12" ht="16.149999999999999" customHeight="1">
      <c r="A809" s="498" t="s">
        <v>686</v>
      </c>
      <c r="B809" s="500"/>
      <c r="C809" s="499" t="s">
        <v>309</v>
      </c>
      <c r="D809" s="499" t="s">
        <v>685</v>
      </c>
      <c r="E809" s="499" t="s">
        <v>684</v>
      </c>
      <c r="F809" s="499" t="s">
        <v>683</v>
      </c>
      <c r="G809" s="498" t="s">
        <v>682</v>
      </c>
      <c r="H809" s="497"/>
      <c r="I809" s="497"/>
      <c r="J809" s="497"/>
      <c r="K809" s="497"/>
      <c r="L809" s="496"/>
    </row>
    <row r="810" spans="1:12" ht="16.149999999999999" customHeight="1">
      <c r="A810" s="733" t="s">
        <v>701</v>
      </c>
      <c r="B810" s="734"/>
      <c r="C810" s="495"/>
      <c r="D810" s="494"/>
      <c r="E810" s="493"/>
      <c r="F810" s="492"/>
      <c r="G810" s="486" t="s">
        <v>651</v>
      </c>
      <c r="H810" s="549"/>
      <c r="I810" s="549"/>
      <c r="J810" s="549"/>
      <c r="K810" s="549"/>
      <c r="L810" s="551"/>
    </row>
    <row r="811" spans="1:12" ht="16.149999999999999" customHeight="1">
      <c r="A811" s="735"/>
      <c r="B811" s="736"/>
      <c r="C811" s="490"/>
      <c r="D811" s="489"/>
      <c r="E811" s="491"/>
      <c r="F811" s="487" t="s">
        <v>651</v>
      </c>
      <c r="G811" s="486" t="s">
        <v>651</v>
      </c>
      <c r="H811" s="549"/>
      <c r="I811" s="549"/>
      <c r="J811" s="549"/>
      <c r="K811" s="549"/>
      <c r="L811" s="551"/>
    </row>
    <row r="812" spans="1:12" ht="16.149999999999999" customHeight="1">
      <c r="A812" s="735" t="s">
        <v>651</v>
      </c>
      <c r="B812" s="736"/>
      <c r="C812" s="490" t="s">
        <v>248</v>
      </c>
      <c r="D812" s="489"/>
      <c r="E812" s="488"/>
      <c r="F812" s="487"/>
      <c r="G812" s="486" t="s">
        <v>651</v>
      </c>
      <c r="H812" s="549"/>
      <c r="I812" s="549"/>
      <c r="J812" s="549"/>
      <c r="K812" s="549"/>
      <c r="L812" s="551"/>
    </row>
    <row r="813" spans="1:12" ht="16.149999999999999" customHeight="1">
      <c r="A813" s="737"/>
      <c r="B813" s="738"/>
      <c r="C813" s="485"/>
      <c r="D813" s="484"/>
      <c r="E813" s="483"/>
      <c r="F813" s="482"/>
      <c r="G813" s="481" t="s">
        <v>651</v>
      </c>
      <c r="H813" s="476"/>
      <c r="I813" s="476"/>
      <c r="J813" s="476"/>
      <c r="K813" s="476"/>
      <c r="L813" s="475"/>
    </row>
    <row r="814" spans="1:12" ht="16.149999999999999" customHeight="1">
      <c r="A814" s="733" t="s">
        <v>250</v>
      </c>
      <c r="B814" s="734"/>
      <c r="C814" s="495"/>
      <c r="D814" s="494"/>
      <c r="E814" s="493"/>
      <c r="F814" s="492"/>
      <c r="G814" s="486" t="s">
        <v>651</v>
      </c>
      <c r="H814" s="549"/>
      <c r="I814" s="549"/>
      <c r="J814" s="549"/>
      <c r="K814" s="549"/>
      <c r="L814" s="551"/>
    </row>
    <row r="815" spans="1:12" ht="16.149999999999999" customHeight="1">
      <c r="A815" s="735"/>
      <c r="B815" s="736"/>
      <c r="C815" s="490"/>
      <c r="D815" s="489"/>
      <c r="E815" s="491"/>
      <c r="F815" s="487" t="s">
        <v>651</v>
      </c>
      <c r="G815" s="486" t="s">
        <v>651</v>
      </c>
      <c r="H815" s="549"/>
      <c r="I815" s="549"/>
      <c r="J815" s="549"/>
      <c r="K815" s="549"/>
      <c r="L815" s="551"/>
    </row>
    <row r="816" spans="1:12" ht="16.149999999999999" customHeight="1">
      <c r="A816" s="735" t="s">
        <v>651</v>
      </c>
      <c r="B816" s="736"/>
      <c r="C816" s="490" t="s">
        <v>248</v>
      </c>
      <c r="D816" s="489"/>
      <c r="E816" s="488"/>
      <c r="F816" s="487"/>
      <c r="G816" s="486" t="s">
        <v>651</v>
      </c>
      <c r="H816" s="549"/>
      <c r="I816" s="549"/>
      <c r="J816" s="549"/>
      <c r="K816" s="549"/>
      <c r="L816" s="551"/>
    </row>
    <row r="817" spans="1:12" ht="16.149999999999999" customHeight="1">
      <c r="A817" s="737"/>
      <c r="B817" s="738"/>
      <c r="C817" s="485"/>
      <c r="D817" s="484"/>
      <c r="E817" s="483"/>
      <c r="F817" s="482"/>
      <c r="G817" s="481" t="s">
        <v>651</v>
      </c>
      <c r="H817" s="476"/>
      <c r="I817" s="476"/>
      <c r="J817" s="476"/>
      <c r="K817" s="476"/>
      <c r="L817" s="475"/>
    </row>
    <row r="818" spans="1:12" ht="16.149999999999999" customHeight="1">
      <c r="A818" s="733" t="s">
        <v>907</v>
      </c>
      <c r="B818" s="734"/>
      <c r="C818" s="495"/>
      <c r="D818" s="494"/>
      <c r="E818" s="493"/>
      <c r="F818" s="492"/>
      <c r="G818" s="486" t="s">
        <v>651</v>
      </c>
      <c r="H818" s="549"/>
      <c r="I818" s="549"/>
      <c r="J818" s="549"/>
      <c r="K818" s="549"/>
      <c r="L818" s="551"/>
    </row>
    <row r="819" spans="1:12" ht="16.149999999999999" customHeight="1">
      <c r="A819" s="735"/>
      <c r="B819" s="736"/>
      <c r="C819" s="490"/>
      <c r="D819" s="489"/>
      <c r="E819" s="491"/>
      <c r="F819" s="487" t="s">
        <v>651</v>
      </c>
      <c r="G819" s="486" t="s">
        <v>651</v>
      </c>
      <c r="H819" s="549"/>
      <c r="I819" s="549"/>
      <c r="J819" s="549"/>
      <c r="K819" s="549"/>
      <c r="L819" s="551"/>
    </row>
    <row r="820" spans="1:12" ht="16.149999999999999" customHeight="1">
      <c r="A820" s="735" t="s">
        <v>1661</v>
      </c>
      <c r="B820" s="736"/>
      <c r="C820" s="490" t="s">
        <v>621</v>
      </c>
      <c r="D820" s="489"/>
      <c r="E820" s="488"/>
      <c r="F820" s="487"/>
      <c r="G820" s="486" t="s">
        <v>651</v>
      </c>
      <c r="H820" s="549"/>
      <c r="I820" s="549"/>
      <c r="J820" s="549"/>
      <c r="K820" s="549"/>
      <c r="L820" s="551"/>
    </row>
    <row r="821" spans="1:12" ht="16.149999999999999" customHeight="1">
      <c r="A821" s="737"/>
      <c r="B821" s="738"/>
      <c r="C821" s="485"/>
      <c r="D821" s="484"/>
      <c r="E821" s="483"/>
      <c r="F821" s="482"/>
      <c r="G821" s="481" t="s">
        <v>651</v>
      </c>
      <c r="H821" s="476"/>
      <c r="I821" s="476"/>
      <c r="J821" s="476"/>
      <c r="K821" s="476"/>
      <c r="L821" s="475"/>
    </row>
    <row r="822" spans="1:12" ht="16.149999999999999" customHeight="1">
      <c r="A822" s="733" t="s">
        <v>651</v>
      </c>
      <c r="B822" s="734"/>
      <c r="C822" s="495"/>
      <c r="D822" s="494"/>
      <c r="E822" s="493"/>
      <c r="F822" s="492"/>
      <c r="G822" s="486" t="s">
        <v>651</v>
      </c>
      <c r="H822" s="549"/>
      <c r="I822" s="549"/>
      <c r="J822" s="549"/>
      <c r="K822" s="549"/>
      <c r="L822" s="551"/>
    </row>
    <row r="823" spans="1:12" ht="16.149999999999999" customHeight="1">
      <c r="A823" s="735"/>
      <c r="B823" s="736"/>
      <c r="C823" s="490"/>
      <c r="D823" s="489"/>
      <c r="E823" s="491"/>
      <c r="F823" s="487" t="s">
        <v>651</v>
      </c>
      <c r="G823" s="486" t="s">
        <v>651</v>
      </c>
      <c r="H823" s="549"/>
      <c r="I823" s="549"/>
      <c r="J823" s="549"/>
      <c r="K823" s="549"/>
      <c r="L823" s="551"/>
    </row>
    <row r="824" spans="1:12" ht="16.149999999999999" customHeight="1">
      <c r="A824" s="735" t="s">
        <v>691</v>
      </c>
      <c r="B824" s="736"/>
      <c r="C824" s="490" t="s">
        <v>234</v>
      </c>
      <c r="D824" s="489">
        <v>1</v>
      </c>
      <c r="E824" s="488"/>
      <c r="F824" s="487"/>
      <c r="G824" s="486" t="s">
        <v>651</v>
      </c>
      <c r="H824" s="549"/>
      <c r="I824" s="549"/>
      <c r="J824" s="549"/>
      <c r="K824" s="549"/>
      <c r="L824" s="551"/>
    </row>
    <row r="825" spans="1:12" ht="16.149999999999999" customHeight="1">
      <c r="A825" s="737"/>
      <c r="B825" s="738"/>
      <c r="C825" s="485"/>
      <c r="D825" s="484"/>
      <c r="E825" s="483"/>
      <c r="F825" s="482"/>
      <c r="G825" s="481" t="s">
        <v>651</v>
      </c>
      <c r="H825" s="476"/>
      <c r="I825" s="476"/>
      <c r="J825" s="476"/>
      <c r="K825" s="476"/>
      <c r="L825" s="475"/>
    </row>
    <row r="826" spans="1:12" ht="16.149999999999999" customHeight="1">
      <c r="A826" s="733" t="s">
        <v>651</v>
      </c>
      <c r="B826" s="734"/>
      <c r="C826" s="495"/>
      <c r="D826" s="494"/>
      <c r="E826" s="493"/>
      <c r="F826" s="492"/>
      <c r="G826" s="486" t="s">
        <v>651</v>
      </c>
      <c r="H826" s="549"/>
      <c r="I826" s="549"/>
      <c r="J826" s="549"/>
      <c r="K826" s="549"/>
      <c r="L826" s="551"/>
    </row>
    <row r="827" spans="1:12" ht="16.149999999999999" customHeight="1">
      <c r="A827" s="735"/>
      <c r="B827" s="736"/>
      <c r="C827" s="490"/>
      <c r="D827" s="489"/>
      <c r="E827" s="491"/>
      <c r="F827" s="487" t="s">
        <v>651</v>
      </c>
      <c r="G827" s="486" t="s">
        <v>651</v>
      </c>
      <c r="H827" s="549"/>
      <c r="I827" s="549"/>
      <c r="J827" s="549"/>
      <c r="K827" s="549"/>
      <c r="L827" s="551"/>
    </row>
    <row r="828" spans="1:12" ht="16.149999999999999" customHeight="1">
      <c r="A828" s="735" t="s">
        <v>681</v>
      </c>
      <c r="B828" s="736"/>
      <c r="C828" s="490" t="s">
        <v>234</v>
      </c>
      <c r="D828" s="489">
        <v>1</v>
      </c>
      <c r="E828" s="488" t="s">
        <v>618</v>
      </c>
      <c r="F828" s="487"/>
      <c r="G828" s="486" t="s">
        <v>651</v>
      </c>
      <c r="H828" s="549"/>
      <c r="I828" s="549"/>
      <c r="J828" s="549"/>
      <c r="K828" s="549"/>
      <c r="L828" s="551"/>
    </row>
    <row r="829" spans="1:12" ht="16.149999999999999" customHeight="1">
      <c r="A829" s="737"/>
      <c r="B829" s="738"/>
      <c r="C829" s="485"/>
      <c r="D829" s="484"/>
      <c r="E829" s="483"/>
      <c r="F829" s="482"/>
      <c r="G829" s="481" t="s">
        <v>651</v>
      </c>
      <c r="H829" s="476"/>
      <c r="I829" s="476"/>
      <c r="J829" s="476"/>
      <c r="K829" s="476"/>
      <c r="L829" s="475"/>
    </row>
    <row r="831" spans="1:12" ht="16.149999999999999" customHeight="1">
      <c r="A831" s="507" t="s">
        <v>651</v>
      </c>
      <c r="B831" s="479" t="s">
        <v>815</v>
      </c>
      <c r="C831" s="480"/>
      <c r="D831" s="479"/>
      <c r="E831" s="479"/>
      <c r="F831" s="479"/>
      <c r="G831" s="479"/>
      <c r="H831" s="479" t="s">
        <v>617</v>
      </c>
      <c r="I831" s="480" t="s">
        <v>922</v>
      </c>
      <c r="J831" s="479" t="s">
        <v>689</v>
      </c>
      <c r="K831" s="479" t="s">
        <v>688</v>
      </c>
      <c r="L831" s="506"/>
    </row>
    <row r="832" spans="1:12" ht="16.149999999999999" customHeight="1">
      <c r="A832" s="505" t="s">
        <v>651</v>
      </c>
      <c r="B832" s="549" t="s">
        <v>1276</v>
      </c>
      <c r="C832" s="550"/>
      <c r="D832" s="549"/>
      <c r="E832" s="549"/>
      <c r="F832" s="549"/>
      <c r="G832" s="478"/>
      <c r="H832" s="549"/>
      <c r="I832" s="504"/>
      <c r="J832" s="503" t="s">
        <v>687</v>
      </c>
      <c r="K832" s="502" t="s">
        <v>246</v>
      </c>
      <c r="L832" s="501" t="s">
        <v>618</v>
      </c>
    </row>
    <row r="833" spans="1:12" ht="16.149999999999999" customHeight="1">
      <c r="A833" s="477" t="s">
        <v>651</v>
      </c>
      <c r="B833" s="549"/>
      <c r="C833" s="550"/>
      <c r="D833" s="549"/>
      <c r="E833" s="549"/>
      <c r="F833" s="549"/>
      <c r="G833" s="478"/>
      <c r="H833" s="478"/>
      <c r="I833" s="478"/>
      <c r="J833" s="478"/>
      <c r="K833" s="478"/>
      <c r="L833" s="501"/>
    </row>
    <row r="834" spans="1:12" ht="16.149999999999999" customHeight="1">
      <c r="A834" s="498" t="s">
        <v>686</v>
      </c>
      <c r="B834" s="500"/>
      <c r="C834" s="499" t="s">
        <v>309</v>
      </c>
      <c r="D834" s="499" t="s">
        <v>685</v>
      </c>
      <c r="E834" s="499" t="s">
        <v>684</v>
      </c>
      <c r="F834" s="499" t="s">
        <v>683</v>
      </c>
      <c r="G834" s="498" t="s">
        <v>682</v>
      </c>
      <c r="H834" s="497"/>
      <c r="I834" s="497"/>
      <c r="J834" s="497"/>
      <c r="K834" s="497"/>
      <c r="L834" s="496"/>
    </row>
    <row r="835" spans="1:12" ht="16.149999999999999" customHeight="1">
      <c r="A835" s="733" t="s">
        <v>250</v>
      </c>
      <c r="B835" s="734"/>
      <c r="C835" s="495"/>
      <c r="D835" s="494"/>
      <c r="E835" s="493"/>
      <c r="F835" s="492"/>
      <c r="G835" s="486" t="s">
        <v>651</v>
      </c>
      <c r="H835" s="549"/>
      <c r="I835" s="549"/>
      <c r="J835" s="549"/>
      <c r="K835" s="549"/>
      <c r="L835" s="551"/>
    </row>
    <row r="836" spans="1:12" ht="16.149999999999999" customHeight="1">
      <c r="A836" s="735"/>
      <c r="B836" s="736"/>
      <c r="C836" s="490"/>
      <c r="D836" s="489"/>
      <c r="E836" s="491"/>
      <c r="F836" s="487" t="s">
        <v>651</v>
      </c>
      <c r="G836" s="486" t="s">
        <v>651</v>
      </c>
      <c r="H836" s="549"/>
      <c r="I836" s="549"/>
      <c r="J836" s="549"/>
      <c r="K836" s="549"/>
      <c r="L836" s="551"/>
    </row>
    <row r="837" spans="1:12" ht="16.149999999999999" customHeight="1">
      <c r="A837" s="735" t="s">
        <v>651</v>
      </c>
      <c r="B837" s="736"/>
      <c r="C837" s="490" t="s">
        <v>248</v>
      </c>
      <c r="D837" s="489"/>
      <c r="E837" s="488"/>
      <c r="F837" s="487"/>
      <c r="G837" s="486" t="s">
        <v>651</v>
      </c>
      <c r="H837" s="549"/>
      <c r="I837" s="549"/>
      <c r="J837" s="549"/>
      <c r="K837" s="549"/>
      <c r="L837" s="551"/>
    </row>
    <row r="838" spans="1:12" ht="16.149999999999999" customHeight="1">
      <c r="A838" s="737"/>
      <c r="B838" s="738"/>
      <c r="C838" s="485"/>
      <c r="D838" s="484"/>
      <c r="E838" s="483"/>
      <c r="F838" s="482"/>
      <c r="G838" s="481" t="s">
        <v>651</v>
      </c>
      <c r="H838" s="476"/>
      <c r="I838" s="476"/>
      <c r="J838" s="476"/>
      <c r="K838" s="476"/>
      <c r="L838" s="475"/>
    </row>
    <row r="841" spans="1:12" ht="16.149999999999999" customHeight="1">
      <c r="A841" s="507" t="s">
        <v>651</v>
      </c>
      <c r="B841" s="479" t="s">
        <v>815</v>
      </c>
      <c r="C841" s="480"/>
      <c r="D841" s="479"/>
      <c r="E841" s="479"/>
      <c r="F841" s="479"/>
      <c r="G841" s="479"/>
      <c r="H841" s="479" t="s">
        <v>617</v>
      </c>
      <c r="I841" s="480" t="s">
        <v>922</v>
      </c>
      <c r="J841" s="479" t="s">
        <v>689</v>
      </c>
      <c r="K841" s="479" t="s">
        <v>688</v>
      </c>
      <c r="L841" s="506"/>
    </row>
    <row r="842" spans="1:12" ht="16.149999999999999" customHeight="1">
      <c r="A842" s="505" t="s">
        <v>651</v>
      </c>
      <c r="B842" s="549" t="s">
        <v>1276</v>
      </c>
      <c r="C842" s="550"/>
      <c r="D842" s="549"/>
      <c r="E842" s="549"/>
      <c r="F842" s="549"/>
      <c r="G842" s="478"/>
      <c r="H842" s="549"/>
      <c r="I842" s="504"/>
      <c r="J842" s="503" t="s">
        <v>687</v>
      </c>
      <c r="K842" s="502" t="s">
        <v>246</v>
      </c>
      <c r="L842" s="501" t="s">
        <v>618</v>
      </c>
    </row>
    <row r="843" spans="1:12" ht="16.149999999999999" customHeight="1">
      <c r="A843" s="477" t="s">
        <v>651</v>
      </c>
      <c r="B843" s="549"/>
      <c r="C843" s="550"/>
      <c r="D843" s="549"/>
      <c r="E843" s="549"/>
      <c r="F843" s="549"/>
      <c r="G843" s="478"/>
      <c r="H843" s="478"/>
      <c r="I843" s="478"/>
      <c r="J843" s="478"/>
      <c r="K843" s="478"/>
      <c r="L843" s="501"/>
    </row>
    <row r="844" spans="1:12" ht="16.149999999999999" customHeight="1">
      <c r="A844" s="498" t="s">
        <v>686</v>
      </c>
      <c r="B844" s="500"/>
      <c r="C844" s="499" t="s">
        <v>309</v>
      </c>
      <c r="D844" s="499" t="s">
        <v>685</v>
      </c>
      <c r="E844" s="499" t="s">
        <v>684</v>
      </c>
      <c r="F844" s="499" t="s">
        <v>683</v>
      </c>
      <c r="G844" s="498" t="s">
        <v>682</v>
      </c>
      <c r="H844" s="497"/>
      <c r="I844" s="497"/>
      <c r="J844" s="497"/>
      <c r="K844" s="497"/>
      <c r="L844" s="496"/>
    </row>
    <row r="845" spans="1:12" ht="16.149999999999999" customHeight="1">
      <c r="A845" s="733" t="s">
        <v>651</v>
      </c>
      <c r="B845" s="734"/>
      <c r="C845" s="495"/>
      <c r="D845" s="494"/>
      <c r="E845" s="493"/>
      <c r="F845" s="492"/>
      <c r="G845" s="486" t="s">
        <v>651</v>
      </c>
      <c r="H845" s="549"/>
      <c r="I845" s="549"/>
      <c r="J845" s="549"/>
      <c r="K845" s="549"/>
      <c r="L845" s="551"/>
    </row>
    <row r="846" spans="1:12" ht="16.149999999999999" customHeight="1">
      <c r="A846" s="735"/>
      <c r="B846" s="736"/>
      <c r="C846" s="490"/>
      <c r="D846" s="489"/>
      <c r="E846" s="491"/>
      <c r="F846" s="487" t="s">
        <v>651</v>
      </c>
      <c r="G846" s="486" t="s">
        <v>651</v>
      </c>
      <c r="H846" s="549"/>
      <c r="I846" s="549"/>
      <c r="J846" s="549"/>
      <c r="K846" s="549"/>
      <c r="L846" s="551"/>
    </row>
    <row r="847" spans="1:12" ht="16.149999999999999" customHeight="1">
      <c r="A847" s="735" t="s">
        <v>691</v>
      </c>
      <c r="B847" s="736"/>
      <c r="C847" s="490" t="s">
        <v>246</v>
      </c>
      <c r="D847" s="489">
        <v>1</v>
      </c>
      <c r="E847" s="488"/>
      <c r="F847" s="487"/>
      <c r="G847" s="486" t="s">
        <v>651</v>
      </c>
      <c r="H847" s="549"/>
      <c r="I847" s="549"/>
      <c r="J847" s="549"/>
      <c r="K847" s="549"/>
      <c r="L847" s="551"/>
    </row>
    <row r="848" spans="1:12" ht="16.149999999999999" customHeight="1">
      <c r="A848" s="737"/>
      <c r="B848" s="738"/>
      <c r="C848" s="485"/>
      <c r="D848" s="484"/>
      <c r="E848" s="483"/>
      <c r="F848" s="482"/>
      <c r="G848" s="481" t="s">
        <v>651</v>
      </c>
      <c r="H848" s="476"/>
      <c r="I848" s="476"/>
      <c r="J848" s="476"/>
      <c r="K848" s="476"/>
      <c r="L848" s="475"/>
    </row>
    <row r="849" spans="1:12" ht="16.149999999999999" customHeight="1">
      <c r="A849" s="733" t="s">
        <v>651</v>
      </c>
      <c r="B849" s="734"/>
      <c r="C849" s="495"/>
      <c r="D849" s="494"/>
      <c r="E849" s="493"/>
      <c r="F849" s="492"/>
      <c r="G849" s="486" t="s">
        <v>651</v>
      </c>
      <c r="H849" s="549"/>
      <c r="I849" s="549"/>
      <c r="J849" s="549"/>
      <c r="K849" s="549"/>
      <c r="L849" s="551"/>
    </row>
    <row r="850" spans="1:12" ht="16.149999999999999" customHeight="1">
      <c r="A850" s="735"/>
      <c r="B850" s="736"/>
      <c r="C850" s="490"/>
      <c r="D850" s="489"/>
      <c r="E850" s="491"/>
      <c r="F850" s="487" t="s">
        <v>651</v>
      </c>
      <c r="G850" s="486" t="s">
        <v>651</v>
      </c>
      <c r="H850" s="549"/>
      <c r="I850" s="549"/>
      <c r="J850" s="549"/>
      <c r="K850" s="549"/>
      <c r="L850" s="551"/>
    </row>
    <row r="851" spans="1:12" ht="16.149999999999999" customHeight="1">
      <c r="A851" s="735" t="s">
        <v>681</v>
      </c>
      <c r="B851" s="736"/>
      <c r="C851" s="490" t="s">
        <v>246</v>
      </c>
      <c r="D851" s="489">
        <v>1</v>
      </c>
      <c r="E851" s="488" t="s">
        <v>618</v>
      </c>
      <c r="F851" s="487"/>
      <c r="G851" s="486" t="s">
        <v>651</v>
      </c>
      <c r="H851" s="549"/>
      <c r="I851" s="549"/>
      <c r="J851" s="549"/>
      <c r="K851" s="549"/>
      <c r="L851" s="551"/>
    </row>
    <row r="852" spans="1:12" ht="16.149999999999999" customHeight="1">
      <c r="A852" s="737"/>
      <c r="B852" s="738"/>
      <c r="C852" s="485"/>
      <c r="D852" s="484"/>
      <c r="E852" s="483"/>
      <c r="F852" s="482"/>
      <c r="G852" s="481" t="s">
        <v>651</v>
      </c>
      <c r="H852" s="476"/>
      <c r="I852" s="476"/>
      <c r="J852" s="476"/>
      <c r="K852" s="476"/>
      <c r="L852" s="475"/>
    </row>
    <row r="854" spans="1:12" ht="16.149999999999999" customHeight="1">
      <c r="A854" s="507" t="s">
        <v>651</v>
      </c>
      <c r="B854" s="479" t="s">
        <v>921</v>
      </c>
      <c r="C854" s="480"/>
      <c r="D854" s="479"/>
      <c r="E854" s="479"/>
      <c r="F854" s="479"/>
      <c r="G854" s="479"/>
      <c r="H854" s="479" t="s">
        <v>617</v>
      </c>
      <c r="I854" s="480" t="s">
        <v>920</v>
      </c>
      <c r="J854" s="479" t="s">
        <v>689</v>
      </c>
      <c r="K854" s="479" t="s">
        <v>688</v>
      </c>
      <c r="L854" s="506"/>
    </row>
    <row r="855" spans="1:12" ht="16.149999999999999" customHeight="1">
      <c r="A855" s="505" t="s">
        <v>651</v>
      </c>
      <c r="B855" s="549" t="s">
        <v>1274</v>
      </c>
      <c r="C855" s="550"/>
      <c r="D855" s="549"/>
      <c r="E855" s="549"/>
      <c r="F855" s="549"/>
      <c r="G855" s="478"/>
      <c r="H855" s="549"/>
      <c r="I855" s="504"/>
      <c r="J855" s="503" t="s">
        <v>687</v>
      </c>
      <c r="K855" s="502" t="s">
        <v>246</v>
      </c>
      <c r="L855" s="501" t="s">
        <v>618</v>
      </c>
    </row>
    <row r="856" spans="1:12" ht="16.149999999999999" customHeight="1">
      <c r="A856" s="477" t="s">
        <v>651</v>
      </c>
      <c r="B856" s="549"/>
      <c r="C856" s="550"/>
      <c r="D856" s="549"/>
      <c r="E856" s="549"/>
      <c r="F856" s="549"/>
      <c r="G856" s="478"/>
      <c r="H856" s="478"/>
      <c r="I856" s="478"/>
      <c r="J856" s="478"/>
      <c r="K856" s="478"/>
      <c r="L856" s="501"/>
    </row>
    <row r="857" spans="1:12" ht="16.149999999999999" customHeight="1">
      <c r="A857" s="498" t="s">
        <v>686</v>
      </c>
      <c r="B857" s="500"/>
      <c r="C857" s="499" t="s">
        <v>309</v>
      </c>
      <c r="D857" s="499" t="s">
        <v>685</v>
      </c>
      <c r="E857" s="499" t="s">
        <v>684</v>
      </c>
      <c r="F857" s="499" t="s">
        <v>683</v>
      </c>
      <c r="G857" s="498" t="s">
        <v>682</v>
      </c>
      <c r="H857" s="497"/>
      <c r="I857" s="497"/>
      <c r="J857" s="497"/>
      <c r="K857" s="497"/>
      <c r="L857" s="496"/>
    </row>
    <row r="858" spans="1:12" ht="16.149999999999999" customHeight="1">
      <c r="A858" s="733" t="s">
        <v>250</v>
      </c>
      <c r="B858" s="734"/>
      <c r="C858" s="495"/>
      <c r="D858" s="494"/>
      <c r="E858" s="493"/>
      <c r="F858" s="492"/>
      <c r="G858" s="486" t="s">
        <v>651</v>
      </c>
      <c r="H858" s="549"/>
      <c r="I858" s="549"/>
      <c r="J858" s="549"/>
      <c r="K858" s="549"/>
      <c r="L858" s="551"/>
    </row>
    <row r="859" spans="1:12" ht="16.149999999999999" customHeight="1">
      <c r="A859" s="735"/>
      <c r="B859" s="736"/>
      <c r="C859" s="490"/>
      <c r="D859" s="489"/>
      <c r="E859" s="491"/>
      <c r="F859" s="487" t="s">
        <v>651</v>
      </c>
      <c r="G859" s="486" t="s">
        <v>651</v>
      </c>
      <c r="H859" s="549"/>
      <c r="I859" s="549"/>
      <c r="J859" s="549"/>
      <c r="K859" s="549"/>
      <c r="L859" s="551"/>
    </row>
    <row r="860" spans="1:12" ht="16.149999999999999" customHeight="1">
      <c r="A860" s="735" t="s">
        <v>651</v>
      </c>
      <c r="B860" s="736"/>
      <c r="C860" s="490" t="s">
        <v>248</v>
      </c>
      <c r="D860" s="489"/>
      <c r="E860" s="488"/>
      <c r="F860" s="487"/>
      <c r="G860" s="486" t="s">
        <v>651</v>
      </c>
      <c r="H860" s="549"/>
      <c r="I860" s="549"/>
      <c r="J860" s="549"/>
      <c r="K860" s="549"/>
      <c r="L860" s="551"/>
    </row>
    <row r="861" spans="1:12" ht="16.149999999999999" customHeight="1">
      <c r="A861" s="737"/>
      <c r="B861" s="738"/>
      <c r="C861" s="485"/>
      <c r="D861" s="484"/>
      <c r="E861" s="483"/>
      <c r="F861" s="482"/>
      <c r="G861" s="481" t="s">
        <v>651</v>
      </c>
      <c r="H861" s="476"/>
      <c r="I861" s="476"/>
      <c r="J861" s="476"/>
      <c r="K861" s="476"/>
      <c r="L861" s="475"/>
    </row>
    <row r="862" spans="1:12" ht="16.149999999999999" customHeight="1">
      <c r="A862" s="733" t="s">
        <v>651</v>
      </c>
      <c r="B862" s="734"/>
      <c r="C862" s="495"/>
      <c r="D862" s="494"/>
      <c r="E862" s="493"/>
      <c r="F862" s="492"/>
      <c r="G862" s="486" t="s">
        <v>651</v>
      </c>
      <c r="H862" s="549"/>
      <c r="I862" s="549"/>
      <c r="J862" s="549"/>
      <c r="K862" s="549"/>
      <c r="L862" s="551"/>
    </row>
    <row r="863" spans="1:12" ht="16.149999999999999" customHeight="1">
      <c r="A863" s="735"/>
      <c r="B863" s="736"/>
      <c r="C863" s="490"/>
      <c r="D863" s="489"/>
      <c r="E863" s="491"/>
      <c r="F863" s="487" t="s">
        <v>651</v>
      </c>
      <c r="G863" s="486" t="s">
        <v>651</v>
      </c>
      <c r="H863" s="549"/>
      <c r="I863" s="549"/>
      <c r="J863" s="549"/>
      <c r="K863" s="549"/>
      <c r="L863" s="551"/>
    </row>
    <row r="864" spans="1:12" ht="16.149999999999999" customHeight="1">
      <c r="A864" s="735" t="s">
        <v>691</v>
      </c>
      <c r="B864" s="736"/>
      <c r="C864" s="490" t="s">
        <v>246</v>
      </c>
      <c r="D864" s="489">
        <v>1</v>
      </c>
      <c r="E864" s="488"/>
      <c r="F864" s="487"/>
      <c r="G864" s="486" t="s">
        <v>651</v>
      </c>
      <c r="H864" s="549"/>
      <c r="I864" s="549"/>
      <c r="J864" s="549"/>
      <c r="K864" s="549"/>
      <c r="L864" s="551"/>
    </row>
    <row r="865" spans="1:12" ht="16.149999999999999" customHeight="1">
      <c r="A865" s="737"/>
      <c r="B865" s="738"/>
      <c r="C865" s="485"/>
      <c r="D865" s="484"/>
      <c r="E865" s="483"/>
      <c r="F865" s="482"/>
      <c r="G865" s="481" t="s">
        <v>651</v>
      </c>
      <c r="H865" s="476"/>
      <c r="I865" s="476"/>
      <c r="J865" s="476"/>
      <c r="K865" s="476"/>
      <c r="L865" s="475"/>
    </row>
    <row r="866" spans="1:12" ht="16.149999999999999" customHeight="1">
      <c r="A866" s="733" t="s">
        <v>651</v>
      </c>
      <c r="B866" s="734"/>
      <c r="C866" s="495"/>
      <c r="D866" s="494"/>
      <c r="E866" s="493"/>
      <c r="F866" s="492"/>
      <c r="G866" s="486" t="s">
        <v>651</v>
      </c>
      <c r="H866" s="549"/>
      <c r="I866" s="549"/>
      <c r="J866" s="549"/>
      <c r="K866" s="549"/>
      <c r="L866" s="551"/>
    </row>
    <row r="867" spans="1:12" ht="16.149999999999999" customHeight="1">
      <c r="A867" s="735"/>
      <c r="B867" s="736"/>
      <c r="C867" s="490"/>
      <c r="D867" s="489"/>
      <c r="E867" s="491"/>
      <c r="F867" s="487" t="s">
        <v>651</v>
      </c>
      <c r="G867" s="486" t="s">
        <v>651</v>
      </c>
      <c r="H867" s="549"/>
      <c r="I867" s="549"/>
      <c r="J867" s="549"/>
      <c r="K867" s="549"/>
      <c r="L867" s="551"/>
    </row>
    <row r="868" spans="1:12" ht="16.149999999999999" customHeight="1">
      <c r="A868" s="735" t="s">
        <v>681</v>
      </c>
      <c r="B868" s="736"/>
      <c r="C868" s="490" t="s">
        <v>246</v>
      </c>
      <c r="D868" s="489">
        <v>1</v>
      </c>
      <c r="E868" s="488" t="s">
        <v>618</v>
      </c>
      <c r="F868" s="487"/>
      <c r="G868" s="486" t="s">
        <v>651</v>
      </c>
      <c r="H868" s="549"/>
      <c r="I868" s="549"/>
      <c r="J868" s="549"/>
      <c r="K868" s="549"/>
      <c r="L868" s="551"/>
    </row>
    <row r="869" spans="1:12" ht="16.149999999999999" customHeight="1">
      <c r="A869" s="737"/>
      <c r="B869" s="738"/>
      <c r="C869" s="485"/>
      <c r="D869" s="484"/>
      <c r="E869" s="483"/>
      <c r="F869" s="482"/>
      <c r="G869" s="481" t="s">
        <v>651</v>
      </c>
      <c r="H869" s="476"/>
      <c r="I869" s="476"/>
      <c r="J869" s="476"/>
      <c r="K869" s="476"/>
      <c r="L869" s="475"/>
    </row>
    <row r="876" spans="1:12" ht="16.149999999999999" customHeight="1">
      <c r="A876" s="507" t="s">
        <v>651</v>
      </c>
      <c r="B876" s="479" t="s">
        <v>919</v>
      </c>
      <c r="C876" s="480"/>
      <c r="D876" s="479"/>
      <c r="E876" s="479"/>
      <c r="F876" s="479"/>
      <c r="G876" s="479"/>
      <c r="H876" s="479" t="s">
        <v>617</v>
      </c>
      <c r="I876" s="480" t="s">
        <v>918</v>
      </c>
      <c r="J876" s="479" t="s">
        <v>689</v>
      </c>
      <c r="K876" s="479" t="s">
        <v>688</v>
      </c>
      <c r="L876" s="506"/>
    </row>
    <row r="877" spans="1:12" ht="16.149999999999999" customHeight="1">
      <c r="A877" s="505" t="s">
        <v>651</v>
      </c>
      <c r="B877" s="549" t="s">
        <v>1272</v>
      </c>
      <c r="C877" s="550"/>
      <c r="D877" s="549"/>
      <c r="E877" s="549"/>
      <c r="F877" s="549"/>
      <c r="G877" s="478"/>
      <c r="H877" s="549"/>
      <c r="I877" s="504"/>
      <c r="J877" s="503" t="s">
        <v>687</v>
      </c>
      <c r="K877" s="502" t="s">
        <v>246</v>
      </c>
      <c r="L877" s="501" t="s">
        <v>618</v>
      </c>
    </row>
    <row r="878" spans="1:12" ht="16.149999999999999" customHeight="1">
      <c r="A878" s="477" t="s">
        <v>651</v>
      </c>
      <c r="B878" s="549"/>
      <c r="C878" s="550"/>
      <c r="D878" s="549"/>
      <c r="E878" s="549"/>
      <c r="F878" s="549"/>
      <c r="G878" s="478"/>
      <c r="H878" s="478"/>
      <c r="I878" s="478"/>
      <c r="J878" s="478"/>
      <c r="K878" s="478"/>
      <c r="L878" s="501"/>
    </row>
    <row r="879" spans="1:12" ht="16.149999999999999" customHeight="1">
      <c r="A879" s="498" t="s">
        <v>686</v>
      </c>
      <c r="B879" s="500"/>
      <c r="C879" s="499" t="s">
        <v>309</v>
      </c>
      <c r="D879" s="499" t="s">
        <v>685</v>
      </c>
      <c r="E879" s="499" t="s">
        <v>684</v>
      </c>
      <c r="F879" s="499" t="s">
        <v>683</v>
      </c>
      <c r="G879" s="498" t="s">
        <v>682</v>
      </c>
      <c r="H879" s="497"/>
      <c r="I879" s="497"/>
      <c r="J879" s="497"/>
      <c r="K879" s="497"/>
      <c r="L879" s="496"/>
    </row>
    <row r="880" spans="1:12" ht="16.149999999999999" customHeight="1">
      <c r="A880" s="733" t="s">
        <v>250</v>
      </c>
      <c r="B880" s="734"/>
      <c r="C880" s="495"/>
      <c r="D880" s="494"/>
      <c r="E880" s="493"/>
      <c r="F880" s="492"/>
      <c r="G880" s="486" t="s">
        <v>651</v>
      </c>
      <c r="H880" s="549"/>
      <c r="I880" s="549"/>
      <c r="J880" s="549"/>
      <c r="K880" s="549"/>
      <c r="L880" s="551"/>
    </row>
    <row r="881" spans="1:12" ht="16.149999999999999" customHeight="1">
      <c r="A881" s="735"/>
      <c r="B881" s="736"/>
      <c r="C881" s="490"/>
      <c r="D881" s="489"/>
      <c r="E881" s="491"/>
      <c r="F881" s="487" t="s">
        <v>651</v>
      </c>
      <c r="G881" s="486" t="s">
        <v>651</v>
      </c>
      <c r="H881" s="549"/>
      <c r="I881" s="549"/>
      <c r="J881" s="549"/>
      <c r="K881" s="549"/>
      <c r="L881" s="551"/>
    </row>
    <row r="882" spans="1:12" ht="16.149999999999999" customHeight="1">
      <c r="A882" s="735" t="s">
        <v>651</v>
      </c>
      <c r="B882" s="736"/>
      <c r="C882" s="490" t="s">
        <v>248</v>
      </c>
      <c r="D882" s="489"/>
      <c r="E882" s="488"/>
      <c r="F882" s="487"/>
      <c r="G882" s="486" t="s">
        <v>651</v>
      </c>
      <c r="H882" s="549"/>
      <c r="I882" s="549"/>
      <c r="J882" s="549"/>
      <c r="K882" s="549"/>
      <c r="L882" s="551"/>
    </row>
    <row r="883" spans="1:12" ht="16.149999999999999" customHeight="1">
      <c r="A883" s="737"/>
      <c r="B883" s="738"/>
      <c r="C883" s="485"/>
      <c r="D883" s="484"/>
      <c r="E883" s="483"/>
      <c r="F883" s="482"/>
      <c r="G883" s="481" t="s">
        <v>651</v>
      </c>
      <c r="H883" s="476"/>
      <c r="I883" s="476"/>
      <c r="J883" s="476"/>
      <c r="K883" s="476"/>
      <c r="L883" s="475"/>
    </row>
    <row r="884" spans="1:12" ht="16.149999999999999" customHeight="1">
      <c r="A884" s="733" t="s">
        <v>651</v>
      </c>
      <c r="B884" s="734"/>
      <c r="C884" s="495"/>
      <c r="D884" s="494"/>
      <c r="E884" s="493"/>
      <c r="F884" s="492"/>
      <c r="G884" s="486" t="s">
        <v>651</v>
      </c>
      <c r="H884" s="549"/>
      <c r="I884" s="549"/>
      <c r="J884" s="549"/>
      <c r="K884" s="549"/>
      <c r="L884" s="551"/>
    </row>
    <row r="885" spans="1:12" ht="16.149999999999999" customHeight="1">
      <c r="A885" s="735"/>
      <c r="B885" s="736"/>
      <c r="C885" s="490"/>
      <c r="D885" s="489"/>
      <c r="E885" s="491"/>
      <c r="F885" s="487" t="s">
        <v>651</v>
      </c>
      <c r="G885" s="486" t="s">
        <v>651</v>
      </c>
      <c r="H885" s="549"/>
      <c r="I885" s="549"/>
      <c r="J885" s="549"/>
      <c r="K885" s="549"/>
      <c r="L885" s="551"/>
    </row>
    <row r="886" spans="1:12" ht="16.149999999999999" customHeight="1">
      <c r="A886" s="735" t="s">
        <v>691</v>
      </c>
      <c r="B886" s="736"/>
      <c r="C886" s="490" t="s">
        <v>246</v>
      </c>
      <c r="D886" s="489">
        <v>1</v>
      </c>
      <c r="E886" s="488"/>
      <c r="F886" s="487"/>
      <c r="G886" s="486" t="s">
        <v>651</v>
      </c>
      <c r="H886" s="549"/>
      <c r="I886" s="549"/>
      <c r="J886" s="549"/>
      <c r="K886" s="549"/>
      <c r="L886" s="551"/>
    </row>
    <row r="887" spans="1:12" ht="16.149999999999999" customHeight="1">
      <c r="A887" s="737"/>
      <c r="B887" s="738"/>
      <c r="C887" s="485"/>
      <c r="D887" s="484"/>
      <c r="E887" s="483"/>
      <c r="F887" s="482"/>
      <c r="G887" s="481" t="s">
        <v>651</v>
      </c>
      <c r="H887" s="476"/>
      <c r="I887" s="476"/>
      <c r="J887" s="476"/>
      <c r="K887" s="476"/>
      <c r="L887" s="475"/>
    </row>
    <row r="888" spans="1:12" ht="16.149999999999999" customHeight="1">
      <c r="A888" s="733" t="s">
        <v>651</v>
      </c>
      <c r="B888" s="734"/>
      <c r="C888" s="495"/>
      <c r="D888" s="494"/>
      <c r="E888" s="493"/>
      <c r="F888" s="492"/>
      <c r="G888" s="486" t="s">
        <v>651</v>
      </c>
      <c r="H888" s="549"/>
      <c r="I888" s="549"/>
      <c r="J888" s="549"/>
      <c r="K888" s="549"/>
      <c r="L888" s="551"/>
    </row>
    <row r="889" spans="1:12" ht="16.149999999999999" customHeight="1">
      <c r="A889" s="735"/>
      <c r="B889" s="736"/>
      <c r="C889" s="490"/>
      <c r="D889" s="489"/>
      <c r="E889" s="491"/>
      <c r="F889" s="487" t="s">
        <v>651</v>
      </c>
      <c r="G889" s="486" t="s">
        <v>651</v>
      </c>
      <c r="H889" s="549"/>
      <c r="I889" s="549"/>
      <c r="J889" s="549"/>
      <c r="K889" s="549"/>
      <c r="L889" s="551"/>
    </row>
    <row r="890" spans="1:12" ht="16.149999999999999" customHeight="1">
      <c r="A890" s="735" t="s">
        <v>681</v>
      </c>
      <c r="B890" s="736"/>
      <c r="C890" s="490" t="s">
        <v>246</v>
      </c>
      <c r="D890" s="489">
        <v>1</v>
      </c>
      <c r="E890" s="488" t="s">
        <v>618</v>
      </c>
      <c r="F890" s="487"/>
      <c r="G890" s="486" t="s">
        <v>651</v>
      </c>
      <c r="H890" s="549"/>
      <c r="I890" s="549"/>
      <c r="J890" s="549"/>
      <c r="K890" s="549"/>
      <c r="L890" s="551"/>
    </row>
    <row r="891" spans="1:12" ht="16.149999999999999" customHeight="1">
      <c r="A891" s="737"/>
      <c r="B891" s="738"/>
      <c r="C891" s="485"/>
      <c r="D891" s="484"/>
      <c r="E891" s="483"/>
      <c r="F891" s="482"/>
      <c r="G891" s="481" t="s">
        <v>651</v>
      </c>
      <c r="H891" s="476"/>
      <c r="I891" s="476"/>
      <c r="J891" s="476"/>
      <c r="K891" s="476"/>
      <c r="L891" s="475"/>
    </row>
    <row r="893" spans="1:12" ht="16.149999999999999" customHeight="1">
      <c r="A893" s="507" t="s">
        <v>651</v>
      </c>
      <c r="B893" s="479" t="s">
        <v>917</v>
      </c>
      <c r="C893" s="480"/>
      <c r="D893" s="479"/>
      <c r="E893" s="479"/>
      <c r="F893" s="479"/>
      <c r="G893" s="479"/>
      <c r="H893" s="479" t="s">
        <v>617</v>
      </c>
      <c r="I893" s="480" t="s">
        <v>916</v>
      </c>
      <c r="J893" s="479" t="s">
        <v>689</v>
      </c>
      <c r="K893" s="479" t="s">
        <v>688</v>
      </c>
      <c r="L893" s="506"/>
    </row>
    <row r="894" spans="1:12" ht="16.149999999999999" customHeight="1">
      <c r="A894" s="505" t="s">
        <v>651</v>
      </c>
      <c r="B894" s="549" t="s">
        <v>1270</v>
      </c>
      <c r="C894" s="550"/>
      <c r="D894" s="549"/>
      <c r="E894" s="549"/>
      <c r="F894" s="549"/>
      <c r="G894" s="478"/>
      <c r="H894" s="549"/>
      <c r="I894" s="504"/>
      <c r="J894" s="503" t="s">
        <v>687</v>
      </c>
      <c r="K894" s="502" t="s">
        <v>246</v>
      </c>
      <c r="L894" s="501" t="s">
        <v>618</v>
      </c>
    </row>
    <row r="895" spans="1:12" ht="16.149999999999999" customHeight="1">
      <c r="A895" s="477" t="s">
        <v>651</v>
      </c>
      <c r="B895" s="549"/>
      <c r="C895" s="550"/>
      <c r="D895" s="549"/>
      <c r="E895" s="549"/>
      <c r="F895" s="549"/>
      <c r="G895" s="478"/>
      <c r="H895" s="478"/>
      <c r="I895" s="478"/>
      <c r="J895" s="478"/>
      <c r="K895" s="478"/>
      <c r="L895" s="501"/>
    </row>
    <row r="896" spans="1:12" ht="16.149999999999999" customHeight="1">
      <c r="A896" s="498" t="s">
        <v>686</v>
      </c>
      <c r="B896" s="500"/>
      <c r="C896" s="499" t="s">
        <v>309</v>
      </c>
      <c r="D896" s="499" t="s">
        <v>685</v>
      </c>
      <c r="E896" s="499" t="s">
        <v>684</v>
      </c>
      <c r="F896" s="499" t="s">
        <v>683</v>
      </c>
      <c r="G896" s="498" t="s">
        <v>682</v>
      </c>
      <c r="H896" s="497"/>
      <c r="I896" s="497"/>
      <c r="J896" s="497"/>
      <c r="K896" s="497"/>
      <c r="L896" s="496"/>
    </row>
    <row r="897" spans="1:12" ht="16.149999999999999" customHeight="1">
      <c r="A897" s="733" t="s">
        <v>250</v>
      </c>
      <c r="B897" s="734"/>
      <c r="C897" s="495"/>
      <c r="D897" s="494"/>
      <c r="E897" s="493"/>
      <c r="F897" s="492"/>
      <c r="G897" s="486" t="s">
        <v>651</v>
      </c>
      <c r="H897" s="549"/>
      <c r="I897" s="549"/>
      <c r="J897" s="549"/>
      <c r="K897" s="549"/>
      <c r="L897" s="551"/>
    </row>
    <row r="898" spans="1:12" ht="16.149999999999999" customHeight="1">
      <c r="A898" s="735"/>
      <c r="B898" s="736"/>
      <c r="C898" s="490"/>
      <c r="D898" s="489"/>
      <c r="E898" s="491"/>
      <c r="F898" s="487" t="s">
        <v>651</v>
      </c>
      <c r="G898" s="486" t="s">
        <v>651</v>
      </c>
      <c r="H898" s="549"/>
      <c r="I898" s="549"/>
      <c r="J898" s="549"/>
      <c r="K898" s="549"/>
      <c r="L898" s="551"/>
    </row>
    <row r="899" spans="1:12" ht="16.149999999999999" customHeight="1">
      <c r="A899" s="735" t="s">
        <v>651</v>
      </c>
      <c r="B899" s="736"/>
      <c r="C899" s="490" t="s">
        <v>248</v>
      </c>
      <c r="D899" s="489"/>
      <c r="E899" s="488"/>
      <c r="F899" s="487"/>
      <c r="G899" s="486" t="s">
        <v>651</v>
      </c>
      <c r="H899" s="549"/>
      <c r="I899" s="549"/>
      <c r="J899" s="549"/>
      <c r="K899" s="549"/>
      <c r="L899" s="551"/>
    </row>
    <row r="900" spans="1:12" ht="16.149999999999999" customHeight="1">
      <c r="A900" s="737"/>
      <c r="B900" s="738"/>
      <c r="C900" s="485"/>
      <c r="D900" s="484"/>
      <c r="E900" s="483"/>
      <c r="F900" s="482"/>
      <c r="G900" s="481" t="s">
        <v>651</v>
      </c>
      <c r="H900" s="476"/>
      <c r="I900" s="476"/>
      <c r="J900" s="476"/>
      <c r="K900" s="476"/>
      <c r="L900" s="475"/>
    </row>
    <row r="901" spans="1:12" ht="16.149999999999999" customHeight="1">
      <c r="A901" s="733" t="s">
        <v>651</v>
      </c>
      <c r="B901" s="734"/>
      <c r="C901" s="495"/>
      <c r="D901" s="494"/>
      <c r="E901" s="493"/>
      <c r="F901" s="492"/>
      <c r="G901" s="486" t="s">
        <v>651</v>
      </c>
      <c r="H901" s="549"/>
      <c r="I901" s="549"/>
      <c r="J901" s="549"/>
      <c r="K901" s="549"/>
      <c r="L901" s="551"/>
    </row>
    <row r="902" spans="1:12" ht="16.149999999999999" customHeight="1">
      <c r="A902" s="735"/>
      <c r="B902" s="736"/>
      <c r="C902" s="490"/>
      <c r="D902" s="489"/>
      <c r="E902" s="491"/>
      <c r="F902" s="487" t="s">
        <v>651</v>
      </c>
      <c r="G902" s="486" t="s">
        <v>651</v>
      </c>
      <c r="H902" s="549"/>
      <c r="I902" s="549"/>
      <c r="J902" s="549"/>
      <c r="K902" s="549"/>
      <c r="L902" s="551"/>
    </row>
    <row r="903" spans="1:12" ht="16.149999999999999" customHeight="1">
      <c r="A903" s="735" t="s">
        <v>691</v>
      </c>
      <c r="B903" s="736"/>
      <c r="C903" s="490" t="s">
        <v>246</v>
      </c>
      <c r="D903" s="489">
        <v>1</v>
      </c>
      <c r="E903" s="488"/>
      <c r="F903" s="487"/>
      <c r="G903" s="486" t="s">
        <v>651</v>
      </c>
      <c r="H903" s="549"/>
      <c r="I903" s="549"/>
      <c r="J903" s="549"/>
      <c r="K903" s="549"/>
      <c r="L903" s="551"/>
    </row>
    <row r="904" spans="1:12" ht="16.149999999999999" customHeight="1">
      <c r="A904" s="737"/>
      <c r="B904" s="738"/>
      <c r="C904" s="485"/>
      <c r="D904" s="484"/>
      <c r="E904" s="483"/>
      <c r="F904" s="482"/>
      <c r="G904" s="481" t="s">
        <v>651</v>
      </c>
      <c r="H904" s="476"/>
      <c r="I904" s="476"/>
      <c r="J904" s="476"/>
      <c r="K904" s="476"/>
      <c r="L904" s="475"/>
    </row>
    <row r="905" spans="1:12" ht="16.149999999999999" customHeight="1">
      <c r="A905" s="733" t="s">
        <v>651</v>
      </c>
      <c r="B905" s="734"/>
      <c r="C905" s="495"/>
      <c r="D905" s="494"/>
      <c r="E905" s="493"/>
      <c r="F905" s="492"/>
      <c r="G905" s="486" t="s">
        <v>651</v>
      </c>
      <c r="H905" s="549"/>
      <c r="I905" s="549"/>
      <c r="J905" s="549"/>
      <c r="K905" s="549"/>
      <c r="L905" s="551"/>
    </row>
    <row r="906" spans="1:12" ht="16.149999999999999" customHeight="1">
      <c r="A906" s="735"/>
      <c r="B906" s="736"/>
      <c r="C906" s="490"/>
      <c r="D906" s="489"/>
      <c r="E906" s="491"/>
      <c r="F906" s="487" t="s">
        <v>651</v>
      </c>
      <c r="G906" s="486" t="s">
        <v>651</v>
      </c>
      <c r="H906" s="549"/>
      <c r="I906" s="549"/>
      <c r="J906" s="549"/>
      <c r="K906" s="549"/>
      <c r="L906" s="551"/>
    </row>
    <row r="907" spans="1:12" ht="16.149999999999999" customHeight="1">
      <c r="A907" s="735" t="s">
        <v>681</v>
      </c>
      <c r="B907" s="736"/>
      <c r="C907" s="490" t="s">
        <v>246</v>
      </c>
      <c r="D907" s="489">
        <v>1</v>
      </c>
      <c r="E907" s="488" t="s">
        <v>618</v>
      </c>
      <c r="F907" s="487"/>
      <c r="G907" s="486" t="s">
        <v>651</v>
      </c>
      <c r="H907" s="549"/>
      <c r="I907" s="549"/>
      <c r="J907" s="549"/>
      <c r="K907" s="549"/>
      <c r="L907" s="551"/>
    </row>
    <row r="908" spans="1:12" ht="16.149999999999999" customHeight="1">
      <c r="A908" s="737"/>
      <c r="B908" s="738"/>
      <c r="C908" s="485"/>
      <c r="D908" s="484"/>
      <c r="E908" s="483"/>
      <c r="F908" s="482"/>
      <c r="G908" s="481" t="s">
        <v>651</v>
      </c>
      <c r="H908" s="476"/>
      <c r="I908" s="476"/>
      <c r="J908" s="476"/>
      <c r="K908" s="476"/>
      <c r="L908" s="475"/>
    </row>
    <row r="911" spans="1:12" ht="16.149999999999999" customHeight="1">
      <c r="A911" s="507" t="s">
        <v>651</v>
      </c>
      <c r="B911" s="479" t="s">
        <v>915</v>
      </c>
      <c r="C911" s="480"/>
      <c r="D911" s="479"/>
      <c r="E911" s="479"/>
      <c r="F911" s="479"/>
      <c r="G911" s="479"/>
      <c r="H911" s="479" t="s">
        <v>617</v>
      </c>
      <c r="I911" s="480" t="s">
        <v>914</v>
      </c>
      <c r="J911" s="479" t="s">
        <v>689</v>
      </c>
      <c r="K911" s="479" t="s">
        <v>688</v>
      </c>
      <c r="L911" s="506"/>
    </row>
    <row r="912" spans="1:12" ht="16.149999999999999" customHeight="1">
      <c r="A912" s="505" t="s">
        <v>651</v>
      </c>
      <c r="B912" s="549" t="s">
        <v>1268</v>
      </c>
      <c r="C912" s="550"/>
      <c r="D912" s="549"/>
      <c r="E912" s="549"/>
      <c r="F912" s="549"/>
      <c r="G912" s="478"/>
      <c r="H912" s="549"/>
      <c r="I912" s="504"/>
      <c r="J912" s="503" t="s">
        <v>687</v>
      </c>
      <c r="K912" s="502" t="s">
        <v>246</v>
      </c>
      <c r="L912" s="501" t="s">
        <v>618</v>
      </c>
    </row>
    <row r="913" spans="1:12" ht="16.149999999999999" customHeight="1">
      <c r="A913" s="477" t="s">
        <v>651</v>
      </c>
      <c r="B913" s="549"/>
      <c r="C913" s="550"/>
      <c r="D913" s="549"/>
      <c r="E913" s="549"/>
      <c r="F913" s="549"/>
      <c r="G913" s="478"/>
      <c r="H913" s="478"/>
      <c r="I913" s="478"/>
      <c r="J913" s="478"/>
      <c r="K913" s="478"/>
      <c r="L913" s="501"/>
    </row>
    <row r="914" spans="1:12" ht="16.149999999999999" customHeight="1">
      <c r="A914" s="498" t="s">
        <v>686</v>
      </c>
      <c r="B914" s="500"/>
      <c r="C914" s="499" t="s">
        <v>309</v>
      </c>
      <c r="D914" s="499" t="s">
        <v>685</v>
      </c>
      <c r="E914" s="499" t="s">
        <v>684</v>
      </c>
      <c r="F914" s="499" t="s">
        <v>683</v>
      </c>
      <c r="G914" s="498" t="s">
        <v>682</v>
      </c>
      <c r="H914" s="497"/>
      <c r="I914" s="497"/>
      <c r="J914" s="497"/>
      <c r="K914" s="497"/>
      <c r="L914" s="496"/>
    </row>
    <row r="915" spans="1:12" ht="16.149999999999999" customHeight="1">
      <c r="A915" s="733" t="s">
        <v>250</v>
      </c>
      <c r="B915" s="734"/>
      <c r="C915" s="495"/>
      <c r="D915" s="494"/>
      <c r="E915" s="493"/>
      <c r="F915" s="492"/>
      <c r="G915" s="486" t="s">
        <v>651</v>
      </c>
      <c r="H915" s="549"/>
      <c r="I915" s="549"/>
      <c r="J915" s="549"/>
      <c r="K915" s="549"/>
      <c r="L915" s="551"/>
    </row>
    <row r="916" spans="1:12" ht="16.149999999999999" customHeight="1">
      <c r="A916" s="735"/>
      <c r="B916" s="736"/>
      <c r="C916" s="490"/>
      <c r="D916" s="489"/>
      <c r="E916" s="491"/>
      <c r="F916" s="487" t="s">
        <v>651</v>
      </c>
      <c r="G916" s="486" t="s">
        <v>651</v>
      </c>
      <c r="H916" s="549"/>
      <c r="I916" s="549"/>
      <c r="J916" s="549"/>
      <c r="K916" s="549"/>
      <c r="L916" s="551"/>
    </row>
    <row r="917" spans="1:12" ht="16.149999999999999" customHeight="1">
      <c r="A917" s="735" t="s">
        <v>651</v>
      </c>
      <c r="B917" s="736"/>
      <c r="C917" s="490" t="s">
        <v>248</v>
      </c>
      <c r="D917" s="489"/>
      <c r="E917" s="488"/>
      <c r="F917" s="487"/>
      <c r="G917" s="486" t="s">
        <v>651</v>
      </c>
      <c r="H917" s="549"/>
      <c r="I917" s="549"/>
      <c r="J917" s="549"/>
      <c r="K917" s="549"/>
      <c r="L917" s="551"/>
    </row>
    <row r="918" spans="1:12" ht="16.149999999999999" customHeight="1">
      <c r="A918" s="737"/>
      <c r="B918" s="738"/>
      <c r="C918" s="485"/>
      <c r="D918" s="484"/>
      <c r="E918" s="483"/>
      <c r="F918" s="482"/>
      <c r="G918" s="481" t="s">
        <v>651</v>
      </c>
      <c r="H918" s="476"/>
      <c r="I918" s="476"/>
      <c r="J918" s="476"/>
      <c r="K918" s="476"/>
      <c r="L918" s="475"/>
    </row>
    <row r="919" spans="1:12" ht="16.149999999999999" customHeight="1">
      <c r="A919" s="733" t="s">
        <v>651</v>
      </c>
      <c r="B919" s="734"/>
      <c r="C919" s="495"/>
      <c r="D919" s="494"/>
      <c r="E919" s="493"/>
      <c r="F919" s="492"/>
      <c r="G919" s="486" t="s">
        <v>651</v>
      </c>
      <c r="H919" s="549"/>
      <c r="I919" s="549"/>
      <c r="J919" s="549"/>
      <c r="K919" s="549"/>
      <c r="L919" s="551"/>
    </row>
    <row r="920" spans="1:12" ht="16.149999999999999" customHeight="1">
      <c r="A920" s="735"/>
      <c r="B920" s="736"/>
      <c r="C920" s="490"/>
      <c r="D920" s="489"/>
      <c r="E920" s="491"/>
      <c r="F920" s="487" t="s">
        <v>651</v>
      </c>
      <c r="G920" s="486" t="s">
        <v>651</v>
      </c>
      <c r="H920" s="549"/>
      <c r="I920" s="549"/>
      <c r="J920" s="549"/>
      <c r="K920" s="549"/>
      <c r="L920" s="551"/>
    </row>
    <row r="921" spans="1:12" ht="16.149999999999999" customHeight="1">
      <c r="A921" s="735" t="s">
        <v>691</v>
      </c>
      <c r="B921" s="736"/>
      <c r="C921" s="490" t="s">
        <v>246</v>
      </c>
      <c r="D921" s="489">
        <v>1</v>
      </c>
      <c r="E921" s="488"/>
      <c r="F921" s="487"/>
      <c r="G921" s="486" t="s">
        <v>651</v>
      </c>
      <c r="H921" s="549"/>
      <c r="I921" s="549"/>
      <c r="J921" s="549"/>
      <c r="K921" s="549"/>
      <c r="L921" s="551"/>
    </row>
    <row r="922" spans="1:12" ht="16.149999999999999" customHeight="1">
      <c r="A922" s="737"/>
      <c r="B922" s="738"/>
      <c r="C922" s="485"/>
      <c r="D922" s="484"/>
      <c r="E922" s="483"/>
      <c r="F922" s="482"/>
      <c r="G922" s="481" t="s">
        <v>651</v>
      </c>
      <c r="H922" s="476"/>
      <c r="I922" s="476"/>
      <c r="J922" s="476"/>
      <c r="K922" s="476"/>
      <c r="L922" s="475"/>
    </row>
    <row r="923" spans="1:12" ht="16.149999999999999" customHeight="1">
      <c r="A923" s="733" t="s">
        <v>651</v>
      </c>
      <c r="B923" s="734"/>
      <c r="C923" s="495"/>
      <c r="D923" s="494"/>
      <c r="E923" s="493"/>
      <c r="F923" s="492"/>
      <c r="G923" s="486" t="s">
        <v>651</v>
      </c>
      <c r="H923" s="549"/>
      <c r="I923" s="549"/>
      <c r="J923" s="549"/>
      <c r="K923" s="549"/>
      <c r="L923" s="551"/>
    </row>
    <row r="924" spans="1:12" ht="16.149999999999999" customHeight="1">
      <c r="A924" s="735"/>
      <c r="B924" s="736"/>
      <c r="C924" s="490"/>
      <c r="D924" s="489"/>
      <c r="E924" s="491"/>
      <c r="F924" s="487" t="s">
        <v>651</v>
      </c>
      <c r="G924" s="486" t="s">
        <v>651</v>
      </c>
      <c r="H924" s="549"/>
      <c r="I924" s="549"/>
      <c r="J924" s="549"/>
      <c r="K924" s="549"/>
      <c r="L924" s="551"/>
    </row>
    <row r="925" spans="1:12" ht="16.149999999999999" customHeight="1">
      <c r="A925" s="735" t="s">
        <v>681</v>
      </c>
      <c r="B925" s="736"/>
      <c r="C925" s="490" t="s">
        <v>246</v>
      </c>
      <c r="D925" s="489">
        <v>1</v>
      </c>
      <c r="E925" s="488" t="s">
        <v>618</v>
      </c>
      <c r="F925" s="487"/>
      <c r="G925" s="486" t="s">
        <v>651</v>
      </c>
      <c r="H925" s="549"/>
      <c r="I925" s="549"/>
      <c r="J925" s="549"/>
      <c r="K925" s="549"/>
      <c r="L925" s="551"/>
    </row>
    <row r="926" spans="1:12" ht="16.149999999999999" customHeight="1">
      <c r="A926" s="737"/>
      <c r="B926" s="738"/>
      <c r="C926" s="485"/>
      <c r="D926" s="484"/>
      <c r="E926" s="483"/>
      <c r="F926" s="482"/>
      <c r="G926" s="481" t="s">
        <v>651</v>
      </c>
      <c r="H926" s="476"/>
      <c r="I926" s="476"/>
      <c r="J926" s="476"/>
      <c r="K926" s="476"/>
      <c r="L926" s="475"/>
    </row>
    <row r="928" spans="1:12" ht="16.149999999999999" customHeight="1">
      <c r="A928" s="507" t="s">
        <v>651</v>
      </c>
      <c r="B928" s="479" t="s">
        <v>913</v>
      </c>
      <c r="C928" s="480"/>
      <c r="D928" s="479"/>
      <c r="E928" s="479"/>
      <c r="F928" s="479"/>
      <c r="G928" s="479"/>
      <c r="H928" s="479" t="s">
        <v>617</v>
      </c>
      <c r="I928" s="480" t="s">
        <v>912</v>
      </c>
      <c r="J928" s="479" t="s">
        <v>689</v>
      </c>
      <c r="K928" s="479" t="s">
        <v>688</v>
      </c>
      <c r="L928" s="506"/>
    </row>
    <row r="929" spans="1:12" ht="16.149999999999999" customHeight="1">
      <c r="A929" s="505" t="s">
        <v>651</v>
      </c>
      <c r="B929" s="549" t="s">
        <v>1264</v>
      </c>
      <c r="C929" s="550"/>
      <c r="D929" s="549"/>
      <c r="E929" s="549"/>
      <c r="F929" s="549"/>
      <c r="G929" s="478"/>
      <c r="H929" s="549"/>
      <c r="I929" s="504"/>
      <c r="J929" s="503" t="s">
        <v>687</v>
      </c>
      <c r="K929" s="502" t="s">
        <v>246</v>
      </c>
      <c r="L929" s="501" t="s">
        <v>618</v>
      </c>
    </row>
    <row r="930" spans="1:12" ht="16.149999999999999" customHeight="1">
      <c r="A930" s="477" t="s">
        <v>651</v>
      </c>
      <c r="B930" s="549"/>
      <c r="C930" s="550"/>
      <c r="D930" s="549"/>
      <c r="E930" s="549"/>
      <c r="F930" s="549"/>
      <c r="G930" s="478"/>
      <c r="H930" s="478"/>
      <c r="I930" s="478"/>
      <c r="J930" s="478"/>
      <c r="K930" s="478"/>
      <c r="L930" s="501"/>
    </row>
    <row r="931" spans="1:12" ht="16.149999999999999" customHeight="1">
      <c r="A931" s="498" t="s">
        <v>686</v>
      </c>
      <c r="B931" s="500"/>
      <c r="C931" s="499" t="s">
        <v>309</v>
      </c>
      <c r="D931" s="499" t="s">
        <v>685</v>
      </c>
      <c r="E931" s="499" t="s">
        <v>684</v>
      </c>
      <c r="F931" s="499" t="s">
        <v>683</v>
      </c>
      <c r="G931" s="498" t="s">
        <v>682</v>
      </c>
      <c r="H931" s="497"/>
      <c r="I931" s="497"/>
      <c r="J931" s="497"/>
      <c r="K931" s="497"/>
      <c r="L931" s="496"/>
    </row>
    <row r="932" spans="1:12" ht="16.149999999999999" customHeight="1">
      <c r="A932" s="733" t="s">
        <v>250</v>
      </c>
      <c r="B932" s="734"/>
      <c r="C932" s="495"/>
      <c r="D932" s="494"/>
      <c r="E932" s="493"/>
      <c r="F932" s="492"/>
      <c r="G932" s="486" t="s">
        <v>651</v>
      </c>
      <c r="H932" s="549"/>
      <c r="I932" s="549"/>
      <c r="J932" s="549"/>
      <c r="K932" s="549"/>
      <c r="L932" s="551"/>
    </row>
    <row r="933" spans="1:12" ht="16.149999999999999" customHeight="1">
      <c r="A933" s="735"/>
      <c r="B933" s="736"/>
      <c r="C933" s="490"/>
      <c r="D933" s="489"/>
      <c r="E933" s="491"/>
      <c r="F933" s="487" t="s">
        <v>651</v>
      </c>
      <c r="G933" s="486" t="s">
        <v>651</v>
      </c>
      <c r="H933" s="549"/>
      <c r="I933" s="549"/>
      <c r="J933" s="549"/>
      <c r="K933" s="549"/>
      <c r="L933" s="551"/>
    </row>
    <row r="934" spans="1:12" ht="16.149999999999999" customHeight="1">
      <c r="A934" s="735" t="s">
        <v>651</v>
      </c>
      <c r="B934" s="736"/>
      <c r="C934" s="490" t="s">
        <v>248</v>
      </c>
      <c r="D934" s="489"/>
      <c r="E934" s="488"/>
      <c r="F934" s="487"/>
      <c r="G934" s="486" t="s">
        <v>651</v>
      </c>
      <c r="H934" s="549"/>
      <c r="I934" s="549"/>
      <c r="J934" s="549"/>
      <c r="K934" s="549"/>
      <c r="L934" s="551"/>
    </row>
    <row r="935" spans="1:12" ht="16.149999999999999" customHeight="1">
      <c r="A935" s="737"/>
      <c r="B935" s="738"/>
      <c r="C935" s="485"/>
      <c r="D935" s="484"/>
      <c r="E935" s="483"/>
      <c r="F935" s="482"/>
      <c r="G935" s="481" t="s">
        <v>651</v>
      </c>
      <c r="H935" s="476"/>
      <c r="I935" s="476"/>
      <c r="J935" s="476"/>
      <c r="K935" s="476"/>
      <c r="L935" s="475"/>
    </row>
    <row r="936" spans="1:12" ht="16.149999999999999" customHeight="1">
      <c r="A936" s="733" t="s">
        <v>651</v>
      </c>
      <c r="B936" s="734"/>
      <c r="C936" s="495"/>
      <c r="D936" s="494"/>
      <c r="E936" s="493"/>
      <c r="F936" s="492"/>
      <c r="G936" s="486" t="s">
        <v>651</v>
      </c>
      <c r="H936" s="549"/>
      <c r="I936" s="549"/>
      <c r="J936" s="549"/>
      <c r="K936" s="549"/>
      <c r="L936" s="551"/>
    </row>
    <row r="937" spans="1:12" ht="16.149999999999999" customHeight="1">
      <c r="A937" s="735"/>
      <c r="B937" s="736"/>
      <c r="C937" s="490"/>
      <c r="D937" s="489"/>
      <c r="E937" s="491"/>
      <c r="F937" s="487" t="s">
        <v>651</v>
      </c>
      <c r="G937" s="486" t="s">
        <v>651</v>
      </c>
      <c r="H937" s="549"/>
      <c r="I937" s="549"/>
      <c r="J937" s="549"/>
      <c r="K937" s="549"/>
      <c r="L937" s="551"/>
    </row>
    <row r="938" spans="1:12" ht="16.149999999999999" customHeight="1">
      <c r="A938" s="735" t="s">
        <v>691</v>
      </c>
      <c r="B938" s="736"/>
      <c r="C938" s="490" t="s">
        <v>246</v>
      </c>
      <c r="D938" s="489">
        <v>1</v>
      </c>
      <c r="E938" s="488"/>
      <c r="F938" s="487"/>
      <c r="G938" s="486" t="s">
        <v>651</v>
      </c>
      <c r="H938" s="549"/>
      <c r="I938" s="549"/>
      <c r="J938" s="549"/>
      <c r="K938" s="549"/>
      <c r="L938" s="551"/>
    </row>
    <row r="939" spans="1:12" ht="16.149999999999999" customHeight="1">
      <c r="A939" s="737"/>
      <c r="B939" s="738"/>
      <c r="C939" s="485"/>
      <c r="D939" s="484"/>
      <c r="E939" s="483"/>
      <c r="F939" s="482"/>
      <c r="G939" s="481" t="s">
        <v>651</v>
      </c>
      <c r="H939" s="476"/>
      <c r="I939" s="476"/>
      <c r="J939" s="476"/>
      <c r="K939" s="476"/>
      <c r="L939" s="475"/>
    </row>
    <row r="940" spans="1:12" ht="16.149999999999999" customHeight="1">
      <c r="A940" s="733" t="s">
        <v>651</v>
      </c>
      <c r="B940" s="734"/>
      <c r="C940" s="495"/>
      <c r="D940" s="494"/>
      <c r="E940" s="493"/>
      <c r="F940" s="492"/>
      <c r="G940" s="486" t="s">
        <v>651</v>
      </c>
      <c r="H940" s="549"/>
      <c r="I940" s="549"/>
      <c r="J940" s="549"/>
      <c r="K940" s="549"/>
      <c r="L940" s="551"/>
    </row>
    <row r="941" spans="1:12" ht="16.149999999999999" customHeight="1">
      <c r="A941" s="735"/>
      <c r="B941" s="736"/>
      <c r="C941" s="490"/>
      <c r="D941" s="489"/>
      <c r="E941" s="491"/>
      <c r="F941" s="487" t="s">
        <v>651</v>
      </c>
      <c r="G941" s="486" t="s">
        <v>651</v>
      </c>
      <c r="H941" s="549"/>
      <c r="I941" s="549"/>
      <c r="J941" s="549"/>
      <c r="K941" s="549"/>
      <c r="L941" s="551"/>
    </row>
    <row r="942" spans="1:12" ht="16.149999999999999" customHeight="1">
      <c r="A942" s="735" t="s">
        <v>681</v>
      </c>
      <c r="B942" s="736"/>
      <c r="C942" s="490" t="s">
        <v>246</v>
      </c>
      <c r="D942" s="489">
        <v>1</v>
      </c>
      <c r="E942" s="488" t="s">
        <v>618</v>
      </c>
      <c r="F942" s="487"/>
      <c r="G942" s="486" t="s">
        <v>651</v>
      </c>
      <c r="H942" s="549"/>
      <c r="I942" s="549"/>
      <c r="J942" s="549"/>
      <c r="K942" s="549"/>
      <c r="L942" s="551"/>
    </row>
    <row r="943" spans="1:12" ht="16.149999999999999" customHeight="1">
      <c r="A943" s="737"/>
      <c r="B943" s="738"/>
      <c r="C943" s="485"/>
      <c r="D943" s="484"/>
      <c r="E943" s="483"/>
      <c r="F943" s="482"/>
      <c r="G943" s="481" t="s">
        <v>651</v>
      </c>
      <c r="H943" s="476"/>
      <c r="I943" s="476"/>
      <c r="J943" s="476"/>
      <c r="K943" s="476"/>
      <c r="L943" s="475"/>
    </row>
    <row r="946" spans="1:12" ht="16.149999999999999" customHeight="1">
      <c r="A946" s="507" t="s">
        <v>651</v>
      </c>
      <c r="B946" s="479" t="s">
        <v>751</v>
      </c>
      <c r="C946" s="480"/>
      <c r="D946" s="479"/>
      <c r="E946" s="479"/>
      <c r="F946" s="479"/>
      <c r="G946" s="479"/>
      <c r="H946" s="479" t="s">
        <v>617</v>
      </c>
      <c r="I946" s="480" t="s">
        <v>910</v>
      </c>
      <c r="J946" s="479" t="s">
        <v>689</v>
      </c>
      <c r="K946" s="479" t="s">
        <v>688</v>
      </c>
      <c r="L946" s="506"/>
    </row>
    <row r="947" spans="1:12" ht="16.149999999999999" customHeight="1">
      <c r="A947" s="505" t="s">
        <v>651</v>
      </c>
      <c r="B947" s="549" t="s">
        <v>1326</v>
      </c>
      <c r="C947" s="550"/>
      <c r="D947" s="549"/>
      <c r="E947" s="549"/>
      <c r="F947" s="549"/>
      <c r="G947" s="478"/>
      <c r="H947" s="549"/>
      <c r="I947" s="504"/>
      <c r="J947" s="503" t="s">
        <v>687</v>
      </c>
      <c r="K947" s="502" t="s">
        <v>697</v>
      </c>
      <c r="L947" s="501" t="s">
        <v>618</v>
      </c>
    </row>
    <row r="948" spans="1:12" ht="16.149999999999999" customHeight="1">
      <c r="A948" s="477" t="s">
        <v>651</v>
      </c>
      <c r="B948" s="549"/>
      <c r="C948" s="550"/>
      <c r="D948" s="549"/>
      <c r="E948" s="549"/>
      <c r="F948" s="549"/>
      <c r="G948" s="478"/>
      <c r="H948" s="478"/>
      <c r="I948" s="478"/>
      <c r="J948" s="478"/>
      <c r="K948" s="478"/>
      <c r="L948" s="501"/>
    </row>
    <row r="949" spans="1:12" ht="16.149999999999999" customHeight="1">
      <c r="A949" s="498" t="s">
        <v>686</v>
      </c>
      <c r="B949" s="500"/>
      <c r="C949" s="499" t="s">
        <v>309</v>
      </c>
      <c r="D949" s="499" t="s">
        <v>685</v>
      </c>
      <c r="E949" s="499" t="s">
        <v>684</v>
      </c>
      <c r="F949" s="499" t="s">
        <v>683</v>
      </c>
      <c r="G949" s="498" t="s">
        <v>682</v>
      </c>
      <c r="H949" s="497"/>
      <c r="I949" s="497"/>
      <c r="J949" s="497"/>
      <c r="K949" s="497"/>
      <c r="L949" s="496"/>
    </row>
    <row r="950" spans="1:12" ht="16.149999999999999" customHeight="1">
      <c r="A950" s="733" t="s">
        <v>721</v>
      </c>
      <c r="B950" s="734"/>
      <c r="C950" s="495"/>
      <c r="D950" s="494"/>
      <c r="E950" s="493"/>
      <c r="F950" s="492"/>
      <c r="G950" s="486" t="s">
        <v>651</v>
      </c>
      <c r="H950" s="549"/>
      <c r="I950" s="549"/>
      <c r="J950" s="549"/>
      <c r="K950" s="549"/>
      <c r="L950" s="551"/>
    </row>
    <row r="951" spans="1:12" ht="16.149999999999999" customHeight="1">
      <c r="A951" s="735"/>
      <c r="B951" s="736"/>
      <c r="C951" s="490"/>
      <c r="D951" s="489"/>
      <c r="E951" s="491"/>
      <c r="F951" s="487" t="s">
        <v>651</v>
      </c>
      <c r="G951" s="486" t="s">
        <v>651</v>
      </c>
      <c r="H951" s="549"/>
      <c r="I951" s="549"/>
      <c r="J951" s="549"/>
      <c r="K951" s="549"/>
      <c r="L951" s="551"/>
    </row>
    <row r="952" spans="1:12" ht="16.149999999999999" customHeight="1">
      <c r="A952" s="735" t="s">
        <v>651</v>
      </c>
      <c r="B952" s="736"/>
      <c r="C952" s="490" t="s">
        <v>248</v>
      </c>
      <c r="D952" s="489"/>
      <c r="E952" s="488"/>
      <c r="F952" s="487"/>
      <c r="G952" s="486" t="s">
        <v>651</v>
      </c>
      <c r="H952" s="549"/>
      <c r="I952" s="549"/>
      <c r="J952" s="549"/>
      <c r="K952" s="549"/>
      <c r="L952" s="551"/>
    </row>
    <row r="953" spans="1:12" ht="16.149999999999999" customHeight="1">
      <c r="A953" s="737"/>
      <c r="B953" s="738"/>
      <c r="C953" s="485"/>
      <c r="D953" s="484"/>
      <c r="E953" s="483"/>
      <c r="F953" s="482"/>
      <c r="G953" s="481" t="s">
        <v>651</v>
      </c>
      <c r="H953" s="476"/>
      <c r="I953" s="476"/>
      <c r="J953" s="476"/>
      <c r="K953" s="476"/>
      <c r="L953" s="475"/>
    </row>
    <row r="954" spans="1:12" ht="16.149999999999999" customHeight="1">
      <c r="A954" s="733" t="s">
        <v>250</v>
      </c>
      <c r="B954" s="734"/>
      <c r="C954" s="495"/>
      <c r="D954" s="494"/>
      <c r="E954" s="493"/>
      <c r="F954" s="492"/>
      <c r="G954" s="486" t="s">
        <v>651</v>
      </c>
      <c r="H954" s="549"/>
      <c r="I954" s="549"/>
      <c r="J954" s="549"/>
      <c r="K954" s="549"/>
      <c r="L954" s="551"/>
    </row>
    <row r="955" spans="1:12" ht="16.149999999999999" customHeight="1">
      <c r="A955" s="735"/>
      <c r="B955" s="736"/>
      <c r="C955" s="490"/>
      <c r="D955" s="489"/>
      <c r="E955" s="491"/>
      <c r="F955" s="487" t="s">
        <v>651</v>
      </c>
      <c r="G955" s="486" t="s">
        <v>651</v>
      </c>
      <c r="H955" s="549"/>
      <c r="I955" s="549"/>
      <c r="J955" s="549"/>
      <c r="K955" s="549"/>
      <c r="L955" s="551"/>
    </row>
    <row r="956" spans="1:12" ht="16.149999999999999" customHeight="1">
      <c r="A956" s="735" t="s">
        <v>651</v>
      </c>
      <c r="B956" s="736"/>
      <c r="C956" s="490" t="s">
        <v>248</v>
      </c>
      <c r="D956" s="489"/>
      <c r="E956" s="488"/>
      <c r="F956" s="487"/>
      <c r="G956" s="486" t="s">
        <v>651</v>
      </c>
      <c r="H956" s="549"/>
      <c r="I956" s="549"/>
      <c r="J956" s="549"/>
      <c r="K956" s="549"/>
      <c r="L956" s="551"/>
    </row>
    <row r="957" spans="1:12" ht="16.149999999999999" customHeight="1">
      <c r="A957" s="737"/>
      <c r="B957" s="738"/>
      <c r="C957" s="485"/>
      <c r="D957" s="484"/>
      <c r="E957" s="483"/>
      <c r="F957" s="482"/>
      <c r="G957" s="481" t="s">
        <v>651</v>
      </c>
      <c r="H957" s="476"/>
      <c r="I957" s="476"/>
      <c r="J957" s="476"/>
      <c r="K957" s="476"/>
      <c r="L957" s="475"/>
    </row>
    <row r="958" spans="1:12" ht="16.149999999999999" customHeight="1">
      <c r="A958" s="733" t="s">
        <v>746</v>
      </c>
      <c r="B958" s="734"/>
      <c r="C958" s="495"/>
      <c r="D958" s="494"/>
      <c r="E958" s="493"/>
      <c r="F958" s="492"/>
      <c r="G958" s="486" t="s">
        <v>911</v>
      </c>
      <c r="H958" s="549"/>
      <c r="I958" s="549"/>
      <c r="J958" s="549"/>
      <c r="K958" s="549"/>
      <c r="L958" s="551"/>
    </row>
    <row r="959" spans="1:12" ht="16.149999999999999" customHeight="1">
      <c r="A959" s="735"/>
      <c r="B959" s="736"/>
      <c r="C959" s="490"/>
      <c r="D959" s="489"/>
      <c r="E959" s="491"/>
      <c r="F959" s="487" t="s">
        <v>651</v>
      </c>
      <c r="G959" s="486" t="s">
        <v>651</v>
      </c>
      <c r="H959" s="549"/>
      <c r="I959" s="549"/>
      <c r="J959" s="549"/>
      <c r="K959" s="549"/>
      <c r="L959" s="551"/>
    </row>
    <row r="960" spans="1:12" ht="16.149999999999999" customHeight="1">
      <c r="A960" s="735" t="s">
        <v>905</v>
      </c>
      <c r="B960" s="736"/>
      <c r="C960" s="490" t="s">
        <v>621</v>
      </c>
      <c r="D960" s="489"/>
      <c r="E960" s="488"/>
      <c r="F960" s="487"/>
      <c r="G960" s="486" t="s">
        <v>651</v>
      </c>
      <c r="H960" s="549"/>
      <c r="I960" s="549"/>
      <c r="J960" s="549"/>
      <c r="K960" s="549"/>
      <c r="L960" s="551"/>
    </row>
    <row r="961" spans="1:12" ht="16.149999999999999" customHeight="1">
      <c r="A961" s="737"/>
      <c r="B961" s="738"/>
      <c r="C961" s="485"/>
      <c r="D961" s="484"/>
      <c r="E961" s="483"/>
      <c r="F961" s="482"/>
      <c r="G961" s="481" t="s">
        <v>651</v>
      </c>
      <c r="H961" s="476"/>
      <c r="I961" s="476"/>
      <c r="J961" s="476"/>
      <c r="K961" s="476"/>
      <c r="L961" s="475"/>
    </row>
    <row r="962" spans="1:12" ht="16.149999999999999" customHeight="1">
      <c r="A962" s="733" t="s">
        <v>700</v>
      </c>
      <c r="B962" s="734"/>
      <c r="C962" s="495"/>
      <c r="D962" s="494"/>
      <c r="E962" s="493"/>
      <c r="F962" s="492"/>
      <c r="G962" s="486" t="s">
        <v>651</v>
      </c>
      <c r="H962" s="549"/>
      <c r="I962" s="549"/>
      <c r="J962" s="549"/>
      <c r="K962" s="549"/>
      <c r="L962" s="551"/>
    </row>
    <row r="963" spans="1:12" ht="16.149999999999999" customHeight="1">
      <c r="A963" s="735"/>
      <c r="B963" s="736"/>
      <c r="C963" s="490"/>
      <c r="D963" s="489"/>
      <c r="E963" s="491"/>
      <c r="F963" s="487" t="s">
        <v>651</v>
      </c>
      <c r="G963" s="486" t="s">
        <v>651</v>
      </c>
      <c r="H963" s="549"/>
      <c r="I963" s="549"/>
      <c r="J963" s="549"/>
      <c r="K963" s="549"/>
      <c r="L963" s="551"/>
    </row>
    <row r="964" spans="1:12" ht="16.149999999999999" customHeight="1">
      <c r="A964" s="735" t="s">
        <v>651</v>
      </c>
      <c r="B964" s="736"/>
      <c r="C964" s="490" t="s">
        <v>242</v>
      </c>
      <c r="D964" s="489">
        <v>1</v>
      </c>
      <c r="E964" s="488"/>
      <c r="F964" s="487"/>
      <c r="G964" s="486" t="s">
        <v>651</v>
      </c>
      <c r="H964" s="549"/>
      <c r="I964" s="549"/>
      <c r="J964" s="549"/>
      <c r="K964" s="549"/>
      <c r="L964" s="551"/>
    </row>
    <row r="965" spans="1:12" ht="16.149999999999999" customHeight="1">
      <c r="A965" s="737"/>
      <c r="B965" s="738"/>
      <c r="C965" s="485"/>
      <c r="D965" s="484"/>
      <c r="E965" s="483"/>
      <c r="F965" s="482"/>
      <c r="G965" s="481" t="s">
        <v>651</v>
      </c>
      <c r="H965" s="476"/>
      <c r="I965" s="476"/>
      <c r="J965" s="476"/>
      <c r="K965" s="476"/>
      <c r="L965" s="475"/>
    </row>
    <row r="966" spans="1:12" ht="16.149999999999999" customHeight="1">
      <c r="A966" s="733" t="s">
        <v>651</v>
      </c>
      <c r="B966" s="734"/>
      <c r="C966" s="495"/>
      <c r="D966" s="494"/>
      <c r="E966" s="493"/>
      <c r="F966" s="492"/>
      <c r="G966" s="486" t="s">
        <v>651</v>
      </c>
      <c r="H966" s="549"/>
      <c r="I966" s="549"/>
      <c r="J966" s="549"/>
      <c r="K966" s="549"/>
      <c r="L966" s="551"/>
    </row>
    <row r="967" spans="1:12" ht="16.149999999999999" customHeight="1">
      <c r="A967" s="735"/>
      <c r="B967" s="736"/>
      <c r="C967" s="490"/>
      <c r="D967" s="489"/>
      <c r="E967" s="491"/>
      <c r="F967" s="487" t="s">
        <v>651</v>
      </c>
      <c r="G967" s="486" t="s">
        <v>651</v>
      </c>
      <c r="H967" s="549"/>
      <c r="I967" s="549"/>
      <c r="J967" s="549"/>
      <c r="K967" s="549"/>
      <c r="L967" s="551"/>
    </row>
    <row r="968" spans="1:12" ht="16.149999999999999" customHeight="1">
      <c r="A968" s="735" t="s">
        <v>691</v>
      </c>
      <c r="B968" s="736"/>
      <c r="C968" s="490" t="s">
        <v>697</v>
      </c>
      <c r="D968" s="489">
        <v>1</v>
      </c>
      <c r="E968" s="488"/>
      <c r="F968" s="487"/>
      <c r="G968" s="486" t="s">
        <v>651</v>
      </c>
      <c r="H968" s="549"/>
      <c r="I968" s="549"/>
      <c r="J968" s="549"/>
      <c r="K968" s="549"/>
      <c r="L968" s="551"/>
    </row>
    <row r="969" spans="1:12" ht="16.149999999999999" customHeight="1">
      <c r="A969" s="737"/>
      <c r="B969" s="738"/>
      <c r="C969" s="485"/>
      <c r="D969" s="484"/>
      <c r="E969" s="483"/>
      <c r="F969" s="482"/>
      <c r="G969" s="481" t="s">
        <v>651</v>
      </c>
      <c r="H969" s="476"/>
      <c r="I969" s="476"/>
      <c r="J969" s="476"/>
      <c r="K969" s="476"/>
      <c r="L969" s="475"/>
    </row>
    <row r="970" spans="1:12" ht="16.149999999999999" customHeight="1">
      <c r="A970" s="733" t="s">
        <v>651</v>
      </c>
      <c r="B970" s="734"/>
      <c r="C970" s="495"/>
      <c r="D970" s="494"/>
      <c r="E970" s="493"/>
      <c r="F970" s="492"/>
      <c r="G970" s="486" t="s">
        <v>651</v>
      </c>
      <c r="H970" s="549"/>
      <c r="I970" s="549"/>
      <c r="J970" s="549"/>
      <c r="K970" s="549"/>
      <c r="L970" s="551"/>
    </row>
    <row r="971" spans="1:12" ht="16.149999999999999" customHeight="1">
      <c r="A971" s="735"/>
      <c r="B971" s="736"/>
      <c r="C971" s="490"/>
      <c r="D971" s="489"/>
      <c r="E971" s="491"/>
      <c r="F971" s="487" t="s">
        <v>651</v>
      </c>
      <c r="G971" s="486" t="s">
        <v>651</v>
      </c>
      <c r="H971" s="549"/>
      <c r="I971" s="549"/>
      <c r="J971" s="549"/>
      <c r="K971" s="549"/>
      <c r="L971" s="551"/>
    </row>
    <row r="972" spans="1:12" ht="16.149999999999999" customHeight="1">
      <c r="A972" s="735" t="s">
        <v>681</v>
      </c>
      <c r="B972" s="736"/>
      <c r="C972" s="490" t="s">
        <v>697</v>
      </c>
      <c r="D972" s="489">
        <v>1</v>
      </c>
      <c r="E972" s="488" t="s">
        <v>618</v>
      </c>
      <c r="F972" s="487"/>
      <c r="G972" s="486" t="s">
        <v>651</v>
      </c>
      <c r="H972" s="549"/>
      <c r="I972" s="549"/>
      <c r="J972" s="549"/>
      <c r="K972" s="549"/>
      <c r="L972" s="551"/>
    </row>
    <row r="973" spans="1:12" ht="16.149999999999999" customHeight="1">
      <c r="A973" s="737"/>
      <c r="B973" s="738"/>
      <c r="C973" s="485"/>
      <c r="D973" s="484"/>
      <c r="E973" s="483"/>
      <c r="F973" s="482"/>
      <c r="G973" s="481" t="s">
        <v>651</v>
      </c>
      <c r="H973" s="476"/>
      <c r="I973" s="476"/>
      <c r="J973" s="476"/>
      <c r="K973" s="476"/>
      <c r="L973" s="475"/>
    </row>
    <row r="981" spans="1:12" ht="16.149999999999999" customHeight="1">
      <c r="A981" s="507" t="s">
        <v>651</v>
      </c>
      <c r="B981" s="479" t="s">
        <v>746</v>
      </c>
      <c r="C981" s="480"/>
      <c r="D981" s="479"/>
      <c r="E981" s="479"/>
      <c r="F981" s="479"/>
      <c r="G981" s="479"/>
      <c r="H981" s="479" t="s">
        <v>617</v>
      </c>
      <c r="I981" s="480" t="s">
        <v>908</v>
      </c>
      <c r="J981" s="479" t="s">
        <v>689</v>
      </c>
      <c r="K981" s="479" t="s">
        <v>688</v>
      </c>
      <c r="L981" s="506"/>
    </row>
    <row r="982" spans="1:12" ht="16.149999999999999" customHeight="1">
      <c r="A982" s="505" t="s">
        <v>651</v>
      </c>
      <c r="B982" s="549" t="s">
        <v>905</v>
      </c>
      <c r="C982" s="550"/>
      <c r="D982" s="549"/>
      <c r="E982" s="549"/>
      <c r="F982" s="549"/>
      <c r="G982" s="478"/>
      <c r="H982" s="549"/>
      <c r="I982" s="504"/>
      <c r="J982" s="503" t="s">
        <v>687</v>
      </c>
      <c r="K982" s="502" t="s">
        <v>621</v>
      </c>
      <c r="L982" s="501" t="s">
        <v>618</v>
      </c>
    </row>
    <row r="983" spans="1:12" ht="16.149999999999999" customHeight="1">
      <c r="A983" s="477" t="s">
        <v>651</v>
      </c>
      <c r="B983" s="549"/>
      <c r="C983" s="550"/>
      <c r="D983" s="549"/>
      <c r="E983" s="549"/>
      <c r="F983" s="549"/>
      <c r="G983" s="478"/>
      <c r="H983" s="478"/>
      <c r="I983" s="478"/>
      <c r="J983" s="478"/>
      <c r="K983" s="478"/>
      <c r="L983" s="501"/>
    </row>
    <row r="984" spans="1:12" ht="16.149999999999999" customHeight="1">
      <c r="A984" s="498" t="s">
        <v>686</v>
      </c>
      <c r="B984" s="500"/>
      <c r="C984" s="499" t="s">
        <v>309</v>
      </c>
      <c r="D984" s="499" t="s">
        <v>685</v>
      </c>
      <c r="E984" s="499" t="s">
        <v>684</v>
      </c>
      <c r="F984" s="499" t="s">
        <v>683</v>
      </c>
      <c r="G984" s="498" t="s">
        <v>682</v>
      </c>
      <c r="H984" s="497"/>
      <c r="I984" s="497"/>
      <c r="J984" s="497"/>
      <c r="K984" s="497"/>
      <c r="L984" s="496"/>
    </row>
    <row r="985" spans="1:12" ht="16.149999999999999" customHeight="1">
      <c r="A985" s="733" t="s">
        <v>746</v>
      </c>
      <c r="B985" s="734"/>
      <c r="C985" s="495"/>
      <c r="D985" s="494"/>
      <c r="E985" s="493"/>
      <c r="F985" s="492"/>
      <c r="G985" s="486" t="s">
        <v>651</v>
      </c>
      <c r="H985" s="549"/>
      <c r="I985" s="549"/>
      <c r="J985" s="549"/>
      <c r="K985" s="549"/>
      <c r="L985" s="551"/>
    </row>
    <row r="986" spans="1:12" ht="16.149999999999999" customHeight="1">
      <c r="A986" s="735"/>
      <c r="B986" s="736"/>
      <c r="C986" s="490"/>
      <c r="D986" s="489"/>
      <c r="E986" s="491"/>
      <c r="F986" s="487" t="s">
        <v>651</v>
      </c>
      <c r="G986" s="486" t="s">
        <v>651</v>
      </c>
      <c r="H986" s="549"/>
      <c r="I986" s="549"/>
      <c r="J986" s="549"/>
      <c r="K986" s="549"/>
      <c r="L986" s="551"/>
    </row>
    <row r="987" spans="1:12" ht="16.149999999999999" customHeight="1">
      <c r="A987" s="735" t="s">
        <v>909</v>
      </c>
      <c r="B987" s="736"/>
      <c r="C987" s="490" t="s">
        <v>621</v>
      </c>
      <c r="D987" s="489"/>
      <c r="E987" s="488"/>
      <c r="F987" s="487"/>
      <c r="G987" s="486" t="s">
        <v>651</v>
      </c>
      <c r="H987" s="549"/>
      <c r="I987" s="549"/>
      <c r="J987" s="549"/>
      <c r="K987" s="549"/>
      <c r="L987" s="551"/>
    </row>
    <row r="988" spans="1:12" ht="16.149999999999999" customHeight="1">
      <c r="A988" s="737"/>
      <c r="B988" s="738"/>
      <c r="C988" s="485"/>
      <c r="D988" s="484"/>
      <c r="E988" s="483"/>
      <c r="F988" s="482"/>
      <c r="G988" s="481" t="s">
        <v>651</v>
      </c>
      <c r="H988" s="476"/>
      <c r="I988" s="476"/>
      <c r="J988" s="476"/>
      <c r="K988" s="476"/>
      <c r="L988" s="475"/>
    </row>
    <row r="989" spans="1:12" ht="16.149999999999999" customHeight="1">
      <c r="A989" s="733" t="s">
        <v>651</v>
      </c>
      <c r="B989" s="734"/>
      <c r="C989" s="495"/>
      <c r="D989" s="494"/>
      <c r="E989" s="493"/>
      <c r="F989" s="492"/>
      <c r="G989" s="486" t="s">
        <v>651</v>
      </c>
      <c r="H989" s="549"/>
      <c r="I989" s="549"/>
      <c r="J989" s="549"/>
      <c r="K989" s="549"/>
      <c r="L989" s="551"/>
    </row>
    <row r="990" spans="1:12" ht="16.149999999999999" customHeight="1">
      <c r="A990" s="735"/>
      <c r="B990" s="736"/>
      <c r="C990" s="490"/>
      <c r="D990" s="489"/>
      <c r="E990" s="491"/>
      <c r="F990" s="487" t="s">
        <v>651</v>
      </c>
      <c r="G990" s="486" t="s">
        <v>651</v>
      </c>
      <c r="H990" s="549"/>
      <c r="I990" s="549"/>
      <c r="J990" s="549"/>
      <c r="K990" s="549"/>
      <c r="L990" s="551"/>
    </row>
    <row r="991" spans="1:12" ht="16.149999999999999" customHeight="1">
      <c r="A991" s="735" t="s">
        <v>691</v>
      </c>
      <c r="B991" s="736"/>
      <c r="C991" s="490" t="s">
        <v>621</v>
      </c>
      <c r="D991" s="489">
        <v>1</v>
      </c>
      <c r="E991" s="488"/>
      <c r="F991" s="487"/>
      <c r="G991" s="486" t="s">
        <v>651</v>
      </c>
      <c r="H991" s="549"/>
      <c r="I991" s="549"/>
      <c r="J991" s="549"/>
      <c r="K991" s="549"/>
      <c r="L991" s="551"/>
    </row>
    <row r="992" spans="1:12" ht="16.149999999999999" customHeight="1">
      <c r="A992" s="737"/>
      <c r="B992" s="738"/>
      <c r="C992" s="485"/>
      <c r="D992" s="484"/>
      <c r="E992" s="483"/>
      <c r="F992" s="482"/>
      <c r="G992" s="481" t="s">
        <v>651</v>
      </c>
      <c r="H992" s="476"/>
      <c r="I992" s="476"/>
      <c r="J992" s="476"/>
      <c r="K992" s="476"/>
      <c r="L992" s="475"/>
    </row>
    <row r="993" spans="1:12" ht="16.149999999999999" customHeight="1">
      <c r="A993" s="733" t="s">
        <v>651</v>
      </c>
      <c r="B993" s="734"/>
      <c r="C993" s="495"/>
      <c r="D993" s="494"/>
      <c r="E993" s="493"/>
      <c r="F993" s="492"/>
      <c r="G993" s="486" t="s">
        <v>651</v>
      </c>
      <c r="H993" s="549"/>
      <c r="I993" s="549"/>
      <c r="J993" s="549"/>
      <c r="K993" s="549"/>
      <c r="L993" s="551"/>
    </row>
    <row r="994" spans="1:12" ht="16.149999999999999" customHeight="1">
      <c r="A994" s="735"/>
      <c r="B994" s="736"/>
      <c r="C994" s="490"/>
      <c r="D994" s="489"/>
      <c r="E994" s="491"/>
      <c r="F994" s="487" t="s">
        <v>651</v>
      </c>
      <c r="G994" s="486" t="s">
        <v>651</v>
      </c>
      <c r="H994" s="549"/>
      <c r="I994" s="549"/>
      <c r="J994" s="549"/>
      <c r="K994" s="549"/>
      <c r="L994" s="551"/>
    </row>
    <row r="995" spans="1:12" ht="16.149999999999999" customHeight="1">
      <c r="A995" s="735" t="s">
        <v>681</v>
      </c>
      <c r="B995" s="736"/>
      <c r="C995" s="490" t="s">
        <v>621</v>
      </c>
      <c r="D995" s="489">
        <v>1</v>
      </c>
      <c r="E995" s="488" t="s">
        <v>618</v>
      </c>
      <c r="F995" s="487"/>
      <c r="G995" s="486" t="s">
        <v>651</v>
      </c>
      <c r="H995" s="549"/>
      <c r="I995" s="549"/>
      <c r="J995" s="549"/>
      <c r="K995" s="549"/>
      <c r="L995" s="551"/>
    </row>
    <row r="996" spans="1:12" ht="16.149999999999999" customHeight="1">
      <c r="A996" s="737"/>
      <c r="B996" s="738"/>
      <c r="C996" s="485"/>
      <c r="D996" s="484"/>
      <c r="E996" s="483"/>
      <c r="F996" s="482"/>
      <c r="G996" s="481" t="s">
        <v>651</v>
      </c>
      <c r="H996" s="476"/>
      <c r="I996" s="476"/>
      <c r="J996" s="476"/>
      <c r="K996" s="476"/>
      <c r="L996" s="475"/>
    </row>
    <row r="998" spans="1:12" ht="16.149999999999999" customHeight="1">
      <c r="A998" s="507" t="s">
        <v>651</v>
      </c>
      <c r="B998" s="479" t="s">
        <v>1683</v>
      </c>
      <c r="C998" s="480"/>
      <c r="D998" s="479"/>
      <c r="E998" s="479"/>
      <c r="F998" s="479"/>
      <c r="G998" s="479"/>
      <c r="H998" s="479" t="s">
        <v>617</v>
      </c>
      <c r="I998" s="480" t="s">
        <v>906</v>
      </c>
      <c r="J998" s="479" t="s">
        <v>689</v>
      </c>
      <c r="K998" s="479" t="s">
        <v>688</v>
      </c>
      <c r="L998" s="506"/>
    </row>
    <row r="999" spans="1:12" ht="16.149999999999999" customHeight="1">
      <c r="A999" s="505" t="s">
        <v>651</v>
      </c>
      <c r="B999" s="549" t="s">
        <v>905</v>
      </c>
      <c r="C999" s="550"/>
      <c r="D999" s="549"/>
      <c r="E999" s="549"/>
      <c r="F999" s="549"/>
      <c r="G999" s="478"/>
      <c r="H999" s="549"/>
      <c r="I999" s="504"/>
      <c r="J999" s="503" t="s">
        <v>708</v>
      </c>
      <c r="K999" s="502" t="s">
        <v>240</v>
      </c>
      <c r="L999" s="501" t="s">
        <v>618</v>
      </c>
    </row>
    <row r="1000" spans="1:12" ht="16.149999999999999" customHeight="1">
      <c r="A1000" s="477" t="s">
        <v>651</v>
      </c>
      <c r="B1000" s="549"/>
      <c r="C1000" s="550"/>
      <c r="D1000" s="549"/>
      <c r="E1000" s="549"/>
      <c r="F1000" s="549"/>
      <c r="G1000" s="478"/>
      <c r="H1000" s="478"/>
      <c r="I1000" s="478"/>
      <c r="J1000" s="478"/>
      <c r="K1000" s="478"/>
      <c r="L1000" s="501"/>
    </row>
    <row r="1001" spans="1:12" ht="16.149999999999999" customHeight="1">
      <c r="A1001" s="498" t="s">
        <v>686</v>
      </c>
      <c r="B1001" s="500"/>
      <c r="C1001" s="499" t="s">
        <v>309</v>
      </c>
      <c r="D1001" s="499" t="s">
        <v>685</v>
      </c>
      <c r="E1001" s="499" t="s">
        <v>684</v>
      </c>
      <c r="F1001" s="499" t="s">
        <v>683</v>
      </c>
      <c r="G1001" s="498" t="s">
        <v>682</v>
      </c>
      <c r="H1001" s="497"/>
      <c r="I1001" s="497"/>
      <c r="J1001" s="497"/>
      <c r="K1001" s="497"/>
      <c r="L1001" s="496"/>
    </row>
    <row r="1002" spans="1:12" ht="16.149999999999999" customHeight="1">
      <c r="A1002" s="733" t="s">
        <v>701</v>
      </c>
      <c r="B1002" s="734"/>
      <c r="C1002" s="495"/>
      <c r="D1002" s="494"/>
      <c r="E1002" s="493"/>
      <c r="F1002" s="492"/>
      <c r="G1002" s="486" t="s">
        <v>651</v>
      </c>
      <c r="H1002" s="549"/>
      <c r="I1002" s="549"/>
      <c r="J1002" s="549"/>
      <c r="K1002" s="549"/>
      <c r="L1002" s="551"/>
    </row>
    <row r="1003" spans="1:12" ht="16.149999999999999" customHeight="1">
      <c r="A1003" s="735"/>
      <c r="B1003" s="736"/>
      <c r="C1003" s="490"/>
      <c r="D1003" s="489"/>
      <c r="E1003" s="491"/>
      <c r="F1003" s="487" t="s">
        <v>651</v>
      </c>
      <c r="G1003" s="486" t="s">
        <v>651</v>
      </c>
      <c r="H1003" s="549"/>
      <c r="I1003" s="549"/>
      <c r="J1003" s="549"/>
      <c r="K1003" s="549"/>
      <c r="L1003" s="551"/>
    </row>
    <row r="1004" spans="1:12" ht="16.149999999999999" customHeight="1">
      <c r="A1004" s="735" t="s">
        <v>651</v>
      </c>
      <c r="B1004" s="736"/>
      <c r="C1004" s="490" t="s">
        <v>248</v>
      </c>
      <c r="D1004" s="489"/>
      <c r="E1004" s="488"/>
      <c r="F1004" s="487"/>
      <c r="G1004" s="486" t="s">
        <v>651</v>
      </c>
      <c r="H1004" s="549"/>
      <c r="I1004" s="549"/>
      <c r="J1004" s="549"/>
      <c r="K1004" s="549"/>
      <c r="L1004" s="551"/>
    </row>
    <row r="1005" spans="1:12" ht="16.149999999999999" customHeight="1">
      <c r="A1005" s="737"/>
      <c r="B1005" s="738"/>
      <c r="C1005" s="485"/>
      <c r="D1005" s="484"/>
      <c r="E1005" s="483"/>
      <c r="F1005" s="482"/>
      <c r="G1005" s="481" t="s">
        <v>651</v>
      </c>
      <c r="H1005" s="476"/>
      <c r="I1005" s="476"/>
      <c r="J1005" s="476"/>
      <c r="K1005" s="476"/>
      <c r="L1005" s="475"/>
    </row>
    <row r="1006" spans="1:12" ht="16.149999999999999" customHeight="1">
      <c r="A1006" s="733" t="s">
        <v>250</v>
      </c>
      <c r="B1006" s="734"/>
      <c r="C1006" s="495"/>
      <c r="D1006" s="494"/>
      <c r="E1006" s="493"/>
      <c r="F1006" s="492"/>
      <c r="G1006" s="486" t="s">
        <v>651</v>
      </c>
      <c r="H1006" s="549"/>
      <c r="I1006" s="549"/>
      <c r="J1006" s="549"/>
      <c r="K1006" s="549"/>
      <c r="L1006" s="551"/>
    </row>
    <row r="1007" spans="1:12" ht="16.149999999999999" customHeight="1">
      <c r="A1007" s="735"/>
      <c r="B1007" s="736"/>
      <c r="C1007" s="490"/>
      <c r="D1007" s="489"/>
      <c r="E1007" s="491"/>
      <c r="F1007" s="487" t="s">
        <v>651</v>
      </c>
      <c r="G1007" s="486" t="s">
        <v>651</v>
      </c>
      <c r="H1007" s="549"/>
      <c r="I1007" s="549"/>
      <c r="J1007" s="549"/>
      <c r="K1007" s="549"/>
      <c r="L1007" s="551"/>
    </row>
    <row r="1008" spans="1:12" ht="16.149999999999999" customHeight="1">
      <c r="A1008" s="735" t="s">
        <v>651</v>
      </c>
      <c r="B1008" s="736"/>
      <c r="C1008" s="490" t="s">
        <v>248</v>
      </c>
      <c r="D1008" s="489"/>
      <c r="E1008" s="488"/>
      <c r="F1008" s="487"/>
      <c r="G1008" s="486" t="s">
        <v>651</v>
      </c>
      <c r="H1008" s="549"/>
      <c r="I1008" s="549"/>
      <c r="J1008" s="549"/>
      <c r="K1008" s="549"/>
      <c r="L1008" s="551"/>
    </row>
    <row r="1009" spans="1:12" ht="16.149999999999999" customHeight="1">
      <c r="A1009" s="737"/>
      <c r="B1009" s="738"/>
      <c r="C1009" s="485"/>
      <c r="D1009" s="484"/>
      <c r="E1009" s="483"/>
      <c r="F1009" s="482"/>
      <c r="G1009" s="481" t="s">
        <v>651</v>
      </c>
      <c r="H1009" s="476"/>
      <c r="I1009" s="476"/>
      <c r="J1009" s="476"/>
      <c r="K1009" s="476"/>
      <c r="L1009" s="475"/>
    </row>
    <row r="1010" spans="1:12" ht="16.149999999999999" customHeight="1">
      <c r="A1010" s="733" t="s">
        <v>907</v>
      </c>
      <c r="B1010" s="734"/>
      <c r="C1010" s="495"/>
      <c r="D1010" s="494"/>
      <c r="E1010" s="493"/>
      <c r="F1010" s="492"/>
      <c r="G1010" s="486" t="s">
        <v>651</v>
      </c>
      <c r="H1010" s="549"/>
      <c r="I1010" s="549"/>
      <c r="J1010" s="549"/>
      <c r="K1010" s="549"/>
      <c r="L1010" s="551"/>
    </row>
    <row r="1011" spans="1:12" ht="16.149999999999999" customHeight="1">
      <c r="A1011" s="735"/>
      <c r="B1011" s="736"/>
      <c r="C1011" s="490"/>
      <c r="D1011" s="489"/>
      <c r="E1011" s="491"/>
      <c r="F1011" s="487" t="s">
        <v>651</v>
      </c>
      <c r="G1011" s="486" t="s">
        <v>651</v>
      </c>
      <c r="H1011" s="549"/>
      <c r="I1011" s="549"/>
      <c r="J1011" s="549"/>
      <c r="K1011" s="549"/>
      <c r="L1011" s="551"/>
    </row>
    <row r="1012" spans="1:12" ht="16.149999999999999" customHeight="1">
      <c r="A1012" s="735" t="s">
        <v>1661</v>
      </c>
      <c r="B1012" s="736"/>
      <c r="C1012" s="490" t="s">
        <v>621</v>
      </c>
      <c r="D1012" s="489"/>
      <c r="E1012" s="488"/>
      <c r="F1012" s="487"/>
      <c r="G1012" s="486" t="s">
        <v>651</v>
      </c>
      <c r="H1012" s="549"/>
      <c r="I1012" s="549"/>
      <c r="J1012" s="549"/>
      <c r="K1012" s="549"/>
      <c r="L1012" s="551"/>
    </row>
    <row r="1013" spans="1:12" ht="16.149999999999999" customHeight="1">
      <c r="A1013" s="737"/>
      <c r="B1013" s="738"/>
      <c r="C1013" s="485"/>
      <c r="D1013" s="484"/>
      <c r="E1013" s="483"/>
      <c r="F1013" s="482"/>
      <c r="G1013" s="481" t="s">
        <v>651</v>
      </c>
      <c r="H1013" s="476"/>
      <c r="I1013" s="476"/>
      <c r="J1013" s="476"/>
      <c r="K1013" s="476"/>
      <c r="L1013" s="475"/>
    </row>
    <row r="1016" spans="1:12" ht="16.149999999999999" customHeight="1">
      <c r="A1016" s="507" t="s">
        <v>651</v>
      </c>
      <c r="B1016" s="479" t="s">
        <v>1683</v>
      </c>
      <c r="C1016" s="480"/>
      <c r="D1016" s="479"/>
      <c r="E1016" s="479"/>
      <c r="F1016" s="479"/>
      <c r="G1016" s="479"/>
      <c r="H1016" s="479" t="s">
        <v>617</v>
      </c>
      <c r="I1016" s="480" t="s">
        <v>906</v>
      </c>
      <c r="J1016" s="479" t="s">
        <v>689</v>
      </c>
      <c r="K1016" s="479" t="s">
        <v>688</v>
      </c>
      <c r="L1016" s="506"/>
    </row>
    <row r="1017" spans="1:12" ht="16.149999999999999" customHeight="1">
      <c r="A1017" s="505" t="s">
        <v>651</v>
      </c>
      <c r="B1017" s="549" t="s">
        <v>905</v>
      </c>
      <c r="C1017" s="550"/>
      <c r="D1017" s="549"/>
      <c r="E1017" s="549"/>
      <c r="F1017" s="549"/>
      <c r="G1017" s="478"/>
      <c r="H1017" s="549"/>
      <c r="I1017" s="504"/>
      <c r="J1017" s="503" t="s">
        <v>708</v>
      </c>
      <c r="K1017" s="502" t="s">
        <v>240</v>
      </c>
      <c r="L1017" s="501" t="s">
        <v>618</v>
      </c>
    </row>
    <row r="1018" spans="1:12" ht="16.149999999999999" customHeight="1">
      <c r="A1018" s="477" t="s">
        <v>651</v>
      </c>
      <c r="B1018" s="549"/>
      <c r="C1018" s="550"/>
      <c r="D1018" s="549"/>
      <c r="E1018" s="549"/>
      <c r="F1018" s="549"/>
      <c r="G1018" s="478"/>
      <c r="H1018" s="478"/>
      <c r="I1018" s="478"/>
      <c r="J1018" s="478"/>
      <c r="K1018" s="478"/>
      <c r="L1018" s="501"/>
    </row>
    <row r="1019" spans="1:12" ht="16.149999999999999" customHeight="1">
      <c r="A1019" s="498" t="s">
        <v>686</v>
      </c>
      <c r="B1019" s="500"/>
      <c r="C1019" s="499" t="s">
        <v>309</v>
      </c>
      <c r="D1019" s="499" t="s">
        <v>685</v>
      </c>
      <c r="E1019" s="499" t="s">
        <v>684</v>
      </c>
      <c r="F1019" s="499" t="s">
        <v>683</v>
      </c>
      <c r="G1019" s="498" t="s">
        <v>682</v>
      </c>
      <c r="H1019" s="497"/>
      <c r="I1019" s="497"/>
      <c r="J1019" s="497"/>
      <c r="K1019" s="497"/>
      <c r="L1019" s="496"/>
    </row>
    <row r="1020" spans="1:12" ht="16.149999999999999" customHeight="1">
      <c r="A1020" s="733" t="s">
        <v>651</v>
      </c>
      <c r="B1020" s="734"/>
      <c r="C1020" s="495"/>
      <c r="D1020" s="494"/>
      <c r="E1020" s="493"/>
      <c r="F1020" s="492"/>
      <c r="G1020" s="486" t="s">
        <v>651</v>
      </c>
      <c r="H1020" s="549"/>
      <c r="I1020" s="549"/>
      <c r="J1020" s="549"/>
      <c r="K1020" s="549"/>
      <c r="L1020" s="551"/>
    </row>
    <row r="1021" spans="1:12" ht="16.149999999999999" customHeight="1">
      <c r="A1021" s="735"/>
      <c r="B1021" s="736"/>
      <c r="C1021" s="490"/>
      <c r="D1021" s="489"/>
      <c r="E1021" s="491"/>
      <c r="F1021" s="487" t="s">
        <v>651</v>
      </c>
      <c r="G1021" s="486" t="s">
        <v>651</v>
      </c>
      <c r="H1021" s="549"/>
      <c r="I1021" s="549"/>
      <c r="J1021" s="549"/>
      <c r="K1021" s="549"/>
      <c r="L1021" s="551"/>
    </row>
    <row r="1022" spans="1:12" ht="16.149999999999999" customHeight="1">
      <c r="A1022" s="735" t="s">
        <v>691</v>
      </c>
      <c r="B1022" s="736"/>
      <c r="C1022" s="490" t="s">
        <v>240</v>
      </c>
      <c r="D1022" s="489">
        <v>10</v>
      </c>
      <c r="E1022" s="488"/>
      <c r="F1022" s="487"/>
      <c r="G1022" s="486" t="s">
        <v>651</v>
      </c>
      <c r="H1022" s="549"/>
      <c r="I1022" s="549"/>
      <c r="J1022" s="549"/>
      <c r="K1022" s="549"/>
      <c r="L1022" s="551"/>
    </row>
    <row r="1023" spans="1:12" ht="16.149999999999999" customHeight="1">
      <c r="A1023" s="737"/>
      <c r="B1023" s="738"/>
      <c r="C1023" s="485"/>
      <c r="D1023" s="484"/>
      <c r="E1023" s="483"/>
      <c r="F1023" s="482"/>
      <c r="G1023" s="481" t="s">
        <v>651</v>
      </c>
      <c r="H1023" s="476"/>
      <c r="I1023" s="476"/>
      <c r="J1023" s="476"/>
      <c r="K1023" s="476"/>
      <c r="L1023" s="475"/>
    </row>
    <row r="1024" spans="1:12" ht="16.149999999999999" customHeight="1">
      <c r="A1024" s="733" t="s">
        <v>651</v>
      </c>
      <c r="B1024" s="734"/>
      <c r="C1024" s="495"/>
      <c r="D1024" s="494"/>
      <c r="E1024" s="493"/>
      <c r="F1024" s="492"/>
      <c r="G1024" s="486" t="s">
        <v>651</v>
      </c>
      <c r="H1024" s="549"/>
      <c r="I1024" s="549"/>
      <c r="J1024" s="549"/>
      <c r="K1024" s="549"/>
      <c r="L1024" s="551"/>
    </row>
    <row r="1025" spans="1:12" ht="16.149999999999999" customHeight="1">
      <c r="A1025" s="735"/>
      <c r="B1025" s="736"/>
      <c r="C1025" s="490"/>
      <c r="D1025" s="489"/>
      <c r="E1025" s="491"/>
      <c r="F1025" s="487" t="s">
        <v>651</v>
      </c>
      <c r="G1025" s="486" t="s">
        <v>651</v>
      </c>
      <c r="H1025" s="549"/>
      <c r="I1025" s="549"/>
      <c r="J1025" s="549"/>
      <c r="K1025" s="549"/>
      <c r="L1025" s="551"/>
    </row>
    <row r="1026" spans="1:12" ht="16.149999999999999" customHeight="1">
      <c r="A1026" s="735" t="s">
        <v>681</v>
      </c>
      <c r="B1026" s="736"/>
      <c r="C1026" s="490" t="s">
        <v>240</v>
      </c>
      <c r="D1026" s="489">
        <v>1</v>
      </c>
      <c r="E1026" s="488" t="s">
        <v>618</v>
      </c>
      <c r="F1026" s="487"/>
      <c r="G1026" s="486" t="s">
        <v>651</v>
      </c>
      <c r="H1026" s="549"/>
      <c r="I1026" s="549"/>
      <c r="J1026" s="549"/>
      <c r="K1026" s="549"/>
      <c r="L1026" s="551"/>
    </row>
    <row r="1027" spans="1:12" ht="16.149999999999999" customHeight="1">
      <c r="A1027" s="737"/>
      <c r="B1027" s="738"/>
      <c r="C1027" s="485"/>
      <c r="D1027" s="484"/>
      <c r="E1027" s="483"/>
      <c r="F1027" s="482"/>
      <c r="G1027" s="481" t="s">
        <v>651</v>
      </c>
      <c r="H1027" s="476"/>
      <c r="I1027" s="476"/>
      <c r="J1027" s="476"/>
      <c r="K1027" s="476"/>
      <c r="L1027" s="475"/>
    </row>
    <row r="1029" spans="1:12" ht="16.149999999999999" customHeight="1">
      <c r="A1029" s="507" t="s">
        <v>651</v>
      </c>
      <c r="B1029" s="479" t="s">
        <v>902</v>
      </c>
      <c r="C1029" s="480"/>
      <c r="D1029" s="479"/>
      <c r="E1029" s="479"/>
      <c r="F1029" s="479"/>
      <c r="G1029" s="479"/>
      <c r="H1029" s="479" t="s">
        <v>617</v>
      </c>
      <c r="I1029" s="480" t="s">
        <v>901</v>
      </c>
      <c r="J1029" s="479" t="s">
        <v>689</v>
      </c>
      <c r="K1029" s="479" t="s">
        <v>688</v>
      </c>
      <c r="L1029" s="506"/>
    </row>
    <row r="1030" spans="1:12" ht="16.149999999999999" customHeight="1">
      <c r="A1030" s="505" t="s">
        <v>651</v>
      </c>
      <c r="B1030" s="549" t="s">
        <v>1682</v>
      </c>
      <c r="C1030" s="550"/>
      <c r="D1030" s="549"/>
      <c r="E1030" s="549"/>
      <c r="F1030" s="549"/>
      <c r="G1030" s="478"/>
      <c r="H1030" s="549"/>
      <c r="I1030" s="504"/>
      <c r="J1030" s="503" t="s">
        <v>687</v>
      </c>
      <c r="K1030" s="502" t="s">
        <v>621</v>
      </c>
      <c r="L1030" s="501" t="s">
        <v>618</v>
      </c>
    </row>
    <row r="1031" spans="1:12" ht="16.149999999999999" customHeight="1">
      <c r="A1031" s="477" t="s">
        <v>651</v>
      </c>
      <c r="B1031" s="549"/>
      <c r="C1031" s="550"/>
      <c r="D1031" s="549"/>
      <c r="E1031" s="549"/>
      <c r="F1031" s="549"/>
      <c r="G1031" s="478"/>
      <c r="H1031" s="478"/>
      <c r="I1031" s="478"/>
      <c r="J1031" s="478"/>
      <c r="K1031" s="478"/>
      <c r="L1031" s="501"/>
    </row>
    <row r="1032" spans="1:12" ht="16.149999999999999" customHeight="1">
      <c r="A1032" s="498" t="s">
        <v>686</v>
      </c>
      <c r="B1032" s="500"/>
      <c r="C1032" s="499" t="s">
        <v>309</v>
      </c>
      <c r="D1032" s="499" t="s">
        <v>685</v>
      </c>
      <c r="E1032" s="499" t="s">
        <v>684</v>
      </c>
      <c r="F1032" s="499" t="s">
        <v>683</v>
      </c>
      <c r="G1032" s="498" t="s">
        <v>682</v>
      </c>
      <c r="H1032" s="497"/>
      <c r="I1032" s="497"/>
      <c r="J1032" s="497"/>
      <c r="K1032" s="497"/>
      <c r="L1032" s="496"/>
    </row>
    <row r="1033" spans="1:12" ht="16.149999999999999" customHeight="1">
      <c r="A1033" s="733" t="s">
        <v>898</v>
      </c>
      <c r="B1033" s="734"/>
      <c r="C1033" s="495"/>
      <c r="D1033" s="494"/>
      <c r="E1033" s="493"/>
      <c r="F1033" s="492"/>
      <c r="G1033" s="486" t="s">
        <v>904</v>
      </c>
      <c r="H1033" s="549"/>
      <c r="I1033" s="549"/>
      <c r="J1033" s="549"/>
      <c r="K1033" s="549"/>
      <c r="L1033" s="551"/>
    </row>
    <row r="1034" spans="1:12" ht="16.149999999999999" customHeight="1">
      <c r="A1034" s="735"/>
      <c r="B1034" s="736"/>
      <c r="C1034" s="490"/>
      <c r="D1034" s="489"/>
      <c r="E1034" s="491"/>
      <c r="F1034" s="487" t="s">
        <v>651</v>
      </c>
      <c r="G1034" s="486" t="s">
        <v>651</v>
      </c>
      <c r="H1034" s="549"/>
      <c r="I1034" s="549"/>
      <c r="J1034" s="549"/>
      <c r="K1034" s="549"/>
      <c r="L1034" s="551"/>
    </row>
    <row r="1035" spans="1:12" ht="16.149999999999999" customHeight="1">
      <c r="A1035" s="735" t="s">
        <v>1682</v>
      </c>
      <c r="B1035" s="736"/>
      <c r="C1035" s="490" t="s">
        <v>621</v>
      </c>
      <c r="D1035" s="489"/>
      <c r="E1035" s="488"/>
      <c r="F1035" s="487"/>
      <c r="G1035" s="486" t="s">
        <v>651</v>
      </c>
      <c r="H1035" s="549"/>
      <c r="I1035" s="549"/>
      <c r="J1035" s="549"/>
      <c r="K1035" s="549"/>
      <c r="L1035" s="551"/>
    </row>
    <row r="1036" spans="1:12" ht="16.149999999999999" customHeight="1">
      <c r="A1036" s="737"/>
      <c r="B1036" s="738"/>
      <c r="C1036" s="485"/>
      <c r="D1036" s="484"/>
      <c r="E1036" s="483"/>
      <c r="F1036" s="482"/>
      <c r="G1036" s="481" t="s">
        <v>651</v>
      </c>
      <c r="H1036" s="476"/>
      <c r="I1036" s="476"/>
      <c r="J1036" s="476"/>
      <c r="K1036" s="476"/>
      <c r="L1036" s="475"/>
    </row>
    <row r="1037" spans="1:12" ht="16.149999999999999" customHeight="1">
      <c r="A1037" s="733" t="s">
        <v>896</v>
      </c>
      <c r="B1037" s="734"/>
      <c r="C1037" s="495"/>
      <c r="D1037" s="494"/>
      <c r="E1037" s="493"/>
      <c r="F1037" s="492"/>
      <c r="G1037" s="486" t="s">
        <v>903</v>
      </c>
      <c r="H1037" s="549"/>
      <c r="I1037" s="549"/>
      <c r="J1037" s="549"/>
      <c r="K1037" s="549"/>
      <c r="L1037" s="551"/>
    </row>
    <row r="1038" spans="1:12" ht="16.149999999999999" customHeight="1">
      <c r="A1038" s="735"/>
      <c r="B1038" s="736"/>
      <c r="C1038" s="490"/>
      <c r="D1038" s="489"/>
      <c r="E1038" s="491"/>
      <c r="F1038" s="487" t="s">
        <v>651</v>
      </c>
      <c r="G1038" s="486" t="s">
        <v>651</v>
      </c>
      <c r="H1038" s="549"/>
      <c r="I1038" s="549"/>
      <c r="J1038" s="549"/>
      <c r="K1038" s="549"/>
      <c r="L1038" s="551"/>
    </row>
    <row r="1039" spans="1:12" ht="16.149999999999999" customHeight="1">
      <c r="A1039" s="735" t="s">
        <v>651</v>
      </c>
      <c r="B1039" s="736"/>
      <c r="C1039" s="490" t="s">
        <v>894</v>
      </c>
      <c r="D1039" s="489">
        <v>1</v>
      </c>
      <c r="E1039" s="488"/>
      <c r="F1039" s="487"/>
      <c r="G1039" s="486" t="s">
        <v>651</v>
      </c>
      <c r="H1039" s="549"/>
      <c r="I1039" s="549"/>
      <c r="J1039" s="549"/>
      <c r="K1039" s="549"/>
      <c r="L1039" s="551"/>
    </row>
    <row r="1040" spans="1:12" ht="16.149999999999999" customHeight="1">
      <c r="A1040" s="737"/>
      <c r="B1040" s="738"/>
      <c r="C1040" s="485"/>
      <c r="D1040" s="484"/>
      <c r="E1040" s="483"/>
      <c r="F1040" s="482"/>
      <c r="G1040" s="481" t="s">
        <v>651</v>
      </c>
      <c r="H1040" s="476"/>
      <c r="I1040" s="476"/>
      <c r="J1040" s="476"/>
      <c r="K1040" s="476"/>
      <c r="L1040" s="475"/>
    </row>
    <row r="1041" spans="1:12" ht="16.149999999999999" customHeight="1">
      <c r="A1041" s="733" t="s">
        <v>651</v>
      </c>
      <c r="B1041" s="734"/>
      <c r="C1041" s="495"/>
      <c r="D1041" s="494"/>
      <c r="E1041" s="493"/>
      <c r="F1041" s="492"/>
      <c r="G1041" s="486" t="s">
        <v>651</v>
      </c>
      <c r="H1041" s="549"/>
      <c r="I1041" s="549"/>
      <c r="J1041" s="549"/>
      <c r="K1041" s="549"/>
      <c r="L1041" s="551"/>
    </row>
    <row r="1042" spans="1:12" ht="16.149999999999999" customHeight="1">
      <c r="A1042" s="735"/>
      <c r="B1042" s="736"/>
      <c r="C1042" s="490"/>
      <c r="D1042" s="489"/>
      <c r="E1042" s="491"/>
      <c r="F1042" s="487" t="s">
        <v>651</v>
      </c>
      <c r="G1042" s="486" t="s">
        <v>651</v>
      </c>
      <c r="H1042" s="549"/>
      <c r="I1042" s="549"/>
      <c r="J1042" s="549"/>
      <c r="K1042" s="549"/>
      <c r="L1042" s="551"/>
    </row>
    <row r="1043" spans="1:12" ht="16.149999999999999" customHeight="1">
      <c r="A1043" s="735" t="s">
        <v>691</v>
      </c>
      <c r="B1043" s="736"/>
      <c r="C1043" s="490" t="s">
        <v>621</v>
      </c>
      <c r="D1043" s="489">
        <v>1</v>
      </c>
      <c r="E1043" s="488"/>
      <c r="F1043" s="487"/>
      <c r="G1043" s="486" t="s">
        <v>651</v>
      </c>
      <c r="H1043" s="549"/>
      <c r="I1043" s="549"/>
      <c r="J1043" s="549"/>
      <c r="K1043" s="549"/>
      <c r="L1043" s="551"/>
    </row>
    <row r="1044" spans="1:12" ht="16.149999999999999" customHeight="1">
      <c r="A1044" s="737"/>
      <c r="B1044" s="738"/>
      <c r="C1044" s="485"/>
      <c r="D1044" s="484"/>
      <c r="E1044" s="483"/>
      <c r="F1044" s="482"/>
      <c r="G1044" s="481" t="s">
        <v>651</v>
      </c>
      <c r="H1044" s="476"/>
      <c r="I1044" s="476"/>
      <c r="J1044" s="476"/>
      <c r="K1044" s="476"/>
      <c r="L1044" s="475"/>
    </row>
    <row r="1045" spans="1:12" ht="16.149999999999999" customHeight="1">
      <c r="A1045" s="733" t="s">
        <v>651</v>
      </c>
      <c r="B1045" s="734"/>
      <c r="C1045" s="495"/>
      <c r="D1045" s="494"/>
      <c r="E1045" s="493"/>
      <c r="F1045" s="492"/>
      <c r="G1045" s="486" t="s">
        <v>651</v>
      </c>
      <c r="H1045" s="549"/>
      <c r="I1045" s="549"/>
      <c r="J1045" s="549"/>
      <c r="K1045" s="549"/>
      <c r="L1045" s="551"/>
    </row>
    <row r="1046" spans="1:12" ht="16.149999999999999" customHeight="1">
      <c r="A1046" s="735"/>
      <c r="B1046" s="736"/>
      <c r="C1046" s="490"/>
      <c r="D1046" s="489"/>
      <c r="E1046" s="491"/>
      <c r="F1046" s="487" t="s">
        <v>651</v>
      </c>
      <c r="G1046" s="486" t="s">
        <v>651</v>
      </c>
      <c r="H1046" s="549"/>
      <c r="I1046" s="549"/>
      <c r="J1046" s="549"/>
      <c r="K1046" s="549"/>
      <c r="L1046" s="551"/>
    </row>
    <row r="1047" spans="1:12" ht="16.149999999999999" customHeight="1">
      <c r="A1047" s="735" t="s">
        <v>681</v>
      </c>
      <c r="B1047" s="736"/>
      <c r="C1047" s="490" t="s">
        <v>621</v>
      </c>
      <c r="D1047" s="489">
        <v>1</v>
      </c>
      <c r="E1047" s="488" t="s">
        <v>618</v>
      </c>
      <c r="F1047" s="487"/>
      <c r="G1047" s="486" t="s">
        <v>651</v>
      </c>
      <c r="H1047" s="549"/>
      <c r="I1047" s="549"/>
      <c r="J1047" s="549"/>
      <c r="K1047" s="549"/>
      <c r="L1047" s="551"/>
    </row>
    <row r="1048" spans="1:12" ht="16.149999999999999" customHeight="1">
      <c r="A1048" s="737"/>
      <c r="B1048" s="738"/>
      <c r="C1048" s="485"/>
      <c r="D1048" s="484"/>
      <c r="E1048" s="483"/>
      <c r="F1048" s="482"/>
      <c r="G1048" s="481" t="s">
        <v>651</v>
      </c>
      <c r="H1048" s="476"/>
      <c r="I1048" s="476"/>
      <c r="J1048" s="476"/>
      <c r="K1048" s="476"/>
      <c r="L1048" s="475"/>
    </row>
    <row r="1051" spans="1:12" ht="16.149999999999999" customHeight="1">
      <c r="A1051" s="507" t="s">
        <v>651</v>
      </c>
      <c r="B1051" s="479" t="s">
        <v>898</v>
      </c>
      <c r="C1051" s="480"/>
      <c r="D1051" s="479"/>
      <c r="E1051" s="479"/>
      <c r="F1051" s="479"/>
      <c r="G1051" s="479"/>
      <c r="H1051" s="479" t="s">
        <v>617</v>
      </c>
      <c r="I1051" s="480" t="s">
        <v>897</v>
      </c>
      <c r="J1051" s="479" t="s">
        <v>689</v>
      </c>
      <c r="K1051" s="479" t="s">
        <v>688</v>
      </c>
      <c r="L1051" s="506"/>
    </row>
    <row r="1052" spans="1:12" ht="16.149999999999999" customHeight="1">
      <c r="A1052" s="505" t="s">
        <v>651</v>
      </c>
      <c r="B1052" s="549" t="s">
        <v>1682</v>
      </c>
      <c r="C1052" s="550"/>
      <c r="D1052" s="549"/>
      <c r="E1052" s="549"/>
      <c r="F1052" s="549"/>
      <c r="G1052" s="478"/>
      <c r="H1052" s="549"/>
      <c r="I1052" s="504"/>
      <c r="J1052" s="503" t="s">
        <v>687</v>
      </c>
      <c r="K1052" s="502" t="s">
        <v>621</v>
      </c>
      <c r="L1052" s="501" t="s">
        <v>618</v>
      </c>
    </row>
    <row r="1053" spans="1:12" ht="16.149999999999999" customHeight="1">
      <c r="A1053" s="477" t="s">
        <v>651</v>
      </c>
      <c r="B1053" s="549"/>
      <c r="C1053" s="550"/>
      <c r="D1053" s="549"/>
      <c r="E1053" s="549"/>
      <c r="F1053" s="549"/>
      <c r="G1053" s="478"/>
      <c r="H1053" s="478"/>
      <c r="I1053" s="478"/>
      <c r="J1053" s="478"/>
      <c r="K1053" s="478"/>
      <c r="L1053" s="501"/>
    </row>
    <row r="1054" spans="1:12" ht="16.149999999999999" customHeight="1">
      <c r="A1054" s="498" t="s">
        <v>686</v>
      </c>
      <c r="B1054" s="500"/>
      <c r="C1054" s="499" t="s">
        <v>309</v>
      </c>
      <c r="D1054" s="499" t="s">
        <v>685</v>
      </c>
      <c r="E1054" s="499" t="s">
        <v>684</v>
      </c>
      <c r="F1054" s="499" t="s">
        <v>683</v>
      </c>
      <c r="G1054" s="498" t="s">
        <v>682</v>
      </c>
      <c r="H1054" s="497"/>
      <c r="I1054" s="497"/>
      <c r="J1054" s="497"/>
      <c r="K1054" s="497"/>
      <c r="L1054" s="496"/>
    </row>
    <row r="1055" spans="1:12" ht="16.149999999999999" customHeight="1">
      <c r="A1055" s="733" t="s">
        <v>721</v>
      </c>
      <c r="B1055" s="734"/>
      <c r="C1055" s="495"/>
      <c r="D1055" s="494"/>
      <c r="E1055" s="493"/>
      <c r="F1055" s="492"/>
      <c r="G1055" s="486" t="s">
        <v>651</v>
      </c>
      <c r="H1055" s="549"/>
      <c r="I1055" s="549"/>
      <c r="J1055" s="549"/>
      <c r="K1055" s="549"/>
      <c r="L1055" s="551"/>
    </row>
    <row r="1056" spans="1:12" ht="16.149999999999999" customHeight="1">
      <c r="A1056" s="735"/>
      <c r="B1056" s="736"/>
      <c r="C1056" s="490"/>
      <c r="D1056" s="489"/>
      <c r="E1056" s="491"/>
      <c r="F1056" s="487" t="s">
        <v>651</v>
      </c>
      <c r="G1056" s="486" t="s">
        <v>651</v>
      </c>
      <c r="H1056" s="549"/>
      <c r="I1056" s="549"/>
      <c r="J1056" s="549"/>
      <c r="K1056" s="549"/>
      <c r="L1056" s="551"/>
    </row>
    <row r="1057" spans="1:12" ht="16.149999999999999" customHeight="1">
      <c r="A1057" s="735" t="s">
        <v>651</v>
      </c>
      <c r="B1057" s="736"/>
      <c r="C1057" s="490" t="s">
        <v>248</v>
      </c>
      <c r="D1057" s="489"/>
      <c r="E1057" s="488"/>
      <c r="F1057" s="487"/>
      <c r="G1057" s="486" t="s">
        <v>651</v>
      </c>
      <c r="H1057" s="549"/>
      <c r="I1057" s="549"/>
      <c r="J1057" s="549"/>
      <c r="K1057" s="549"/>
      <c r="L1057" s="551"/>
    </row>
    <row r="1058" spans="1:12" ht="16.149999999999999" customHeight="1">
      <c r="A1058" s="737"/>
      <c r="B1058" s="738"/>
      <c r="C1058" s="485"/>
      <c r="D1058" s="484"/>
      <c r="E1058" s="483"/>
      <c r="F1058" s="482"/>
      <c r="G1058" s="481" t="s">
        <v>651</v>
      </c>
      <c r="H1058" s="476"/>
      <c r="I1058" s="476"/>
      <c r="J1058" s="476"/>
      <c r="K1058" s="476"/>
      <c r="L1058" s="475"/>
    </row>
    <row r="1059" spans="1:12" ht="16.149999999999999" customHeight="1">
      <c r="A1059" s="733" t="s">
        <v>250</v>
      </c>
      <c r="B1059" s="734"/>
      <c r="C1059" s="495"/>
      <c r="D1059" s="494"/>
      <c r="E1059" s="493"/>
      <c r="F1059" s="492"/>
      <c r="G1059" s="486" t="s">
        <v>651</v>
      </c>
      <c r="H1059" s="549"/>
      <c r="I1059" s="549"/>
      <c r="J1059" s="549"/>
      <c r="K1059" s="549"/>
      <c r="L1059" s="551"/>
    </row>
    <row r="1060" spans="1:12" ht="16.149999999999999" customHeight="1">
      <c r="A1060" s="735"/>
      <c r="B1060" s="736"/>
      <c r="C1060" s="490"/>
      <c r="D1060" s="489"/>
      <c r="E1060" s="491"/>
      <c r="F1060" s="487" t="s">
        <v>651</v>
      </c>
      <c r="G1060" s="486" t="s">
        <v>651</v>
      </c>
      <c r="H1060" s="549"/>
      <c r="I1060" s="549"/>
      <c r="J1060" s="549"/>
      <c r="K1060" s="549"/>
      <c r="L1060" s="551"/>
    </row>
    <row r="1061" spans="1:12" ht="16.149999999999999" customHeight="1">
      <c r="A1061" s="735" t="s">
        <v>651</v>
      </c>
      <c r="B1061" s="736"/>
      <c r="C1061" s="490" t="s">
        <v>248</v>
      </c>
      <c r="D1061" s="489"/>
      <c r="E1061" s="488"/>
      <c r="F1061" s="487"/>
      <c r="G1061" s="486" t="s">
        <v>651</v>
      </c>
      <c r="H1061" s="549"/>
      <c r="I1061" s="549"/>
      <c r="J1061" s="549"/>
      <c r="K1061" s="549"/>
      <c r="L1061" s="551"/>
    </row>
    <row r="1062" spans="1:12" ht="16.149999999999999" customHeight="1">
      <c r="A1062" s="737"/>
      <c r="B1062" s="738"/>
      <c r="C1062" s="485"/>
      <c r="D1062" s="484"/>
      <c r="E1062" s="483"/>
      <c r="F1062" s="482"/>
      <c r="G1062" s="481" t="s">
        <v>651</v>
      </c>
      <c r="H1062" s="476"/>
      <c r="I1062" s="476"/>
      <c r="J1062" s="476"/>
      <c r="K1062" s="476"/>
      <c r="L1062" s="475"/>
    </row>
    <row r="1063" spans="1:12" ht="16.149999999999999" customHeight="1">
      <c r="A1063" s="733" t="s">
        <v>1681</v>
      </c>
      <c r="B1063" s="734"/>
      <c r="C1063" s="495"/>
      <c r="D1063" s="494"/>
      <c r="E1063" s="493"/>
      <c r="F1063" s="492"/>
      <c r="G1063" s="486" t="s">
        <v>900</v>
      </c>
      <c r="H1063" s="549"/>
      <c r="I1063" s="549"/>
      <c r="J1063" s="549"/>
      <c r="K1063" s="549"/>
      <c r="L1063" s="551"/>
    </row>
    <row r="1064" spans="1:12" ht="16.149999999999999" customHeight="1">
      <c r="A1064" s="735"/>
      <c r="B1064" s="736"/>
      <c r="C1064" s="490"/>
      <c r="D1064" s="489"/>
      <c r="E1064" s="491"/>
      <c r="F1064" s="487" t="s">
        <v>651</v>
      </c>
      <c r="G1064" s="486" t="s">
        <v>651</v>
      </c>
      <c r="H1064" s="549"/>
      <c r="I1064" s="549"/>
      <c r="J1064" s="549"/>
      <c r="K1064" s="549"/>
      <c r="L1064" s="551"/>
    </row>
    <row r="1065" spans="1:12" ht="16.149999999999999" customHeight="1">
      <c r="A1065" s="735" t="s">
        <v>1680</v>
      </c>
      <c r="B1065" s="736"/>
      <c r="C1065" s="490" t="s">
        <v>621</v>
      </c>
      <c r="D1065" s="489"/>
      <c r="E1065" s="488"/>
      <c r="F1065" s="487"/>
      <c r="G1065" s="486" t="s">
        <v>651</v>
      </c>
      <c r="H1065" s="549"/>
      <c r="I1065" s="549"/>
      <c r="J1065" s="549"/>
      <c r="K1065" s="549"/>
      <c r="L1065" s="551"/>
    </row>
    <row r="1066" spans="1:12" ht="16.149999999999999" customHeight="1">
      <c r="A1066" s="737"/>
      <c r="B1066" s="738"/>
      <c r="C1066" s="485"/>
      <c r="D1066" s="484"/>
      <c r="E1066" s="483"/>
      <c r="F1066" s="482"/>
      <c r="G1066" s="481" t="s">
        <v>651</v>
      </c>
      <c r="H1066" s="476"/>
      <c r="I1066" s="476"/>
      <c r="J1066" s="476"/>
      <c r="K1066" s="476"/>
      <c r="L1066" s="475"/>
    </row>
    <row r="1067" spans="1:12" ht="16.149999999999999" customHeight="1">
      <c r="A1067" s="733" t="s">
        <v>899</v>
      </c>
      <c r="B1067" s="734"/>
      <c r="C1067" s="495"/>
      <c r="D1067" s="494"/>
      <c r="E1067" s="493"/>
      <c r="F1067" s="492"/>
      <c r="G1067" s="486" t="s">
        <v>651</v>
      </c>
      <c r="H1067" s="549"/>
      <c r="I1067" s="549"/>
      <c r="J1067" s="549"/>
      <c r="K1067" s="549"/>
      <c r="L1067" s="551"/>
    </row>
    <row r="1068" spans="1:12" ht="16.149999999999999" customHeight="1">
      <c r="A1068" s="735"/>
      <c r="B1068" s="736"/>
      <c r="C1068" s="490"/>
      <c r="D1068" s="489"/>
      <c r="E1068" s="491"/>
      <c r="F1068" s="487" t="s">
        <v>651</v>
      </c>
      <c r="G1068" s="486" t="s">
        <v>651</v>
      </c>
      <c r="H1068" s="549"/>
      <c r="I1068" s="549"/>
      <c r="J1068" s="549"/>
      <c r="K1068" s="549"/>
      <c r="L1068" s="551"/>
    </row>
    <row r="1069" spans="1:12" ht="16.149999999999999" customHeight="1">
      <c r="A1069" s="735" t="s">
        <v>1679</v>
      </c>
      <c r="B1069" s="736"/>
      <c r="C1069" s="490" t="s">
        <v>621</v>
      </c>
      <c r="D1069" s="489"/>
      <c r="E1069" s="488"/>
      <c r="F1069" s="487"/>
      <c r="G1069" s="486" t="s">
        <v>651</v>
      </c>
      <c r="H1069" s="549"/>
      <c r="I1069" s="549"/>
      <c r="J1069" s="549"/>
      <c r="K1069" s="549"/>
      <c r="L1069" s="551"/>
    </row>
    <row r="1070" spans="1:12" ht="16.149999999999999" customHeight="1">
      <c r="A1070" s="737"/>
      <c r="B1070" s="738"/>
      <c r="C1070" s="485"/>
      <c r="D1070" s="484"/>
      <c r="E1070" s="483"/>
      <c r="F1070" s="482"/>
      <c r="G1070" s="481" t="s">
        <v>651</v>
      </c>
      <c r="H1070" s="476"/>
      <c r="I1070" s="476"/>
      <c r="J1070" s="476"/>
      <c r="K1070" s="476"/>
      <c r="L1070" s="475"/>
    </row>
    <row r="1071" spans="1:12" ht="16.149999999999999" customHeight="1">
      <c r="A1071" s="733" t="s">
        <v>700</v>
      </c>
      <c r="B1071" s="734"/>
      <c r="C1071" s="495"/>
      <c r="D1071" s="494"/>
      <c r="E1071" s="493"/>
      <c r="F1071" s="492"/>
      <c r="G1071" s="486" t="s">
        <v>651</v>
      </c>
      <c r="H1071" s="549"/>
      <c r="I1071" s="549"/>
      <c r="J1071" s="549"/>
      <c r="K1071" s="549"/>
      <c r="L1071" s="551"/>
    </row>
    <row r="1072" spans="1:12" ht="16.149999999999999" customHeight="1">
      <c r="A1072" s="735"/>
      <c r="B1072" s="736"/>
      <c r="C1072" s="490"/>
      <c r="D1072" s="489"/>
      <c r="E1072" s="491"/>
      <c r="F1072" s="487" t="s">
        <v>651</v>
      </c>
      <c r="G1072" s="486" t="s">
        <v>651</v>
      </c>
      <c r="H1072" s="549"/>
      <c r="I1072" s="549"/>
      <c r="J1072" s="549"/>
      <c r="K1072" s="549"/>
      <c r="L1072" s="551"/>
    </row>
    <row r="1073" spans="1:12" ht="16.149999999999999" customHeight="1">
      <c r="A1073" s="735" t="s">
        <v>651</v>
      </c>
      <c r="B1073" s="736"/>
      <c r="C1073" s="490" t="s">
        <v>242</v>
      </c>
      <c r="D1073" s="489">
        <v>1</v>
      </c>
      <c r="E1073" s="488"/>
      <c r="F1073" s="487"/>
      <c r="G1073" s="486" t="s">
        <v>651</v>
      </c>
      <c r="H1073" s="549"/>
      <c r="I1073" s="549"/>
      <c r="J1073" s="549"/>
      <c r="K1073" s="549"/>
      <c r="L1073" s="551"/>
    </row>
    <row r="1074" spans="1:12" ht="16.149999999999999" customHeight="1">
      <c r="A1074" s="737"/>
      <c r="B1074" s="738"/>
      <c r="C1074" s="485"/>
      <c r="D1074" s="484"/>
      <c r="E1074" s="483"/>
      <c r="F1074" s="482"/>
      <c r="G1074" s="481" t="s">
        <v>651</v>
      </c>
      <c r="H1074" s="476"/>
      <c r="I1074" s="476"/>
      <c r="J1074" s="476"/>
      <c r="K1074" s="476"/>
      <c r="L1074" s="475"/>
    </row>
    <row r="1075" spans="1:12" ht="16.149999999999999" customHeight="1">
      <c r="A1075" s="733" t="s">
        <v>651</v>
      </c>
      <c r="B1075" s="734"/>
      <c r="C1075" s="495"/>
      <c r="D1075" s="494"/>
      <c r="E1075" s="493"/>
      <c r="F1075" s="492"/>
      <c r="G1075" s="486" t="s">
        <v>651</v>
      </c>
      <c r="H1075" s="549"/>
      <c r="I1075" s="549"/>
      <c r="J1075" s="549"/>
      <c r="K1075" s="549"/>
      <c r="L1075" s="551"/>
    </row>
    <row r="1076" spans="1:12" ht="16.149999999999999" customHeight="1">
      <c r="A1076" s="735"/>
      <c r="B1076" s="736"/>
      <c r="C1076" s="490"/>
      <c r="D1076" s="489"/>
      <c r="E1076" s="491"/>
      <c r="F1076" s="487" t="s">
        <v>651</v>
      </c>
      <c r="G1076" s="486" t="s">
        <v>651</v>
      </c>
      <c r="H1076" s="549"/>
      <c r="I1076" s="549"/>
      <c r="J1076" s="549"/>
      <c r="K1076" s="549"/>
      <c r="L1076" s="551"/>
    </row>
    <row r="1077" spans="1:12" ht="16.149999999999999" customHeight="1">
      <c r="A1077" s="735" t="s">
        <v>691</v>
      </c>
      <c r="B1077" s="736"/>
      <c r="C1077" s="490" t="s">
        <v>621</v>
      </c>
      <c r="D1077" s="489">
        <v>1</v>
      </c>
      <c r="E1077" s="488"/>
      <c r="F1077" s="487"/>
      <c r="G1077" s="486" t="s">
        <v>651</v>
      </c>
      <c r="H1077" s="549"/>
      <c r="I1077" s="549"/>
      <c r="J1077" s="549"/>
      <c r="K1077" s="549"/>
      <c r="L1077" s="551"/>
    </row>
    <row r="1078" spans="1:12" ht="16.149999999999999" customHeight="1">
      <c r="A1078" s="737"/>
      <c r="B1078" s="738"/>
      <c r="C1078" s="485"/>
      <c r="D1078" s="484"/>
      <c r="E1078" s="483"/>
      <c r="F1078" s="482"/>
      <c r="G1078" s="481" t="s">
        <v>651</v>
      </c>
      <c r="H1078" s="476"/>
      <c r="I1078" s="476"/>
      <c r="J1078" s="476"/>
      <c r="K1078" s="476"/>
      <c r="L1078" s="475"/>
    </row>
    <row r="1079" spans="1:12" ht="16.149999999999999" customHeight="1">
      <c r="A1079" s="733" t="s">
        <v>651</v>
      </c>
      <c r="B1079" s="734"/>
      <c r="C1079" s="495"/>
      <c r="D1079" s="494"/>
      <c r="E1079" s="493"/>
      <c r="F1079" s="492"/>
      <c r="G1079" s="486" t="s">
        <v>651</v>
      </c>
      <c r="H1079" s="549"/>
      <c r="I1079" s="549"/>
      <c r="J1079" s="549"/>
      <c r="K1079" s="549"/>
      <c r="L1079" s="551"/>
    </row>
    <row r="1080" spans="1:12" ht="16.149999999999999" customHeight="1">
      <c r="A1080" s="735"/>
      <c r="B1080" s="736"/>
      <c r="C1080" s="490"/>
      <c r="D1080" s="489"/>
      <c r="E1080" s="491"/>
      <c r="F1080" s="487" t="s">
        <v>651</v>
      </c>
      <c r="G1080" s="486" t="s">
        <v>651</v>
      </c>
      <c r="H1080" s="549"/>
      <c r="I1080" s="549"/>
      <c r="J1080" s="549"/>
      <c r="K1080" s="549"/>
      <c r="L1080" s="551"/>
    </row>
    <row r="1081" spans="1:12" ht="16.149999999999999" customHeight="1">
      <c r="A1081" s="735" t="s">
        <v>681</v>
      </c>
      <c r="B1081" s="736"/>
      <c r="C1081" s="490" t="s">
        <v>621</v>
      </c>
      <c r="D1081" s="489">
        <v>1</v>
      </c>
      <c r="E1081" s="488" t="s">
        <v>618</v>
      </c>
      <c r="F1081" s="487"/>
      <c r="G1081" s="486" t="s">
        <v>651</v>
      </c>
      <c r="H1081" s="549"/>
      <c r="I1081" s="549"/>
      <c r="J1081" s="549"/>
      <c r="K1081" s="549"/>
      <c r="L1081" s="551"/>
    </row>
    <row r="1082" spans="1:12" ht="16.149999999999999" customHeight="1">
      <c r="A1082" s="737"/>
      <c r="B1082" s="738"/>
      <c r="C1082" s="485"/>
      <c r="D1082" s="484"/>
      <c r="E1082" s="483"/>
      <c r="F1082" s="482"/>
      <c r="G1082" s="481" t="s">
        <v>651</v>
      </c>
      <c r="H1082" s="476"/>
      <c r="I1082" s="476"/>
      <c r="J1082" s="476"/>
      <c r="K1082" s="476"/>
      <c r="L1082" s="475"/>
    </row>
    <row r="1086" spans="1:12" ht="16.149999999999999" customHeight="1">
      <c r="A1086" s="507" t="s">
        <v>651</v>
      </c>
      <c r="B1086" s="479" t="s">
        <v>896</v>
      </c>
      <c r="C1086" s="480"/>
      <c r="D1086" s="479"/>
      <c r="E1086" s="479"/>
      <c r="F1086" s="479"/>
      <c r="G1086" s="479"/>
      <c r="H1086" s="479" t="s">
        <v>617</v>
      </c>
      <c r="I1086" s="480" t="s">
        <v>895</v>
      </c>
      <c r="J1086" s="479" t="s">
        <v>689</v>
      </c>
      <c r="K1086" s="479" t="s">
        <v>688</v>
      </c>
      <c r="L1086" s="506"/>
    </row>
    <row r="1087" spans="1:12" ht="16.149999999999999" customHeight="1">
      <c r="A1087" s="505" t="s">
        <v>651</v>
      </c>
      <c r="B1087" s="549" t="s">
        <v>651</v>
      </c>
      <c r="C1087" s="550"/>
      <c r="D1087" s="549"/>
      <c r="E1087" s="549"/>
      <c r="F1087" s="549"/>
      <c r="G1087" s="478"/>
      <c r="H1087" s="549"/>
      <c r="I1087" s="504"/>
      <c r="J1087" s="503" t="s">
        <v>687</v>
      </c>
      <c r="K1087" s="502" t="s">
        <v>894</v>
      </c>
      <c r="L1087" s="501" t="s">
        <v>618</v>
      </c>
    </row>
    <row r="1088" spans="1:12" ht="16.149999999999999" customHeight="1">
      <c r="A1088" s="477" t="s">
        <v>651</v>
      </c>
      <c r="B1088" s="549"/>
      <c r="C1088" s="550"/>
      <c r="D1088" s="549"/>
      <c r="E1088" s="549"/>
      <c r="F1088" s="549"/>
      <c r="G1088" s="478"/>
      <c r="H1088" s="478"/>
      <c r="I1088" s="478"/>
      <c r="J1088" s="478"/>
      <c r="K1088" s="478"/>
      <c r="L1088" s="501"/>
    </row>
    <row r="1089" spans="1:12" ht="16.149999999999999" customHeight="1">
      <c r="A1089" s="498" t="s">
        <v>686</v>
      </c>
      <c r="B1089" s="500"/>
      <c r="C1089" s="499" t="s">
        <v>309</v>
      </c>
      <c r="D1089" s="499" t="s">
        <v>685</v>
      </c>
      <c r="E1089" s="499" t="s">
        <v>684</v>
      </c>
      <c r="F1089" s="499" t="s">
        <v>683</v>
      </c>
      <c r="G1089" s="498" t="s">
        <v>682</v>
      </c>
      <c r="H1089" s="497"/>
      <c r="I1089" s="497"/>
      <c r="J1089" s="497"/>
      <c r="K1089" s="497"/>
      <c r="L1089" s="496"/>
    </row>
    <row r="1090" spans="1:12" ht="16.149999999999999" customHeight="1">
      <c r="A1090" s="733" t="s">
        <v>250</v>
      </c>
      <c r="B1090" s="734"/>
      <c r="C1090" s="495"/>
      <c r="D1090" s="494"/>
      <c r="E1090" s="493"/>
      <c r="F1090" s="492"/>
      <c r="G1090" s="486" t="s">
        <v>651</v>
      </c>
      <c r="H1090" s="549"/>
      <c r="I1090" s="549"/>
      <c r="J1090" s="549"/>
      <c r="K1090" s="549"/>
      <c r="L1090" s="551"/>
    </row>
    <row r="1091" spans="1:12" ht="16.149999999999999" customHeight="1">
      <c r="A1091" s="735"/>
      <c r="B1091" s="736"/>
      <c r="C1091" s="490"/>
      <c r="D1091" s="489"/>
      <c r="E1091" s="491"/>
      <c r="F1091" s="487" t="s">
        <v>651</v>
      </c>
      <c r="G1091" s="486" t="s">
        <v>651</v>
      </c>
      <c r="H1091" s="549"/>
      <c r="I1091" s="549"/>
      <c r="J1091" s="549"/>
      <c r="K1091" s="549"/>
      <c r="L1091" s="551"/>
    </row>
    <row r="1092" spans="1:12" ht="16.149999999999999" customHeight="1">
      <c r="A1092" s="735" t="s">
        <v>651</v>
      </c>
      <c r="B1092" s="736"/>
      <c r="C1092" s="490" t="s">
        <v>248</v>
      </c>
      <c r="D1092" s="489"/>
      <c r="E1092" s="488"/>
      <c r="F1092" s="487"/>
      <c r="G1092" s="486" t="s">
        <v>651</v>
      </c>
      <c r="H1092" s="549"/>
      <c r="I1092" s="549"/>
      <c r="J1092" s="549"/>
      <c r="K1092" s="549"/>
      <c r="L1092" s="551"/>
    </row>
    <row r="1093" spans="1:12" ht="16.149999999999999" customHeight="1">
      <c r="A1093" s="737"/>
      <c r="B1093" s="738"/>
      <c r="C1093" s="485"/>
      <c r="D1093" s="484"/>
      <c r="E1093" s="483"/>
      <c r="F1093" s="482"/>
      <c r="G1093" s="481" t="s">
        <v>651</v>
      </c>
      <c r="H1093" s="476"/>
      <c r="I1093" s="476"/>
      <c r="J1093" s="476"/>
      <c r="K1093" s="476"/>
      <c r="L1093" s="475"/>
    </row>
    <row r="1094" spans="1:12" ht="16.149999999999999" customHeight="1">
      <c r="A1094" s="733" t="s">
        <v>651</v>
      </c>
      <c r="B1094" s="734"/>
      <c r="C1094" s="495"/>
      <c r="D1094" s="494"/>
      <c r="E1094" s="493"/>
      <c r="F1094" s="492"/>
      <c r="G1094" s="486" t="s">
        <v>651</v>
      </c>
      <c r="H1094" s="549"/>
      <c r="I1094" s="549"/>
      <c r="J1094" s="549"/>
      <c r="K1094" s="549"/>
      <c r="L1094" s="551"/>
    </row>
    <row r="1095" spans="1:12" ht="16.149999999999999" customHeight="1">
      <c r="A1095" s="735"/>
      <c r="B1095" s="736"/>
      <c r="C1095" s="490"/>
      <c r="D1095" s="489"/>
      <c r="E1095" s="491"/>
      <c r="F1095" s="487" t="s">
        <v>651</v>
      </c>
      <c r="G1095" s="486" t="s">
        <v>651</v>
      </c>
      <c r="H1095" s="549"/>
      <c r="I1095" s="549"/>
      <c r="J1095" s="549"/>
      <c r="K1095" s="549"/>
      <c r="L1095" s="551"/>
    </row>
    <row r="1096" spans="1:12" ht="16.149999999999999" customHeight="1">
      <c r="A1096" s="735" t="s">
        <v>691</v>
      </c>
      <c r="B1096" s="736"/>
      <c r="C1096" s="490" t="s">
        <v>894</v>
      </c>
      <c r="D1096" s="489">
        <v>1</v>
      </c>
      <c r="E1096" s="488"/>
      <c r="F1096" s="487"/>
      <c r="G1096" s="486" t="s">
        <v>651</v>
      </c>
      <c r="H1096" s="549"/>
      <c r="I1096" s="549"/>
      <c r="J1096" s="549"/>
      <c r="K1096" s="549"/>
      <c r="L1096" s="551"/>
    </row>
    <row r="1097" spans="1:12" ht="16.149999999999999" customHeight="1">
      <c r="A1097" s="737"/>
      <c r="B1097" s="738"/>
      <c r="C1097" s="485"/>
      <c r="D1097" s="484"/>
      <c r="E1097" s="483"/>
      <c r="F1097" s="482"/>
      <c r="G1097" s="481" t="s">
        <v>651</v>
      </c>
      <c r="H1097" s="476"/>
      <c r="I1097" s="476"/>
      <c r="J1097" s="476"/>
      <c r="K1097" s="476"/>
      <c r="L1097" s="475"/>
    </row>
    <row r="1098" spans="1:12" ht="16.149999999999999" customHeight="1">
      <c r="A1098" s="733" t="s">
        <v>651</v>
      </c>
      <c r="B1098" s="734"/>
      <c r="C1098" s="495"/>
      <c r="D1098" s="494"/>
      <c r="E1098" s="493"/>
      <c r="F1098" s="492"/>
      <c r="G1098" s="486" t="s">
        <v>651</v>
      </c>
      <c r="H1098" s="549"/>
      <c r="I1098" s="549"/>
      <c r="J1098" s="549"/>
      <c r="K1098" s="549"/>
      <c r="L1098" s="551"/>
    </row>
    <row r="1099" spans="1:12" ht="16.149999999999999" customHeight="1">
      <c r="A1099" s="735"/>
      <c r="B1099" s="736"/>
      <c r="C1099" s="490"/>
      <c r="D1099" s="489"/>
      <c r="E1099" s="491"/>
      <c r="F1099" s="487" t="s">
        <v>651</v>
      </c>
      <c r="G1099" s="486" t="s">
        <v>651</v>
      </c>
      <c r="H1099" s="549"/>
      <c r="I1099" s="549"/>
      <c r="J1099" s="549"/>
      <c r="K1099" s="549"/>
      <c r="L1099" s="551"/>
    </row>
    <row r="1100" spans="1:12" ht="16.149999999999999" customHeight="1">
      <c r="A1100" s="735" t="s">
        <v>681</v>
      </c>
      <c r="B1100" s="736"/>
      <c r="C1100" s="490" t="s">
        <v>894</v>
      </c>
      <c r="D1100" s="489">
        <v>1</v>
      </c>
      <c r="E1100" s="488" t="s">
        <v>618</v>
      </c>
      <c r="F1100" s="487"/>
      <c r="G1100" s="486" t="s">
        <v>651</v>
      </c>
      <c r="H1100" s="549"/>
      <c r="I1100" s="549"/>
      <c r="J1100" s="549"/>
      <c r="K1100" s="549"/>
      <c r="L1100" s="551"/>
    </row>
    <row r="1101" spans="1:12" ht="16.149999999999999" customHeight="1">
      <c r="A1101" s="737"/>
      <c r="B1101" s="738"/>
      <c r="C1101" s="485"/>
      <c r="D1101" s="484"/>
      <c r="E1101" s="483"/>
      <c r="F1101" s="482"/>
      <c r="G1101" s="481" t="s">
        <v>651</v>
      </c>
      <c r="H1101" s="476"/>
      <c r="I1101" s="476"/>
      <c r="J1101" s="476"/>
      <c r="K1101" s="476"/>
      <c r="L1101" s="475"/>
    </row>
    <row r="1103" spans="1:12" ht="16.149999999999999" customHeight="1">
      <c r="A1103" s="507" t="s">
        <v>651</v>
      </c>
      <c r="B1103" s="479" t="s">
        <v>892</v>
      </c>
      <c r="C1103" s="480"/>
      <c r="D1103" s="479"/>
      <c r="E1103" s="479"/>
      <c r="F1103" s="479"/>
      <c r="G1103" s="479"/>
      <c r="H1103" s="479" t="s">
        <v>617</v>
      </c>
      <c r="I1103" s="480" t="s">
        <v>893</v>
      </c>
      <c r="J1103" s="479" t="s">
        <v>689</v>
      </c>
      <c r="K1103" s="479" t="s">
        <v>688</v>
      </c>
      <c r="L1103" s="506"/>
    </row>
    <row r="1104" spans="1:12" ht="16.149999999999999" customHeight="1">
      <c r="A1104" s="505" t="s">
        <v>651</v>
      </c>
      <c r="B1104" s="549" t="s">
        <v>1017</v>
      </c>
      <c r="C1104" s="550"/>
      <c r="D1104" s="549"/>
      <c r="E1104" s="549"/>
      <c r="F1104" s="549"/>
      <c r="G1104" s="478"/>
      <c r="H1104" s="549"/>
      <c r="I1104" s="504"/>
      <c r="J1104" s="503" t="s">
        <v>687</v>
      </c>
      <c r="K1104" s="502" t="s">
        <v>194</v>
      </c>
      <c r="L1104" s="501" t="s">
        <v>618</v>
      </c>
    </row>
    <row r="1105" spans="1:12" ht="16.149999999999999" customHeight="1">
      <c r="A1105" s="477" t="s">
        <v>651</v>
      </c>
      <c r="B1105" s="549"/>
      <c r="C1105" s="550"/>
      <c r="D1105" s="549"/>
      <c r="E1105" s="549"/>
      <c r="F1105" s="549"/>
      <c r="G1105" s="478"/>
      <c r="H1105" s="478"/>
      <c r="I1105" s="478"/>
      <c r="J1105" s="478"/>
      <c r="K1105" s="478"/>
      <c r="L1105" s="501"/>
    </row>
    <row r="1106" spans="1:12" ht="16.149999999999999" customHeight="1">
      <c r="A1106" s="498" t="s">
        <v>686</v>
      </c>
      <c r="B1106" s="500"/>
      <c r="C1106" s="499" t="s">
        <v>309</v>
      </c>
      <c r="D1106" s="499" t="s">
        <v>685</v>
      </c>
      <c r="E1106" s="499" t="s">
        <v>684</v>
      </c>
      <c r="F1106" s="499" t="s">
        <v>683</v>
      </c>
      <c r="G1106" s="498" t="s">
        <v>682</v>
      </c>
      <c r="H1106" s="497"/>
      <c r="I1106" s="497"/>
      <c r="J1106" s="497"/>
      <c r="K1106" s="497"/>
      <c r="L1106" s="496"/>
    </row>
    <row r="1107" spans="1:12" ht="16.149999999999999" customHeight="1">
      <c r="A1107" s="733" t="s">
        <v>892</v>
      </c>
      <c r="B1107" s="734"/>
      <c r="C1107" s="495"/>
      <c r="D1107" s="494"/>
      <c r="E1107" s="493"/>
      <c r="F1107" s="492"/>
      <c r="G1107" s="486" t="s">
        <v>891</v>
      </c>
      <c r="H1107" s="549"/>
      <c r="I1107" s="549"/>
      <c r="J1107" s="549"/>
      <c r="K1107" s="549"/>
      <c r="L1107" s="551"/>
    </row>
    <row r="1108" spans="1:12" ht="16.149999999999999" customHeight="1">
      <c r="A1108" s="735"/>
      <c r="B1108" s="736"/>
      <c r="C1108" s="490"/>
      <c r="D1108" s="489"/>
      <c r="E1108" s="491"/>
      <c r="F1108" s="487" t="s">
        <v>651</v>
      </c>
      <c r="G1108" s="486" t="s">
        <v>651</v>
      </c>
      <c r="H1108" s="549"/>
      <c r="I1108" s="549"/>
      <c r="J1108" s="549"/>
      <c r="K1108" s="549"/>
      <c r="L1108" s="551"/>
    </row>
    <row r="1109" spans="1:12" ht="16.149999999999999" customHeight="1">
      <c r="A1109" s="735" t="s">
        <v>1678</v>
      </c>
      <c r="B1109" s="736"/>
      <c r="C1109" s="490" t="s">
        <v>194</v>
      </c>
      <c r="D1109" s="489">
        <v>1</v>
      </c>
      <c r="E1109" s="488"/>
      <c r="F1109" s="487"/>
      <c r="G1109" s="486" t="s">
        <v>651</v>
      </c>
      <c r="H1109" s="549"/>
      <c r="I1109" s="549"/>
      <c r="J1109" s="549"/>
      <c r="K1109" s="549"/>
      <c r="L1109" s="551"/>
    </row>
    <row r="1110" spans="1:12" ht="16.149999999999999" customHeight="1">
      <c r="A1110" s="737"/>
      <c r="B1110" s="738"/>
      <c r="C1110" s="485"/>
      <c r="D1110" s="484"/>
      <c r="E1110" s="483"/>
      <c r="F1110" s="482"/>
      <c r="G1110" s="481" t="s">
        <v>651</v>
      </c>
      <c r="H1110" s="476"/>
      <c r="I1110" s="476"/>
      <c r="J1110" s="476"/>
      <c r="K1110" s="476"/>
      <c r="L1110" s="475"/>
    </row>
    <row r="1111" spans="1:12" ht="16.149999999999999" customHeight="1">
      <c r="A1111" s="733" t="s">
        <v>651</v>
      </c>
      <c r="B1111" s="734"/>
      <c r="C1111" s="495"/>
      <c r="D1111" s="494"/>
      <c r="E1111" s="493"/>
      <c r="F1111" s="492"/>
      <c r="G1111" s="486" t="s">
        <v>651</v>
      </c>
      <c r="H1111" s="549"/>
      <c r="I1111" s="549"/>
      <c r="J1111" s="549"/>
      <c r="K1111" s="549"/>
      <c r="L1111" s="551"/>
    </row>
    <row r="1112" spans="1:12" ht="16.149999999999999" customHeight="1">
      <c r="A1112" s="735"/>
      <c r="B1112" s="736"/>
      <c r="C1112" s="490"/>
      <c r="D1112" s="489"/>
      <c r="E1112" s="491"/>
      <c r="F1112" s="487" t="s">
        <v>651</v>
      </c>
      <c r="G1112" s="486" t="s">
        <v>651</v>
      </c>
      <c r="H1112" s="549"/>
      <c r="I1112" s="549"/>
      <c r="J1112" s="549"/>
      <c r="K1112" s="549"/>
      <c r="L1112" s="551"/>
    </row>
    <row r="1113" spans="1:12" ht="16.149999999999999" customHeight="1">
      <c r="A1113" s="735" t="s">
        <v>691</v>
      </c>
      <c r="B1113" s="736"/>
      <c r="C1113" s="490" t="s">
        <v>194</v>
      </c>
      <c r="D1113" s="489">
        <v>1</v>
      </c>
      <c r="E1113" s="488"/>
      <c r="F1113" s="487"/>
      <c r="G1113" s="486" t="s">
        <v>651</v>
      </c>
      <c r="H1113" s="549"/>
      <c r="I1113" s="549"/>
      <c r="J1113" s="549"/>
      <c r="K1113" s="549"/>
      <c r="L1113" s="551"/>
    </row>
    <row r="1114" spans="1:12" ht="16.149999999999999" customHeight="1">
      <c r="A1114" s="737"/>
      <c r="B1114" s="738"/>
      <c r="C1114" s="485"/>
      <c r="D1114" s="484"/>
      <c r="E1114" s="483"/>
      <c r="F1114" s="482"/>
      <c r="G1114" s="481" t="s">
        <v>651</v>
      </c>
      <c r="H1114" s="476"/>
      <c r="I1114" s="476"/>
      <c r="J1114" s="476"/>
      <c r="K1114" s="476"/>
      <c r="L1114" s="475"/>
    </row>
    <row r="1115" spans="1:12" ht="16.149999999999999" customHeight="1">
      <c r="A1115" s="733" t="s">
        <v>651</v>
      </c>
      <c r="B1115" s="734"/>
      <c r="C1115" s="495"/>
      <c r="D1115" s="494"/>
      <c r="E1115" s="493"/>
      <c r="F1115" s="492"/>
      <c r="G1115" s="486" t="s">
        <v>651</v>
      </c>
      <c r="H1115" s="549"/>
      <c r="I1115" s="549"/>
      <c r="J1115" s="549"/>
      <c r="K1115" s="549"/>
      <c r="L1115" s="551"/>
    </row>
    <row r="1116" spans="1:12" ht="16.149999999999999" customHeight="1">
      <c r="A1116" s="735"/>
      <c r="B1116" s="736"/>
      <c r="C1116" s="490"/>
      <c r="D1116" s="489"/>
      <c r="E1116" s="491"/>
      <c r="F1116" s="487" t="s">
        <v>651</v>
      </c>
      <c r="G1116" s="486" t="s">
        <v>651</v>
      </c>
      <c r="H1116" s="549"/>
      <c r="I1116" s="549"/>
      <c r="J1116" s="549"/>
      <c r="K1116" s="549"/>
      <c r="L1116" s="551"/>
    </row>
    <row r="1117" spans="1:12" ht="16.149999999999999" customHeight="1">
      <c r="A1117" s="735" t="s">
        <v>681</v>
      </c>
      <c r="B1117" s="736"/>
      <c r="C1117" s="490" t="s">
        <v>194</v>
      </c>
      <c r="D1117" s="489">
        <v>1</v>
      </c>
      <c r="E1117" s="488" t="s">
        <v>618</v>
      </c>
      <c r="F1117" s="487"/>
      <c r="G1117" s="486" t="s">
        <v>651</v>
      </c>
      <c r="H1117" s="549"/>
      <c r="I1117" s="549"/>
      <c r="J1117" s="549"/>
      <c r="K1117" s="549"/>
      <c r="L1117" s="551"/>
    </row>
    <row r="1118" spans="1:12" ht="16.149999999999999" customHeight="1">
      <c r="A1118" s="737"/>
      <c r="B1118" s="738"/>
      <c r="C1118" s="485"/>
      <c r="D1118" s="484"/>
      <c r="E1118" s="483"/>
      <c r="F1118" s="482"/>
      <c r="G1118" s="481" t="s">
        <v>651</v>
      </c>
      <c r="H1118" s="476"/>
      <c r="I1118" s="476"/>
      <c r="J1118" s="476"/>
      <c r="K1118" s="476"/>
      <c r="L1118" s="475"/>
    </row>
    <row r="1121" spans="1:12" ht="16.149999999999999" customHeight="1">
      <c r="A1121" s="507" t="s">
        <v>651</v>
      </c>
      <c r="B1121" s="479" t="s">
        <v>1677</v>
      </c>
      <c r="C1121" s="480"/>
      <c r="D1121" s="479"/>
      <c r="E1121" s="479"/>
      <c r="F1121" s="479"/>
      <c r="G1121" s="479"/>
      <c r="H1121" s="479" t="s">
        <v>617</v>
      </c>
      <c r="I1121" s="480" t="s">
        <v>890</v>
      </c>
      <c r="J1121" s="479" t="s">
        <v>689</v>
      </c>
      <c r="K1121" s="479" t="s">
        <v>688</v>
      </c>
      <c r="L1121" s="506"/>
    </row>
    <row r="1122" spans="1:12" ht="16.149999999999999" customHeight="1">
      <c r="A1122" s="505" t="s">
        <v>651</v>
      </c>
      <c r="B1122" s="549" t="s">
        <v>1676</v>
      </c>
      <c r="C1122" s="550"/>
      <c r="D1122" s="549"/>
      <c r="E1122" s="549"/>
      <c r="F1122" s="549"/>
      <c r="G1122" s="478"/>
      <c r="H1122" s="549"/>
      <c r="I1122" s="504"/>
      <c r="J1122" s="503" t="s">
        <v>708</v>
      </c>
      <c r="K1122" s="502" t="s">
        <v>193</v>
      </c>
      <c r="L1122" s="501" t="s">
        <v>618</v>
      </c>
    </row>
    <row r="1123" spans="1:12" ht="16.149999999999999" customHeight="1">
      <c r="A1123" s="477" t="s">
        <v>651</v>
      </c>
      <c r="B1123" s="549"/>
      <c r="C1123" s="550"/>
      <c r="D1123" s="549"/>
      <c r="E1123" s="549"/>
      <c r="F1123" s="549"/>
      <c r="G1123" s="478"/>
      <c r="H1123" s="478"/>
      <c r="I1123" s="478"/>
      <c r="J1123" s="478"/>
      <c r="K1123" s="478"/>
      <c r="L1123" s="501"/>
    </row>
    <row r="1124" spans="1:12" ht="16.149999999999999" customHeight="1">
      <c r="A1124" s="498" t="s">
        <v>686</v>
      </c>
      <c r="B1124" s="500"/>
      <c r="C1124" s="499" t="s">
        <v>309</v>
      </c>
      <c r="D1124" s="499" t="s">
        <v>685</v>
      </c>
      <c r="E1124" s="499" t="s">
        <v>684</v>
      </c>
      <c r="F1124" s="499" t="s">
        <v>683</v>
      </c>
      <c r="G1124" s="498" t="s">
        <v>682</v>
      </c>
      <c r="H1124" s="497"/>
      <c r="I1124" s="497"/>
      <c r="J1124" s="497"/>
      <c r="K1124" s="497"/>
      <c r="L1124" s="496"/>
    </row>
    <row r="1125" spans="1:12" ht="16.149999999999999" customHeight="1">
      <c r="A1125" s="733" t="s">
        <v>889</v>
      </c>
      <c r="B1125" s="734"/>
      <c r="C1125" s="495"/>
      <c r="D1125" s="494"/>
      <c r="E1125" s="493"/>
      <c r="F1125" s="492"/>
      <c r="G1125" s="486" t="s">
        <v>888</v>
      </c>
      <c r="H1125" s="549"/>
      <c r="I1125" s="549"/>
      <c r="J1125" s="549"/>
      <c r="K1125" s="549"/>
      <c r="L1125" s="551"/>
    </row>
    <row r="1126" spans="1:12" ht="16.149999999999999" customHeight="1">
      <c r="A1126" s="735"/>
      <c r="B1126" s="736"/>
      <c r="C1126" s="490"/>
      <c r="D1126" s="489"/>
      <c r="E1126" s="491"/>
      <c r="F1126" s="487" t="s">
        <v>651</v>
      </c>
      <c r="G1126" s="486" t="s">
        <v>651</v>
      </c>
      <c r="H1126" s="549"/>
      <c r="I1126" s="549"/>
      <c r="J1126" s="549"/>
      <c r="K1126" s="549"/>
      <c r="L1126" s="551"/>
    </row>
    <row r="1127" spans="1:12" ht="16.149999999999999" customHeight="1">
      <c r="A1127" s="735" t="s">
        <v>1675</v>
      </c>
      <c r="B1127" s="736"/>
      <c r="C1127" s="490" t="s">
        <v>621</v>
      </c>
      <c r="D1127" s="489"/>
      <c r="E1127" s="488"/>
      <c r="F1127" s="487"/>
      <c r="G1127" s="486" t="s">
        <v>651</v>
      </c>
      <c r="H1127" s="549"/>
      <c r="I1127" s="549"/>
      <c r="J1127" s="549"/>
      <c r="K1127" s="549"/>
      <c r="L1127" s="551"/>
    </row>
    <row r="1128" spans="1:12" ht="16.149999999999999" customHeight="1">
      <c r="A1128" s="737"/>
      <c r="B1128" s="738"/>
      <c r="C1128" s="485"/>
      <c r="D1128" s="484"/>
      <c r="E1128" s="483"/>
      <c r="F1128" s="482"/>
      <c r="G1128" s="481" t="s">
        <v>651</v>
      </c>
      <c r="H1128" s="476"/>
      <c r="I1128" s="476"/>
      <c r="J1128" s="476"/>
      <c r="K1128" s="476"/>
      <c r="L1128" s="475"/>
    </row>
    <row r="1129" spans="1:12" ht="16.149999999999999" customHeight="1">
      <c r="A1129" s="733" t="s">
        <v>651</v>
      </c>
      <c r="B1129" s="734"/>
      <c r="C1129" s="495"/>
      <c r="D1129" s="494"/>
      <c r="E1129" s="493"/>
      <c r="F1129" s="492"/>
      <c r="G1129" s="486" t="s">
        <v>651</v>
      </c>
      <c r="H1129" s="549"/>
      <c r="I1129" s="549"/>
      <c r="J1129" s="549"/>
      <c r="K1129" s="549"/>
      <c r="L1129" s="551"/>
    </row>
    <row r="1130" spans="1:12" ht="16.149999999999999" customHeight="1">
      <c r="A1130" s="735"/>
      <c r="B1130" s="736"/>
      <c r="C1130" s="490"/>
      <c r="D1130" s="489"/>
      <c r="E1130" s="491"/>
      <c r="F1130" s="487" t="s">
        <v>651</v>
      </c>
      <c r="G1130" s="486" t="s">
        <v>651</v>
      </c>
      <c r="H1130" s="549"/>
      <c r="I1130" s="549"/>
      <c r="J1130" s="549"/>
      <c r="K1130" s="549"/>
      <c r="L1130" s="551"/>
    </row>
    <row r="1131" spans="1:12" ht="16.149999999999999" customHeight="1">
      <c r="A1131" s="735" t="s">
        <v>691</v>
      </c>
      <c r="B1131" s="736"/>
      <c r="C1131" s="490" t="s">
        <v>193</v>
      </c>
      <c r="D1131" s="489">
        <v>10</v>
      </c>
      <c r="E1131" s="488"/>
      <c r="F1131" s="487"/>
      <c r="G1131" s="486" t="s">
        <v>651</v>
      </c>
      <c r="H1131" s="549"/>
      <c r="I1131" s="549"/>
      <c r="J1131" s="549"/>
      <c r="K1131" s="549"/>
      <c r="L1131" s="551"/>
    </row>
    <row r="1132" spans="1:12" ht="16.149999999999999" customHeight="1">
      <c r="A1132" s="737"/>
      <c r="B1132" s="738"/>
      <c r="C1132" s="485"/>
      <c r="D1132" s="484"/>
      <c r="E1132" s="483"/>
      <c r="F1132" s="482"/>
      <c r="G1132" s="481" t="s">
        <v>651</v>
      </c>
      <c r="H1132" s="476"/>
      <c r="I1132" s="476"/>
      <c r="J1132" s="476"/>
      <c r="K1132" s="476"/>
      <c r="L1132" s="475"/>
    </row>
    <row r="1133" spans="1:12" ht="16.149999999999999" customHeight="1">
      <c r="A1133" s="733" t="s">
        <v>651</v>
      </c>
      <c r="B1133" s="734"/>
      <c r="C1133" s="495"/>
      <c r="D1133" s="494"/>
      <c r="E1133" s="493"/>
      <c r="F1133" s="492"/>
      <c r="G1133" s="486" t="s">
        <v>651</v>
      </c>
      <c r="H1133" s="549"/>
      <c r="I1133" s="549"/>
      <c r="J1133" s="549"/>
      <c r="K1133" s="549"/>
      <c r="L1133" s="551"/>
    </row>
    <row r="1134" spans="1:12" ht="16.149999999999999" customHeight="1">
      <c r="A1134" s="735"/>
      <c r="B1134" s="736"/>
      <c r="C1134" s="490"/>
      <c r="D1134" s="489"/>
      <c r="E1134" s="491"/>
      <c r="F1134" s="487" t="s">
        <v>651</v>
      </c>
      <c r="G1134" s="486" t="s">
        <v>651</v>
      </c>
      <c r="H1134" s="549"/>
      <c r="I1134" s="549"/>
      <c r="J1134" s="549"/>
      <c r="K1134" s="549"/>
      <c r="L1134" s="551"/>
    </row>
    <row r="1135" spans="1:12" ht="16.149999999999999" customHeight="1">
      <c r="A1135" s="735" t="s">
        <v>681</v>
      </c>
      <c r="B1135" s="736"/>
      <c r="C1135" s="490" t="s">
        <v>193</v>
      </c>
      <c r="D1135" s="489">
        <v>1</v>
      </c>
      <c r="E1135" s="488" t="s">
        <v>618</v>
      </c>
      <c r="F1135" s="487"/>
      <c r="G1135" s="486" t="s">
        <v>651</v>
      </c>
      <c r="H1135" s="549"/>
      <c r="I1135" s="549"/>
      <c r="J1135" s="549"/>
      <c r="K1135" s="549"/>
      <c r="L1135" s="551"/>
    </row>
    <row r="1136" spans="1:12" ht="16.149999999999999" customHeight="1">
      <c r="A1136" s="737"/>
      <c r="B1136" s="738"/>
      <c r="C1136" s="485"/>
      <c r="D1136" s="484"/>
      <c r="E1136" s="483"/>
      <c r="F1136" s="482"/>
      <c r="G1136" s="481" t="s">
        <v>651</v>
      </c>
      <c r="H1136" s="476"/>
      <c r="I1136" s="476"/>
      <c r="J1136" s="476"/>
      <c r="K1136" s="476"/>
      <c r="L1136" s="475"/>
    </row>
    <row r="1138" spans="1:12" ht="16.149999999999999" customHeight="1">
      <c r="A1138" s="507" t="s">
        <v>651</v>
      </c>
      <c r="B1138" s="479" t="s">
        <v>1673</v>
      </c>
      <c r="C1138" s="480"/>
      <c r="D1138" s="479"/>
      <c r="E1138" s="479"/>
      <c r="F1138" s="479"/>
      <c r="G1138" s="479"/>
      <c r="H1138" s="479" t="s">
        <v>617</v>
      </c>
      <c r="I1138" s="480" t="s">
        <v>883</v>
      </c>
      <c r="J1138" s="479" t="s">
        <v>689</v>
      </c>
      <c r="K1138" s="479" t="s">
        <v>688</v>
      </c>
      <c r="L1138" s="506"/>
    </row>
    <row r="1139" spans="1:12" ht="16.149999999999999" customHeight="1">
      <c r="A1139" s="505" t="s">
        <v>651</v>
      </c>
      <c r="B1139" s="549" t="s">
        <v>1672</v>
      </c>
      <c r="C1139" s="550"/>
      <c r="D1139" s="549"/>
      <c r="E1139" s="549"/>
      <c r="F1139" s="549"/>
      <c r="G1139" s="478"/>
      <c r="H1139" s="549"/>
      <c r="I1139" s="504"/>
      <c r="J1139" s="503" t="s">
        <v>722</v>
      </c>
      <c r="K1139" s="502" t="s">
        <v>194</v>
      </c>
      <c r="L1139" s="501" t="s">
        <v>618</v>
      </c>
    </row>
    <row r="1140" spans="1:12" ht="16.149999999999999" customHeight="1">
      <c r="A1140" s="477" t="s">
        <v>651</v>
      </c>
      <c r="B1140" s="549"/>
      <c r="C1140" s="550"/>
      <c r="D1140" s="549"/>
      <c r="E1140" s="549"/>
      <c r="F1140" s="549"/>
      <c r="G1140" s="478"/>
      <c r="H1140" s="478"/>
      <c r="I1140" s="478"/>
      <c r="J1140" s="478"/>
      <c r="K1140" s="478"/>
      <c r="L1140" s="501"/>
    </row>
    <row r="1141" spans="1:12" ht="16.149999999999999" customHeight="1">
      <c r="A1141" s="498" t="s">
        <v>686</v>
      </c>
      <c r="B1141" s="500"/>
      <c r="C1141" s="499" t="s">
        <v>309</v>
      </c>
      <c r="D1141" s="499" t="s">
        <v>685</v>
      </c>
      <c r="E1141" s="499" t="s">
        <v>684</v>
      </c>
      <c r="F1141" s="499" t="s">
        <v>683</v>
      </c>
      <c r="G1141" s="498" t="s">
        <v>682</v>
      </c>
      <c r="H1141" s="497"/>
      <c r="I1141" s="497"/>
      <c r="J1141" s="497"/>
      <c r="K1141" s="497"/>
      <c r="L1141" s="496"/>
    </row>
    <row r="1142" spans="1:12" ht="16.149999999999999" customHeight="1">
      <c r="A1142" s="733" t="s">
        <v>250</v>
      </c>
      <c r="B1142" s="734"/>
      <c r="C1142" s="495"/>
      <c r="D1142" s="494"/>
      <c r="E1142" s="493"/>
      <c r="F1142" s="492"/>
      <c r="G1142" s="486" t="s">
        <v>651</v>
      </c>
      <c r="H1142" s="549"/>
      <c r="I1142" s="549"/>
      <c r="J1142" s="549"/>
      <c r="K1142" s="549"/>
      <c r="L1142" s="551"/>
    </row>
    <row r="1143" spans="1:12" ht="16.149999999999999" customHeight="1">
      <c r="A1143" s="735"/>
      <c r="B1143" s="736"/>
      <c r="C1143" s="490"/>
      <c r="D1143" s="489"/>
      <c r="E1143" s="491"/>
      <c r="F1143" s="487" t="s">
        <v>651</v>
      </c>
      <c r="G1143" s="486" t="s">
        <v>651</v>
      </c>
      <c r="H1143" s="549"/>
      <c r="I1143" s="549"/>
      <c r="J1143" s="549"/>
      <c r="K1143" s="549"/>
      <c r="L1143" s="551"/>
    </row>
    <row r="1144" spans="1:12" ht="16.149999999999999" customHeight="1">
      <c r="A1144" s="735" t="s">
        <v>651</v>
      </c>
      <c r="B1144" s="736"/>
      <c r="C1144" s="490" t="s">
        <v>248</v>
      </c>
      <c r="D1144" s="489"/>
      <c r="E1144" s="488"/>
      <c r="F1144" s="487"/>
      <c r="G1144" s="486" t="s">
        <v>651</v>
      </c>
      <c r="H1144" s="549"/>
      <c r="I1144" s="549"/>
      <c r="J1144" s="549"/>
      <c r="K1144" s="549"/>
      <c r="L1144" s="551"/>
    </row>
    <row r="1145" spans="1:12" ht="16.149999999999999" customHeight="1">
      <c r="A1145" s="737"/>
      <c r="B1145" s="738"/>
      <c r="C1145" s="485"/>
      <c r="D1145" s="484"/>
      <c r="E1145" s="483"/>
      <c r="F1145" s="482"/>
      <c r="G1145" s="481" t="s">
        <v>651</v>
      </c>
      <c r="H1145" s="476"/>
      <c r="I1145" s="476"/>
      <c r="J1145" s="476"/>
      <c r="K1145" s="476"/>
      <c r="L1145" s="475"/>
    </row>
    <row r="1146" spans="1:12" ht="16.149999999999999" customHeight="1">
      <c r="A1146" s="733" t="s">
        <v>887</v>
      </c>
      <c r="B1146" s="734"/>
      <c r="C1146" s="495"/>
      <c r="D1146" s="494"/>
      <c r="E1146" s="493"/>
      <c r="F1146" s="492"/>
      <c r="G1146" s="486" t="s">
        <v>651</v>
      </c>
      <c r="H1146" s="549"/>
      <c r="I1146" s="549"/>
      <c r="J1146" s="549"/>
      <c r="K1146" s="549"/>
      <c r="L1146" s="551"/>
    </row>
    <row r="1147" spans="1:12" ht="16.149999999999999" customHeight="1">
      <c r="A1147" s="735"/>
      <c r="B1147" s="736"/>
      <c r="C1147" s="490"/>
      <c r="D1147" s="489"/>
      <c r="E1147" s="491"/>
      <c r="F1147" s="487" t="s">
        <v>651</v>
      </c>
      <c r="G1147" s="486" t="s">
        <v>651</v>
      </c>
      <c r="H1147" s="549"/>
      <c r="I1147" s="549"/>
      <c r="J1147" s="549"/>
      <c r="K1147" s="549"/>
      <c r="L1147" s="551"/>
    </row>
    <row r="1148" spans="1:12" ht="16.149999999999999" customHeight="1">
      <c r="A1148" s="735" t="s">
        <v>884</v>
      </c>
      <c r="B1148" s="736"/>
      <c r="C1148" s="490" t="s">
        <v>193</v>
      </c>
      <c r="D1148" s="489">
        <v>21.59</v>
      </c>
      <c r="E1148" s="488"/>
      <c r="F1148" s="487"/>
      <c r="G1148" s="486" t="s">
        <v>651</v>
      </c>
      <c r="H1148" s="549"/>
      <c r="I1148" s="549"/>
      <c r="J1148" s="549"/>
      <c r="K1148" s="549"/>
      <c r="L1148" s="551"/>
    </row>
    <row r="1149" spans="1:12" ht="16.149999999999999" customHeight="1">
      <c r="A1149" s="737"/>
      <c r="B1149" s="738"/>
      <c r="C1149" s="485"/>
      <c r="D1149" s="484"/>
      <c r="E1149" s="483"/>
      <c r="F1149" s="482"/>
      <c r="G1149" s="481" t="s">
        <v>651</v>
      </c>
      <c r="H1149" s="476"/>
      <c r="I1149" s="476"/>
      <c r="J1149" s="476"/>
      <c r="K1149" s="476"/>
      <c r="L1149" s="475"/>
    </row>
    <row r="1150" spans="1:12" ht="16.149999999999999" customHeight="1">
      <c r="A1150" s="733" t="s">
        <v>886</v>
      </c>
      <c r="B1150" s="734"/>
      <c r="C1150" s="495"/>
      <c r="D1150" s="494"/>
      <c r="E1150" s="493"/>
      <c r="F1150" s="492"/>
      <c r="G1150" s="486" t="s">
        <v>885</v>
      </c>
      <c r="H1150" s="549"/>
      <c r="I1150" s="549"/>
      <c r="J1150" s="549"/>
      <c r="K1150" s="549"/>
      <c r="L1150" s="551"/>
    </row>
    <row r="1151" spans="1:12" ht="16.149999999999999" customHeight="1">
      <c r="A1151" s="735"/>
      <c r="B1151" s="736"/>
      <c r="C1151" s="490"/>
      <c r="D1151" s="489"/>
      <c r="E1151" s="491"/>
      <c r="F1151" s="487" t="s">
        <v>651</v>
      </c>
      <c r="G1151" s="486" t="s">
        <v>651</v>
      </c>
      <c r="H1151" s="549"/>
      <c r="I1151" s="549"/>
      <c r="J1151" s="549"/>
      <c r="K1151" s="549"/>
      <c r="L1151" s="551"/>
    </row>
    <row r="1152" spans="1:12" ht="16.149999999999999" customHeight="1">
      <c r="A1152" s="735" t="s">
        <v>1674</v>
      </c>
      <c r="B1152" s="736"/>
      <c r="C1152" s="490" t="s">
        <v>621</v>
      </c>
      <c r="D1152" s="489"/>
      <c r="E1152" s="488"/>
      <c r="F1152" s="487"/>
      <c r="G1152" s="486" t="s">
        <v>651</v>
      </c>
      <c r="H1152" s="549"/>
      <c r="I1152" s="549"/>
      <c r="J1152" s="549"/>
      <c r="K1152" s="549"/>
      <c r="L1152" s="551"/>
    </row>
    <row r="1153" spans="1:12" ht="16.149999999999999" customHeight="1">
      <c r="A1153" s="737"/>
      <c r="B1153" s="738"/>
      <c r="C1153" s="485"/>
      <c r="D1153" s="484"/>
      <c r="E1153" s="483"/>
      <c r="F1153" s="482"/>
      <c r="G1153" s="481" t="s">
        <v>651</v>
      </c>
      <c r="H1153" s="476"/>
      <c r="I1153" s="476"/>
      <c r="J1153" s="476"/>
      <c r="K1153" s="476"/>
      <c r="L1153" s="475"/>
    </row>
    <row r="1156" spans="1:12" ht="16.149999999999999" customHeight="1">
      <c r="A1156" s="507" t="s">
        <v>651</v>
      </c>
      <c r="B1156" s="479" t="s">
        <v>1673</v>
      </c>
      <c r="C1156" s="480"/>
      <c r="D1156" s="479"/>
      <c r="E1156" s="479"/>
      <c r="F1156" s="479"/>
      <c r="G1156" s="479"/>
      <c r="H1156" s="479" t="s">
        <v>617</v>
      </c>
      <c r="I1156" s="480" t="s">
        <v>883</v>
      </c>
      <c r="J1156" s="479" t="s">
        <v>689</v>
      </c>
      <c r="K1156" s="479" t="s">
        <v>688</v>
      </c>
      <c r="L1156" s="506"/>
    </row>
    <row r="1157" spans="1:12" ht="16.149999999999999" customHeight="1">
      <c r="A1157" s="505" t="s">
        <v>651</v>
      </c>
      <c r="B1157" s="549" t="s">
        <v>1672</v>
      </c>
      <c r="C1157" s="550"/>
      <c r="D1157" s="549"/>
      <c r="E1157" s="549"/>
      <c r="F1157" s="549"/>
      <c r="G1157" s="478"/>
      <c r="H1157" s="549"/>
      <c r="I1157" s="504"/>
      <c r="J1157" s="503" t="s">
        <v>722</v>
      </c>
      <c r="K1157" s="502" t="s">
        <v>194</v>
      </c>
      <c r="L1157" s="501" t="s">
        <v>618</v>
      </c>
    </row>
    <row r="1158" spans="1:12" ht="16.149999999999999" customHeight="1">
      <c r="A1158" s="477" t="s">
        <v>651</v>
      </c>
      <c r="B1158" s="549"/>
      <c r="C1158" s="550"/>
      <c r="D1158" s="549"/>
      <c r="E1158" s="549"/>
      <c r="F1158" s="549"/>
      <c r="G1158" s="478"/>
      <c r="H1158" s="478"/>
      <c r="I1158" s="478"/>
      <c r="J1158" s="478"/>
      <c r="K1158" s="478"/>
      <c r="L1158" s="501"/>
    </row>
    <row r="1159" spans="1:12" ht="16.149999999999999" customHeight="1">
      <c r="A1159" s="498" t="s">
        <v>686</v>
      </c>
      <c r="B1159" s="500"/>
      <c r="C1159" s="499" t="s">
        <v>309</v>
      </c>
      <c r="D1159" s="499" t="s">
        <v>685</v>
      </c>
      <c r="E1159" s="499" t="s">
        <v>684</v>
      </c>
      <c r="F1159" s="499" t="s">
        <v>683</v>
      </c>
      <c r="G1159" s="498" t="s">
        <v>682</v>
      </c>
      <c r="H1159" s="497"/>
      <c r="I1159" s="497"/>
      <c r="J1159" s="497"/>
      <c r="K1159" s="497"/>
      <c r="L1159" s="496"/>
    </row>
    <row r="1160" spans="1:12" ht="16.149999999999999" customHeight="1">
      <c r="A1160" s="733" t="s">
        <v>700</v>
      </c>
      <c r="B1160" s="734"/>
      <c r="C1160" s="495"/>
      <c r="D1160" s="494"/>
      <c r="E1160" s="493"/>
      <c r="F1160" s="492"/>
      <c r="G1160" s="486" t="s">
        <v>651</v>
      </c>
      <c r="H1160" s="549"/>
      <c r="I1160" s="549"/>
      <c r="J1160" s="549"/>
      <c r="K1160" s="549"/>
      <c r="L1160" s="551"/>
    </row>
    <row r="1161" spans="1:12" ht="16.149999999999999" customHeight="1">
      <c r="A1161" s="735"/>
      <c r="B1161" s="736"/>
      <c r="C1161" s="490"/>
      <c r="D1161" s="489"/>
      <c r="E1161" s="491"/>
      <c r="F1161" s="487" t="s">
        <v>651</v>
      </c>
      <c r="G1161" s="486" t="s">
        <v>651</v>
      </c>
      <c r="H1161" s="549"/>
      <c r="I1161" s="549"/>
      <c r="J1161" s="549"/>
      <c r="K1161" s="549"/>
      <c r="L1161" s="551"/>
    </row>
    <row r="1162" spans="1:12" ht="16.149999999999999" customHeight="1">
      <c r="A1162" s="735" t="s">
        <v>651</v>
      </c>
      <c r="B1162" s="736"/>
      <c r="C1162" s="490" t="s">
        <v>242</v>
      </c>
      <c r="D1162" s="489">
        <v>1</v>
      </c>
      <c r="E1162" s="488"/>
      <c r="F1162" s="487"/>
      <c r="G1162" s="486" t="s">
        <v>651</v>
      </c>
      <c r="H1162" s="549"/>
      <c r="I1162" s="549"/>
      <c r="J1162" s="549"/>
      <c r="K1162" s="549"/>
      <c r="L1162" s="551"/>
    </row>
    <row r="1163" spans="1:12" ht="16.149999999999999" customHeight="1">
      <c r="A1163" s="737"/>
      <c r="B1163" s="738"/>
      <c r="C1163" s="485"/>
      <c r="D1163" s="484"/>
      <c r="E1163" s="483"/>
      <c r="F1163" s="482"/>
      <c r="G1163" s="481" t="s">
        <v>651</v>
      </c>
      <c r="H1163" s="476"/>
      <c r="I1163" s="476"/>
      <c r="J1163" s="476"/>
      <c r="K1163" s="476"/>
      <c r="L1163" s="475"/>
    </row>
    <row r="1164" spans="1:12" ht="16.149999999999999" customHeight="1">
      <c r="A1164" s="733" t="s">
        <v>651</v>
      </c>
      <c r="B1164" s="734"/>
      <c r="C1164" s="495"/>
      <c r="D1164" s="494"/>
      <c r="E1164" s="493"/>
      <c r="F1164" s="492"/>
      <c r="G1164" s="486" t="s">
        <v>651</v>
      </c>
      <c r="H1164" s="549"/>
      <c r="I1164" s="549"/>
      <c r="J1164" s="549"/>
      <c r="K1164" s="549"/>
      <c r="L1164" s="551"/>
    </row>
    <row r="1165" spans="1:12" ht="16.149999999999999" customHeight="1">
      <c r="A1165" s="735"/>
      <c r="B1165" s="736"/>
      <c r="C1165" s="490"/>
      <c r="D1165" s="489"/>
      <c r="E1165" s="491"/>
      <c r="F1165" s="487" t="s">
        <v>651</v>
      </c>
      <c r="G1165" s="486" t="s">
        <v>651</v>
      </c>
      <c r="H1165" s="549"/>
      <c r="I1165" s="549"/>
      <c r="J1165" s="549"/>
      <c r="K1165" s="549"/>
      <c r="L1165" s="551"/>
    </row>
    <row r="1166" spans="1:12" ht="16.149999999999999" customHeight="1">
      <c r="A1166" s="735" t="s">
        <v>691</v>
      </c>
      <c r="B1166" s="736"/>
      <c r="C1166" s="490" t="s">
        <v>194</v>
      </c>
      <c r="D1166" s="489">
        <v>100</v>
      </c>
      <c r="E1166" s="488"/>
      <c r="F1166" s="487"/>
      <c r="G1166" s="486" t="s">
        <v>651</v>
      </c>
      <c r="H1166" s="549"/>
      <c r="I1166" s="549"/>
      <c r="J1166" s="549"/>
      <c r="K1166" s="549"/>
      <c r="L1166" s="551"/>
    </row>
    <row r="1167" spans="1:12" ht="16.149999999999999" customHeight="1">
      <c r="A1167" s="737"/>
      <c r="B1167" s="738"/>
      <c r="C1167" s="485"/>
      <c r="D1167" s="484"/>
      <c r="E1167" s="483"/>
      <c r="F1167" s="482"/>
      <c r="G1167" s="481" t="s">
        <v>651</v>
      </c>
      <c r="H1167" s="476"/>
      <c r="I1167" s="476"/>
      <c r="J1167" s="476"/>
      <c r="K1167" s="476"/>
      <c r="L1167" s="475"/>
    </row>
    <row r="1168" spans="1:12" ht="16.149999999999999" customHeight="1">
      <c r="A1168" s="733" t="s">
        <v>651</v>
      </c>
      <c r="B1168" s="734"/>
      <c r="C1168" s="495"/>
      <c r="D1168" s="494"/>
      <c r="E1168" s="493"/>
      <c r="F1168" s="492"/>
      <c r="G1168" s="486" t="s">
        <v>651</v>
      </c>
      <c r="H1168" s="549"/>
      <c r="I1168" s="549"/>
      <c r="J1168" s="549"/>
      <c r="K1168" s="549"/>
      <c r="L1168" s="551"/>
    </row>
    <row r="1169" spans="1:12" ht="16.149999999999999" customHeight="1">
      <c r="A1169" s="735"/>
      <c r="B1169" s="736"/>
      <c r="C1169" s="490"/>
      <c r="D1169" s="489"/>
      <c r="E1169" s="491"/>
      <c r="F1169" s="487" t="s">
        <v>651</v>
      </c>
      <c r="G1169" s="486" t="s">
        <v>651</v>
      </c>
      <c r="H1169" s="549"/>
      <c r="I1169" s="549"/>
      <c r="J1169" s="549"/>
      <c r="K1169" s="549"/>
      <c r="L1169" s="551"/>
    </row>
    <row r="1170" spans="1:12" ht="16.149999999999999" customHeight="1">
      <c r="A1170" s="735" t="s">
        <v>681</v>
      </c>
      <c r="B1170" s="736"/>
      <c r="C1170" s="490" t="s">
        <v>194</v>
      </c>
      <c r="D1170" s="489">
        <v>1</v>
      </c>
      <c r="E1170" s="488" t="s">
        <v>618</v>
      </c>
      <c r="F1170" s="487"/>
      <c r="G1170" s="486" t="s">
        <v>651</v>
      </c>
      <c r="H1170" s="549"/>
      <c r="I1170" s="549"/>
      <c r="J1170" s="549"/>
      <c r="K1170" s="549"/>
      <c r="L1170" s="551"/>
    </row>
    <row r="1171" spans="1:12" ht="16.149999999999999" customHeight="1">
      <c r="A1171" s="737"/>
      <c r="B1171" s="738"/>
      <c r="C1171" s="485"/>
      <c r="D1171" s="484"/>
      <c r="E1171" s="483"/>
      <c r="F1171" s="482"/>
      <c r="G1171" s="481" t="s">
        <v>651</v>
      </c>
      <c r="H1171" s="476"/>
      <c r="I1171" s="476"/>
      <c r="J1171" s="476"/>
      <c r="K1171" s="476"/>
      <c r="L1171" s="475"/>
    </row>
    <row r="1173" spans="1:12" ht="16.149999999999999" customHeight="1">
      <c r="A1173" s="507" t="s">
        <v>651</v>
      </c>
      <c r="B1173" s="479" t="s">
        <v>880</v>
      </c>
      <c r="C1173" s="480"/>
      <c r="D1173" s="479"/>
      <c r="E1173" s="479"/>
      <c r="F1173" s="479"/>
      <c r="G1173" s="479"/>
      <c r="H1173" s="479" t="s">
        <v>617</v>
      </c>
      <c r="I1173" s="480" t="s">
        <v>879</v>
      </c>
      <c r="J1173" s="479" t="s">
        <v>689</v>
      </c>
      <c r="K1173" s="479" t="s">
        <v>688</v>
      </c>
      <c r="L1173" s="506"/>
    </row>
    <row r="1174" spans="1:12" ht="16.149999999999999" customHeight="1">
      <c r="A1174" s="505" t="s">
        <v>651</v>
      </c>
      <c r="B1174" s="549" t="s">
        <v>1671</v>
      </c>
      <c r="C1174" s="550"/>
      <c r="D1174" s="549"/>
      <c r="E1174" s="549"/>
      <c r="F1174" s="549"/>
      <c r="G1174" s="478"/>
      <c r="H1174" s="549"/>
      <c r="I1174" s="504"/>
      <c r="J1174" s="503" t="s">
        <v>708</v>
      </c>
      <c r="K1174" s="502" t="s">
        <v>193</v>
      </c>
      <c r="L1174" s="501" t="s">
        <v>618</v>
      </c>
    </row>
    <row r="1175" spans="1:12" ht="16.149999999999999" customHeight="1">
      <c r="A1175" s="477" t="s">
        <v>651</v>
      </c>
      <c r="B1175" s="549"/>
      <c r="C1175" s="550"/>
      <c r="D1175" s="549"/>
      <c r="E1175" s="549"/>
      <c r="F1175" s="549"/>
      <c r="G1175" s="478"/>
      <c r="H1175" s="478"/>
      <c r="I1175" s="478"/>
      <c r="J1175" s="478"/>
      <c r="K1175" s="478"/>
      <c r="L1175" s="501"/>
    </row>
    <row r="1176" spans="1:12" ht="16.149999999999999" customHeight="1">
      <c r="A1176" s="498" t="s">
        <v>686</v>
      </c>
      <c r="B1176" s="500"/>
      <c r="C1176" s="499" t="s">
        <v>309</v>
      </c>
      <c r="D1176" s="499" t="s">
        <v>685</v>
      </c>
      <c r="E1176" s="499" t="s">
        <v>684</v>
      </c>
      <c r="F1176" s="499" t="s">
        <v>683</v>
      </c>
      <c r="G1176" s="498" t="s">
        <v>682</v>
      </c>
      <c r="H1176" s="497"/>
      <c r="I1176" s="497"/>
      <c r="J1176" s="497"/>
      <c r="K1176" s="497"/>
      <c r="L1176" s="496"/>
    </row>
    <row r="1177" spans="1:12" ht="16.149999999999999" customHeight="1">
      <c r="A1177" s="733" t="s">
        <v>882</v>
      </c>
      <c r="B1177" s="734"/>
      <c r="C1177" s="495"/>
      <c r="D1177" s="494"/>
      <c r="E1177" s="493"/>
      <c r="F1177" s="492"/>
      <c r="G1177" s="486" t="s">
        <v>881</v>
      </c>
      <c r="H1177" s="549"/>
      <c r="I1177" s="549"/>
      <c r="J1177" s="549"/>
      <c r="K1177" s="549"/>
      <c r="L1177" s="551"/>
    </row>
    <row r="1178" spans="1:12" ht="16.149999999999999" customHeight="1">
      <c r="A1178" s="735"/>
      <c r="B1178" s="736"/>
      <c r="C1178" s="490"/>
      <c r="D1178" s="489"/>
      <c r="E1178" s="491"/>
      <c r="F1178" s="487" t="s">
        <v>651</v>
      </c>
      <c r="G1178" s="486" t="s">
        <v>651</v>
      </c>
      <c r="H1178" s="549"/>
      <c r="I1178" s="549"/>
      <c r="J1178" s="549"/>
      <c r="K1178" s="549"/>
      <c r="L1178" s="551"/>
    </row>
    <row r="1179" spans="1:12" ht="16.149999999999999" customHeight="1">
      <c r="A1179" s="735" t="s">
        <v>1670</v>
      </c>
      <c r="B1179" s="736"/>
      <c r="C1179" s="490" t="s">
        <v>621</v>
      </c>
      <c r="D1179" s="489"/>
      <c r="E1179" s="488"/>
      <c r="F1179" s="487"/>
      <c r="G1179" s="486" t="s">
        <v>651</v>
      </c>
      <c r="H1179" s="549"/>
      <c r="I1179" s="549"/>
      <c r="J1179" s="549"/>
      <c r="K1179" s="549"/>
      <c r="L1179" s="551"/>
    </row>
    <row r="1180" spans="1:12" ht="16.149999999999999" customHeight="1">
      <c r="A1180" s="737"/>
      <c r="B1180" s="738"/>
      <c r="C1180" s="485"/>
      <c r="D1180" s="484"/>
      <c r="E1180" s="483"/>
      <c r="F1180" s="482"/>
      <c r="G1180" s="481" t="s">
        <v>651</v>
      </c>
      <c r="H1180" s="476"/>
      <c r="I1180" s="476"/>
      <c r="J1180" s="476"/>
      <c r="K1180" s="476"/>
      <c r="L1180" s="475"/>
    </row>
    <row r="1181" spans="1:12" ht="16.149999999999999" customHeight="1">
      <c r="A1181" s="733" t="s">
        <v>651</v>
      </c>
      <c r="B1181" s="734"/>
      <c r="C1181" s="495"/>
      <c r="D1181" s="494"/>
      <c r="E1181" s="493"/>
      <c r="F1181" s="492"/>
      <c r="G1181" s="486" t="s">
        <v>651</v>
      </c>
      <c r="H1181" s="549"/>
      <c r="I1181" s="549"/>
      <c r="J1181" s="549"/>
      <c r="K1181" s="549"/>
      <c r="L1181" s="551"/>
    </row>
    <row r="1182" spans="1:12" ht="16.149999999999999" customHeight="1">
      <c r="A1182" s="735"/>
      <c r="B1182" s="736"/>
      <c r="C1182" s="490"/>
      <c r="D1182" s="489"/>
      <c r="E1182" s="491"/>
      <c r="F1182" s="487" t="s">
        <v>651</v>
      </c>
      <c r="G1182" s="486" t="s">
        <v>651</v>
      </c>
      <c r="H1182" s="549"/>
      <c r="I1182" s="549"/>
      <c r="J1182" s="549"/>
      <c r="K1182" s="549"/>
      <c r="L1182" s="551"/>
    </row>
    <row r="1183" spans="1:12" ht="16.149999999999999" customHeight="1">
      <c r="A1183" s="735" t="s">
        <v>691</v>
      </c>
      <c r="B1183" s="736"/>
      <c r="C1183" s="490" t="s">
        <v>193</v>
      </c>
      <c r="D1183" s="489">
        <v>10</v>
      </c>
      <c r="E1183" s="488"/>
      <c r="F1183" s="487"/>
      <c r="G1183" s="486" t="s">
        <v>651</v>
      </c>
      <c r="H1183" s="549"/>
      <c r="I1183" s="549"/>
      <c r="J1183" s="549"/>
      <c r="K1183" s="549"/>
      <c r="L1183" s="551"/>
    </row>
    <row r="1184" spans="1:12" ht="16.149999999999999" customHeight="1">
      <c r="A1184" s="737"/>
      <c r="B1184" s="738"/>
      <c r="C1184" s="485"/>
      <c r="D1184" s="484"/>
      <c r="E1184" s="483"/>
      <c r="F1184" s="482"/>
      <c r="G1184" s="481" t="s">
        <v>651</v>
      </c>
      <c r="H1184" s="476"/>
      <c r="I1184" s="476"/>
      <c r="J1184" s="476"/>
      <c r="K1184" s="476"/>
      <c r="L1184" s="475"/>
    </row>
    <row r="1185" spans="1:12" ht="16.149999999999999" customHeight="1">
      <c r="A1185" s="733" t="s">
        <v>651</v>
      </c>
      <c r="B1185" s="734"/>
      <c r="C1185" s="495"/>
      <c r="D1185" s="494"/>
      <c r="E1185" s="493"/>
      <c r="F1185" s="492"/>
      <c r="G1185" s="486" t="s">
        <v>651</v>
      </c>
      <c r="H1185" s="549"/>
      <c r="I1185" s="549"/>
      <c r="J1185" s="549"/>
      <c r="K1185" s="549"/>
      <c r="L1185" s="551"/>
    </row>
    <row r="1186" spans="1:12" ht="16.149999999999999" customHeight="1">
      <c r="A1186" s="735"/>
      <c r="B1186" s="736"/>
      <c r="C1186" s="490"/>
      <c r="D1186" s="489"/>
      <c r="E1186" s="491"/>
      <c r="F1186" s="487" t="s">
        <v>651</v>
      </c>
      <c r="G1186" s="486" t="s">
        <v>651</v>
      </c>
      <c r="H1186" s="549"/>
      <c r="I1186" s="549"/>
      <c r="J1186" s="549"/>
      <c r="K1186" s="549"/>
      <c r="L1186" s="551"/>
    </row>
    <row r="1187" spans="1:12" ht="16.149999999999999" customHeight="1">
      <c r="A1187" s="735" t="s">
        <v>681</v>
      </c>
      <c r="B1187" s="736"/>
      <c r="C1187" s="490" t="s">
        <v>193</v>
      </c>
      <c r="D1187" s="489">
        <v>1</v>
      </c>
      <c r="E1187" s="488" t="s">
        <v>618</v>
      </c>
      <c r="F1187" s="487"/>
      <c r="G1187" s="486" t="s">
        <v>651</v>
      </c>
      <c r="H1187" s="549"/>
      <c r="I1187" s="549"/>
      <c r="J1187" s="549"/>
      <c r="K1187" s="549"/>
      <c r="L1187" s="551"/>
    </row>
    <row r="1188" spans="1:12" ht="16.149999999999999" customHeight="1">
      <c r="A1188" s="737"/>
      <c r="B1188" s="738"/>
      <c r="C1188" s="485"/>
      <c r="D1188" s="484"/>
      <c r="E1188" s="483"/>
      <c r="F1188" s="482"/>
      <c r="G1188" s="481" t="s">
        <v>651</v>
      </c>
      <c r="H1188" s="476"/>
      <c r="I1188" s="476"/>
      <c r="J1188" s="476"/>
      <c r="K1188" s="476"/>
      <c r="L1188" s="475"/>
    </row>
    <row r="1191" spans="1:12" ht="16.149999999999999" customHeight="1">
      <c r="A1191" s="507" t="s">
        <v>651</v>
      </c>
      <c r="B1191" s="479" t="s">
        <v>736</v>
      </c>
      <c r="C1191" s="480"/>
      <c r="D1191" s="479"/>
      <c r="E1191" s="479"/>
      <c r="F1191" s="479"/>
      <c r="G1191" s="479"/>
      <c r="H1191" s="479" t="s">
        <v>617</v>
      </c>
      <c r="I1191" s="480" t="s">
        <v>878</v>
      </c>
      <c r="J1191" s="479" t="s">
        <v>689</v>
      </c>
      <c r="K1191" s="479" t="s">
        <v>688</v>
      </c>
      <c r="L1191" s="506"/>
    </row>
    <row r="1192" spans="1:12" ht="16.149999999999999" customHeight="1">
      <c r="A1192" s="505" t="s">
        <v>651</v>
      </c>
      <c r="B1192" s="549" t="s">
        <v>1261</v>
      </c>
      <c r="C1192" s="550"/>
      <c r="D1192" s="549"/>
      <c r="E1192" s="549"/>
      <c r="F1192" s="549"/>
      <c r="G1192" s="478"/>
      <c r="H1192" s="549"/>
      <c r="I1192" s="504"/>
      <c r="J1192" s="503" t="s">
        <v>728</v>
      </c>
      <c r="K1192" s="502" t="s">
        <v>240</v>
      </c>
      <c r="L1192" s="501" t="s">
        <v>618</v>
      </c>
    </row>
    <row r="1193" spans="1:12" ht="16.149999999999999" customHeight="1">
      <c r="A1193" s="477" t="s">
        <v>651</v>
      </c>
      <c r="B1193" s="549"/>
      <c r="C1193" s="550"/>
      <c r="D1193" s="549"/>
      <c r="E1193" s="549"/>
      <c r="F1193" s="549"/>
      <c r="G1193" s="478"/>
      <c r="H1193" s="478"/>
      <c r="I1193" s="478"/>
      <c r="J1193" s="478"/>
      <c r="K1193" s="478"/>
      <c r="L1193" s="501"/>
    </row>
    <row r="1194" spans="1:12" ht="16.149999999999999" customHeight="1">
      <c r="A1194" s="498" t="s">
        <v>686</v>
      </c>
      <c r="B1194" s="500"/>
      <c r="C1194" s="499" t="s">
        <v>309</v>
      </c>
      <c r="D1194" s="499" t="s">
        <v>685</v>
      </c>
      <c r="E1194" s="499" t="s">
        <v>684</v>
      </c>
      <c r="F1194" s="499" t="s">
        <v>683</v>
      </c>
      <c r="G1194" s="498" t="s">
        <v>682</v>
      </c>
      <c r="H1194" s="497"/>
      <c r="I1194" s="497"/>
      <c r="J1194" s="497"/>
      <c r="K1194" s="497"/>
      <c r="L1194" s="496"/>
    </row>
    <row r="1195" spans="1:12" ht="16.149999999999999" customHeight="1">
      <c r="A1195" s="733" t="s">
        <v>725</v>
      </c>
      <c r="B1195" s="734"/>
      <c r="C1195" s="495"/>
      <c r="D1195" s="494"/>
      <c r="E1195" s="493"/>
      <c r="F1195" s="492"/>
      <c r="G1195" s="486" t="s">
        <v>651</v>
      </c>
      <c r="H1195" s="549"/>
      <c r="I1195" s="549"/>
      <c r="J1195" s="549"/>
      <c r="K1195" s="549"/>
      <c r="L1195" s="551"/>
    </row>
    <row r="1196" spans="1:12" ht="16.149999999999999" customHeight="1">
      <c r="A1196" s="735"/>
      <c r="B1196" s="736"/>
      <c r="C1196" s="490"/>
      <c r="D1196" s="489"/>
      <c r="E1196" s="491"/>
      <c r="F1196" s="487" t="s">
        <v>651</v>
      </c>
      <c r="G1196" s="486" t="s">
        <v>651</v>
      </c>
      <c r="H1196" s="549"/>
      <c r="I1196" s="549"/>
      <c r="J1196" s="549"/>
      <c r="K1196" s="549"/>
      <c r="L1196" s="551"/>
    </row>
    <row r="1197" spans="1:12" ht="16.149999999999999" customHeight="1">
      <c r="A1197" s="735" t="s">
        <v>651</v>
      </c>
      <c r="B1197" s="736"/>
      <c r="C1197" s="490" t="s">
        <v>248</v>
      </c>
      <c r="D1197" s="489"/>
      <c r="E1197" s="488"/>
      <c r="F1197" s="487"/>
      <c r="G1197" s="486" t="s">
        <v>651</v>
      </c>
      <c r="H1197" s="549"/>
      <c r="I1197" s="549"/>
      <c r="J1197" s="549"/>
      <c r="K1197" s="549"/>
      <c r="L1197" s="551"/>
    </row>
    <row r="1198" spans="1:12" ht="16.149999999999999" customHeight="1">
      <c r="A1198" s="737"/>
      <c r="B1198" s="738"/>
      <c r="C1198" s="485"/>
      <c r="D1198" s="484"/>
      <c r="E1198" s="483"/>
      <c r="F1198" s="482"/>
      <c r="G1198" s="481" t="s">
        <v>651</v>
      </c>
      <c r="H1198" s="476"/>
      <c r="I1198" s="476"/>
      <c r="J1198" s="476"/>
      <c r="K1198" s="476"/>
      <c r="L1198" s="475"/>
    </row>
    <row r="1199" spans="1:12" ht="16.149999999999999" customHeight="1">
      <c r="A1199" s="733" t="s">
        <v>721</v>
      </c>
      <c r="B1199" s="734"/>
      <c r="C1199" s="495"/>
      <c r="D1199" s="494"/>
      <c r="E1199" s="493"/>
      <c r="F1199" s="492"/>
      <c r="G1199" s="486" t="s">
        <v>651</v>
      </c>
      <c r="H1199" s="549"/>
      <c r="I1199" s="549"/>
      <c r="J1199" s="549"/>
      <c r="K1199" s="549"/>
      <c r="L1199" s="551"/>
    </row>
    <row r="1200" spans="1:12" ht="16.149999999999999" customHeight="1">
      <c r="A1200" s="735"/>
      <c r="B1200" s="736"/>
      <c r="C1200" s="490"/>
      <c r="D1200" s="489"/>
      <c r="E1200" s="491"/>
      <c r="F1200" s="487" t="s">
        <v>651</v>
      </c>
      <c r="G1200" s="486" t="s">
        <v>651</v>
      </c>
      <c r="H1200" s="549"/>
      <c r="I1200" s="549"/>
      <c r="J1200" s="549"/>
      <c r="K1200" s="549"/>
      <c r="L1200" s="551"/>
    </row>
    <row r="1201" spans="1:12" ht="16.149999999999999" customHeight="1">
      <c r="A1201" s="735" t="s">
        <v>651</v>
      </c>
      <c r="B1201" s="736"/>
      <c r="C1201" s="490" t="s">
        <v>248</v>
      </c>
      <c r="D1201" s="489"/>
      <c r="E1201" s="488"/>
      <c r="F1201" s="487"/>
      <c r="G1201" s="486" t="s">
        <v>651</v>
      </c>
      <c r="H1201" s="549"/>
      <c r="I1201" s="549"/>
      <c r="J1201" s="549"/>
      <c r="K1201" s="549"/>
      <c r="L1201" s="551"/>
    </row>
    <row r="1202" spans="1:12" ht="16.149999999999999" customHeight="1">
      <c r="A1202" s="737"/>
      <c r="B1202" s="738"/>
      <c r="C1202" s="485"/>
      <c r="D1202" s="484"/>
      <c r="E1202" s="483"/>
      <c r="F1202" s="482"/>
      <c r="G1202" s="481" t="s">
        <v>651</v>
      </c>
      <c r="H1202" s="476"/>
      <c r="I1202" s="476"/>
      <c r="J1202" s="476"/>
      <c r="K1202" s="476"/>
      <c r="L1202" s="475"/>
    </row>
    <row r="1203" spans="1:12" ht="16.149999999999999" customHeight="1">
      <c r="A1203" s="733" t="s">
        <v>250</v>
      </c>
      <c r="B1203" s="734"/>
      <c r="C1203" s="495"/>
      <c r="D1203" s="494"/>
      <c r="E1203" s="493"/>
      <c r="F1203" s="492"/>
      <c r="G1203" s="486" t="s">
        <v>651</v>
      </c>
      <c r="H1203" s="549"/>
      <c r="I1203" s="549"/>
      <c r="J1203" s="549"/>
      <c r="K1203" s="549"/>
      <c r="L1203" s="551"/>
    </row>
    <row r="1204" spans="1:12" ht="16.149999999999999" customHeight="1">
      <c r="A1204" s="735"/>
      <c r="B1204" s="736"/>
      <c r="C1204" s="490"/>
      <c r="D1204" s="489"/>
      <c r="E1204" s="491"/>
      <c r="F1204" s="487" t="s">
        <v>651</v>
      </c>
      <c r="G1204" s="486" t="s">
        <v>651</v>
      </c>
      <c r="H1204" s="549"/>
      <c r="I1204" s="549"/>
      <c r="J1204" s="549"/>
      <c r="K1204" s="549"/>
      <c r="L1204" s="551"/>
    </row>
    <row r="1205" spans="1:12" ht="16.149999999999999" customHeight="1">
      <c r="A1205" s="735" t="s">
        <v>651</v>
      </c>
      <c r="B1205" s="736"/>
      <c r="C1205" s="490" t="s">
        <v>248</v>
      </c>
      <c r="D1205" s="489"/>
      <c r="E1205" s="488"/>
      <c r="F1205" s="487"/>
      <c r="G1205" s="486" t="s">
        <v>651</v>
      </c>
      <c r="H1205" s="549"/>
      <c r="I1205" s="549"/>
      <c r="J1205" s="549"/>
      <c r="K1205" s="549"/>
      <c r="L1205" s="551"/>
    </row>
    <row r="1206" spans="1:12" ht="16.149999999999999" customHeight="1">
      <c r="A1206" s="737"/>
      <c r="B1206" s="738"/>
      <c r="C1206" s="485"/>
      <c r="D1206" s="484"/>
      <c r="E1206" s="483"/>
      <c r="F1206" s="482"/>
      <c r="G1206" s="481" t="s">
        <v>651</v>
      </c>
      <c r="H1206" s="476"/>
      <c r="I1206" s="476"/>
      <c r="J1206" s="476"/>
      <c r="K1206" s="476"/>
      <c r="L1206" s="475"/>
    </row>
    <row r="1207" spans="1:12" ht="16.149999999999999" customHeight="1">
      <c r="A1207" s="733" t="s">
        <v>733</v>
      </c>
      <c r="B1207" s="734"/>
      <c r="C1207" s="495"/>
      <c r="D1207" s="494"/>
      <c r="E1207" s="493"/>
      <c r="F1207" s="492"/>
      <c r="G1207" s="486" t="s">
        <v>734</v>
      </c>
      <c r="H1207" s="549"/>
      <c r="I1207" s="549"/>
      <c r="J1207" s="549"/>
      <c r="K1207" s="549"/>
      <c r="L1207" s="551"/>
    </row>
    <row r="1208" spans="1:12" ht="16.149999999999999" customHeight="1">
      <c r="A1208" s="735"/>
      <c r="B1208" s="736"/>
      <c r="C1208" s="490"/>
      <c r="D1208" s="489"/>
      <c r="E1208" s="491"/>
      <c r="F1208" s="487" t="s">
        <v>651</v>
      </c>
      <c r="G1208" s="486" t="s">
        <v>651</v>
      </c>
      <c r="H1208" s="549"/>
      <c r="I1208" s="549"/>
      <c r="J1208" s="549"/>
      <c r="K1208" s="549"/>
      <c r="L1208" s="551"/>
    </row>
    <row r="1209" spans="1:12" ht="16.149999999999999" customHeight="1">
      <c r="A1209" s="735" t="s">
        <v>1661</v>
      </c>
      <c r="B1209" s="736"/>
      <c r="C1209" s="490" t="s">
        <v>731</v>
      </c>
      <c r="D1209" s="489"/>
      <c r="E1209" s="488"/>
      <c r="F1209" s="487"/>
      <c r="G1209" s="486" t="s">
        <v>651</v>
      </c>
      <c r="H1209" s="549"/>
      <c r="I1209" s="549"/>
      <c r="J1209" s="549"/>
      <c r="K1209" s="549"/>
      <c r="L1209" s="551"/>
    </row>
    <row r="1210" spans="1:12" ht="16.149999999999999" customHeight="1">
      <c r="A1210" s="737"/>
      <c r="B1210" s="738"/>
      <c r="C1210" s="485"/>
      <c r="D1210" s="484"/>
      <c r="E1210" s="483"/>
      <c r="F1210" s="482"/>
      <c r="G1210" s="481" t="s">
        <v>651</v>
      </c>
      <c r="H1210" s="476"/>
      <c r="I1210" s="476"/>
      <c r="J1210" s="476"/>
      <c r="K1210" s="476"/>
      <c r="L1210" s="475"/>
    </row>
    <row r="1211" spans="1:12" ht="16.149999999999999" customHeight="1">
      <c r="A1211" s="733" t="s">
        <v>700</v>
      </c>
      <c r="B1211" s="734"/>
      <c r="C1211" s="495"/>
      <c r="D1211" s="494"/>
      <c r="E1211" s="493"/>
      <c r="F1211" s="492"/>
      <c r="G1211" s="486" t="s">
        <v>651</v>
      </c>
      <c r="H1211" s="549"/>
      <c r="I1211" s="549"/>
      <c r="J1211" s="549"/>
      <c r="K1211" s="549"/>
      <c r="L1211" s="551"/>
    </row>
    <row r="1212" spans="1:12" ht="16.149999999999999" customHeight="1">
      <c r="A1212" s="735"/>
      <c r="B1212" s="736"/>
      <c r="C1212" s="490"/>
      <c r="D1212" s="489"/>
      <c r="E1212" s="491"/>
      <c r="F1212" s="487" t="s">
        <v>651</v>
      </c>
      <c r="G1212" s="486" t="s">
        <v>651</v>
      </c>
      <c r="H1212" s="549"/>
      <c r="I1212" s="549"/>
      <c r="J1212" s="549"/>
      <c r="K1212" s="549"/>
      <c r="L1212" s="551"/>
    </row>
    <row r="1213" spans="1:12" ht="16.149999999999999" customHeight="1">
      <c r="A1213" s="735" t="s">
        <v>651</v>
      </c>
      <c r="B1213" s="736"/>
      <c r="C1213" s="490" t="s">
        <v>242</v>
      </c>
      <c r="D1213" s="489">
        <v>1</v>
      </c>
      <c r="E1213" s="488"/>
      <c r="F1213" s="487"/>
      <c r="G1213" s="486" t="s">
        <v>651</v>
      </c>
      <c r="H1213" s="549"/>
      <c r="I1213" s="549"/>
      <c r="J1213" s="549"/>
      <c r="K1213" s="549"/>
      <c r="L1213" s="551"/>
    </row>
    <row r="1214" spans="1:12" ht="16.149999999999999" customHeight="1">
      <c r="A1214" s="737"/>
      <c r="B1214" s="738"/>
      <c r="C1214" s="485"/>
      <c r="D1214" s="484"/>
      <c r="E1214" s="483"/>
      <c r="F1214" s="482"/>
      <c r="G1214" s="481" t="s">
        <v>651</v>
      </c>
      <c r="H1214" s="476"/>
      <c r="I1214" s="476"/>
      <c r="J1214" s="476"/>
      <c r="K1214" s="476"/>
      <c r="L1214" s="475"/>
    </row>
    <row r="1215" spans="1:12" ht="16.149999999999999" customHeight="1">
      <c r="A1215" s="733" t="s">
        <v>651</v>
      </c>
      <c r="B1215" s="734"/>
      <c r="C1215" s="495"/>
      <c r="D1215" s="494"/>
      <c r="E1215" s="493"/>
      <c r="F1215" s="492"/>
      <c r="G1215" s="486" t="s">
        <v>651</v>
      </c>
      <c r="H1215" s="549"/>
      <c r="I1215" s="549"/>
      <c r="J1215" s="549"/>
      <c r="K1215" s="549"/>
      <c r="L1215" s="551"/>
    </row>
    <row r="1216" spans="1:12" ht="16.149999999999999" customHeight="1">
      <c r="A1216" s="735"/>
      <c r="B1216" s="736"/>
      <c r="C1216" s="490"/>
      <c r="D1216" s="489"/>
      <c r="E1216" s="491"/>
      <c r="F1216" s="487" t="s">
        <v>651</v>
      </c>
      <c r="G1216" s="486" t="s">
        <v>651</v>
      </c>
      <c r="H1216" s="549"/>
      <c r="I1216" s="549"/>
      <c r="J1216" s="549"/>
      <c r="K1216" s="549"/>
      <c r="L1216" s="551"/>
    </row>
    <row r="1217" spans="1:12" ht="16.149999999999999" customHeight="1">
      <c r="A1217" s="735" t="s">
        <v>691</v>
      </c>
      <c r="B1217" s="736"/>
      <c r="C1217" s="490" t="s">
        <v>240</v>
      </c>
      <c r="D1217" s="489">
        <v>133.19999999999999</v>
      </c>
      <c r="E1217" s="488"/>
      <c r="F1217" s="487"/>
      <c r="G1217" s="486" t="s">
        <v>651</v>
      </c>
      <c r="H1217" s="549"/>
      <c r="I1217" s="549"/>
      <c r="J1217" s="549"/>
      <c r="K1217" s="549"/>
      <c r="L1217" s="551"/>
    </row>
    <row r="1218" spans="1:12" ht="16.149999999999999" customHeight="1">
      <c r="A1218" s="737"/>
      <c r="B1218" s="738"/>
      <c r="C1218" s="485"/>
      <c r="D1218" s="484"/>
      <c r="E1218" s="483"/>
      <c r="F1218" s="482"/>
      <c r="G1218" s="481" t="s">
        <v>651</v>
      </c>
      <c r="H1218" s="476"/>
      <c r="I1218" s="476"/>
      <c r="J1218" s="476"/>
      <c r="K1218" s="476"/>
      <c r="L1218" s="475"/>
    </row>
    <row r="1219" spans="1:12" ht="16.149999999999999" customHeight="1">
      <c r="A1219" s="733" t="s">
        <v>651</v>
      </c>
      <c r="B1219" s="734"/>
      <c r="C1219" s="495"/>
      <c r="D1219" s="494"/>
      <c r="E1219" s="493"/>
      <c r="F1219" s="492"/>
      <c r="G1219" s="486" t="s">
        <v>651</v>
      </c>
      <c r="H1219" s="549"/>
      <c r="I1219" s="549"/>
      <c r="J1219" s="549"/>
      <c r="K1219" s="549"/>
      <c r="L1219" s="551"/>
    </row>
    <row r="1220" spans="1:12" ht="16.149999999999999" customHeight="1">
      <c r="A1220" s="735"/>
      <c r="B1220" s="736"/>
      <c r="C1220" s="490"/>
      <c r="D1220" s="489"/>
      <c r="E1220" s="491"/>
      <c r="F1220" s="487" t="s">
        <v>651</v>
      </c>
      <c r="G1220" s="486" t="s">
        <v>651</v>
      </c>
      <c r="H1220" s="549"/>
      <c r="I1220" s="549"/>
      <c r="J1220" s="549"/>
      <c r="K1220" s="549"/>
      <c r="L1220" s="551"/>
    </row>
    <row r="1221" spans="1:12" ht="16.149999999999999" customHeight="1">
      <c r="A1221" s="735" t="s">
        <v>681</v>
      </c>
      <c r="B1221" s="736"/>
      <c r="C1221" s="490" t="s">
        <v>240</v>
      </c>
      <c r="D1221" s="489">
        <v>1</v>
      </c>
      <c r="E1221" s="488" t="s">
        <v>618</v>
      </c>
      <c r="F1221" s="487"/>
      <c r="G1221" s="486" t="s">
        <v>651</v>
      </c>
      <c r="H1221" s="549"/>
      <c r="I1221" s="549"/>
      <c r="J1221" s="549"/>
      <c r="K1221" s="549"/>
      <c r="L1221" s="551"/>
    </row>
    <row r="1222" spans="1:12" ht="16.149999999999999" customHeight="1">
      <c r="A1222" s="737"/>
      <c r="B1222" s="738"/>
      <c r="C1222" s="485"/>
      <c r="D1222" s="484"/>
      <c r="E1222" s="483"/>
      <c r="F1222" s="482"/>
      <c r="G1222" s="481" t="s">
        <v>651</v>
      </c>
      <c r="H1222" s="476"/>
      <c r="I1222" s="476"/>
      <c r="J1222" s="476"/>
      <c r="K1222" s="476"/>
      <c r="L1222" s="475"/>
    </row>
    <row r="1226" spans="1:12" ht="16.149999999999999" customHeight="1">
      <c r="A1226" s="507" t="s">
        <v>651</v>
      </c>
      <c r="B1226" s="479" t="s">
        <v>730</v>
      </c>
      <c r="C1226" s="480"/>
      <c r="D1226" s="479"/>
      <c r="E1226" s="479"/>
      <c r="F1226" s="479"/>
      <c r="G1226" s="479"/>
      <c r="H1226" s="479" t="s">
        <v>617</v>
      </c>
      <c r="I1226" s="480" t="s">
        <v>877</v>
      </c>
      <c r="J1226" s="479" t="s">
        <v>689</v>
      </c>
      <c r="K1226" s="479" t="s">
        <v>688</v>
      </c>
      <c r="L1226" s="506"/>
    </row>
    <row r="1227" spans="1:12" ht="16.149999999999999" customHeight="1">
      <c r="A1227" s="505" t="s">
        <v>651</v>
      </c>
      <c r="B1227" s="549" t="s">
        <v>1261</v>
      </c>
      <c r="C1227" s="550"/>
      <c r="D1227" s="549"/>
      <c r="E1227" s="549"/>
      <c r="F1227" s="549"/>
      <c r="G1227" s="478"/>
      <c r="H1227" s="549"/>
      <c r="I1227" s="504"/>
      <c r="J1227" s="503" t="s">
        <v>728</v>
      </c>
      <c r="K1227" s="502" t="s">
        <v>240</v>
      </c>
      <c r="L1227" s="501" t="s">
        <v>618</v>
      </c>
    </row>
    <row r="1228" spans="1:12" ht="16.149999999999999" customHeight="1">
      <c r="A1228" s="477" t="s">
        <v>651</v>
      </c>
      <c r="B1228" s="549"/>
      <c r="C1228" s="550"/>
      <c r="D1228" s="549"/>
      <c r="E1228" s="549"/>
      <c r="F1228" s="549"/>
      <c r="G1228" s="478"/>
      <c r="H1228" s="478"/>
      <c r="I1228" s="478"/>
      <c r="J1228" s="478"/>
      <c r="K1228" s="478"/>
      <c r="L1228" s="501"/>
    </row>
    <row r="1229" spans="1:12" ht="16.149999999999999" customHeight="1">
      <c r="A1229" s="498" t="s">
        <v>686</v>
      </c>
      <c r="B1229" s="500"/>
      <c r="C1229" s="499" t="s">
        <v>309</v>
      </c>
      <c r="D1229" s="499" t="s">
        <v>685</v>
      </c>
      <c r="E1229" s="499" t="s">
        <v>684</v>
      </c>
      <c r="F1229" s="499" t="s">
        <v>683</v>
      </c>
      <c r="G1229" s="498" t="s">
        <v>682</v>
      </c>
      <c r="H1229" s="497"/>
      <c r="I1229" s="497"/>
      <c r="J1229" s="497"/>
      <c r="K1229" s="497"/>
      <c r="L1229" s="496"/>
    </row>
    <row r="1230" spans="1:12" ht="16.149999999999999" customHeight="1">
      <c r="A1230" s="733" t="s">
        <v>725</v>
      </c>
      <c r="B1230" s="734"/>
      <c r="C1230" s="495"/>
      <c r="D1230" s="494"/>
      <c r="E1230" s="493"/>
      <c r="F1230" s="492"/>
      <c r="G1230" s="486" t="s">
        <v>651</v>
      </c>
      <c r="H1230" s="549"/>
      <c r="I1230" s="549"/>
      <c r="J1230" s="549"/>
      <c r="K1230" s="549"/>
      <c r="L1230" s="551"/>
    </row>
    <row r="1231" spans="1:12" ht="16.149999999999999" customHeight="1">
      <c r="A1231" s="735"/>
      <c r="B1231" s="736"/>
      <c r="C1231" s="490"/>
      <c r="D1231" s="489"/>
      <c r="E1231" s="491"/>
      <c r="F1231" s="487" t="s">
        <v>651</v>
      </c>
      <c r="G1231" s="486" t="s">
        <v>651</v>
      </c>
      <c r="H1231" s="549"/>
      <c r="I1231" s="549"/>
      <c r="J1231" s="549"/>
      <c r="K1231" s="549"/>
      <c r="L1231" s="551"/>
    </row>
    <row r="1232" spans="1:12" ht="16.149999999999999" customHeight="1">
      <c r="A1232" s="735" t="s">
        <v>651</v>
      </c>
      <c r="B1232" s="736"/>
      <c r="C1232" s="490" t="s">
        <v>248</v>
      </c>
      <c r="D1232" s="489"/>
      <c r="E1232" s="488"/>
      <c r="F1232" s="487"/>
      <c r="G1232" s="486" t="s">
        <v>651</v>
      </c>
      <c r="H1232" s="549"/>
      <c r="I1232" s="549"/>
      <c r="J1232" s="549"/>
      <c r="K1232" s="549"/>
      <c r="L1232" s="551"/>
    </row>
    <row r="1233" spans="1:12" ht="16.149999999999999" customHeight="1">
      <c r="A1233" s="737"/>
      <c r="B1233" s="738"/>
      <c r="C1233" s="485"/>
      <c r="D1233" s="484"/>
      <c r="E1233" s="483"/>
      <c r="F1233" s="482"/>
      <c r="G1233" s="481" t="s">
        <v>651</v>
      </c>
      <c r="H1233" s="476"/>
      <c r="I1233" s="476"/>
      <c r="J1233" s="476"/>
      <c r="K1233" s="476"/>
      <c r="L1233" s="475"/>
    </row>
    <row r="1234" spans="1:12" ht="16.149999999999999" customHeight="1">
      <c r="A1234" s="733" t="s">
        <v>721</v>
      </c>
      <c r="B1234" s="734"/>
      <c r="C1234" s="495"/>
      <c r="D1234" s="494"/>
      <c r="E1234" s="493"/>
      <c r="F1234" s="492"/>
      <c r="G1234" s="486" t="s">
        <v>651</v>
      </c>
      <c r="H1234" s="549"/>
      <c r="I1234" s="549"/>
      <c r="J1234" s="549"/>
      <c r="K1234" s="549"/>
      <c r="L1234" s="551"/>
    </row>
    <row r="1235" spans="1:12" ht="16.149999999999999" customHeight="1">
      <c r="A1235" s="735"/>
      <c r="B1235" s="736"/>
      <c r="C1235" s="490"/>
      <c r="D1235" s="489"/>
      <c r="E1235" s="491"/>
      <c r="F1235" s="487" t="s">
        <v>651</v>
      </c>
      <c r="G1235" s="486" t="s">
        <v>651</v>
      </c>
      <c r="H1235" s="549"/>
      <c r="I1235" s="549"/>
      <c r="J1235" s="549"/>
      <c r="K1235" s="549"/>
      <c r="L1235" s="551"/>
    </row>
    <row r="1236" spans="1:12" ht="16.149999999999999" customHeight="1">
      <c r="A1236" s="735" t="s">
        <v>651</v>
      </c>
      <c r="B1236" s="736"/>
      <c r="C1236" s="490" t="s">
        <v>248</v>
      </c>
      <c r="D1236" s="489"/>
      <c r="E1236" s="488"/>
      <c r="F1236" s="487"/>
      <c r="G1236" s="486" t="s">
        <v>651</v>
      </c>
      <c r="H1236" s="549"/>
      <c r="I1236" s="549"/>
      <c r="J1236" s="549"/>
      <c r="K1236" s="549"/>
      <c r="L1236" s="551"/>
    </row>
    <row r="1237" spans="1:12" ht="16.149999999999999" customHeight="1">
      <c r="A1237" s="737"/>
      <c r="B1237" s="738"/>
      <c r="C1237" s="485"/>
      <c r="D1237" s="484"/>
      <c r="E1237" s="483"/>
      <c r="F1237" s="482"/>
      <c r="G1237" s="481" t="s">
        <v>651</v>
      </c>
      <c r="H1237" s="476"/>
      <c r="I1237" s="476"/>
      <c r="J1237" s="476"/>
      <c r="K1237" s="476"/>
      <c r="L1237" s="475"/>
    </row>
    <row r="1238" spans="1:12" ht="16.149999999999999" customHeight="1">
      <c r="A1238" s="733" t="s">
        <v>250</v>
      </c>
      <c r="B1238" s="734"/>
      <c r="C1238" s="495"/>
      <c r="D1238" s="494"/>
      <c r="E1238" s="493"/>
      <c r="F1238" s="492"/>
      <c r="G1238" s="486" t="s">
        <v>651</v>
      </c>
      <c r="H1238" s="549"/>
      <c r="I1238" s="549"/>
      <c r="J1238" s="549"/>
      <c r="K1238" s="549"/>
      <c r="L1238" s="551"/>
    </row>
    <row r="1239" spans="1:12" ht="16.149999999999999" customHeight="1">
      <c r="A1239" s="735"/>
      <c r="B1239" s="736"/>
      <c r="C1239" s="490"/>
      <c r="D1239" s="489"/>
      <c r="E1239" s="491"/>
      <c r="F1239" s="487" t="s">
        <v>651</v>
      </c>
      <c r="G1239" s="486" t="s">
        <v>651</v>
      </c>
      <c r="H1239" s="549"/>
      <c r="I1239" s="549"/>
      <c r="J1239" s="549"/>
      <c r="K1239" s="549"/>
      <c r="L1239" s="551"/>
    </row>
    <row r="1240" spans="1:12" ht="16.149999999999999" customHeight="1">
      <c r="A1240" s="735" t="s">
        <v>651</v>
      </c>
      <c r="B1240" s="736"/>
      <c r="C1240" s="490" t="s">
        <v>248</v>
      </c>
      <c r="D1240" s="489"/>
      <c r="E1240" s="488"/>
      <c r="F1240" s="487"/>
      <c r="G1240" s="486" t="s">
        <v>651</v>
      </c>
      <c r="H1240" s="549"/>
      <c r="I1240" s="549"/>
      <c r="J1240" s="549"/>
      <c r="K1240" s="549"/>
      <c r="L1240" s="551"/>
    </row>
    <row r="1241" spans="1:12" ht="16.149999999999999" customHeight="1">
      <c r="A1241" s="737"/>
      <c r="B1241" s="738"/>
      <c r="C1241" s="485"/>
      <c r="D1241" s="484"/>
      <c r="E1241" s="483"/>
      <c r="F1241" s="482"/>
      <c r="G1241" s="481" t="s">
        <v>651</v>
      </c>
      <c r="H1241" s="476"/>
      <c r="I1241" s="476"/>
      <c r="J1241" s="476"/>
      <c r="K1241" s="476"/>
      <c r="L1241" s="475"/>
    </row>
    <row r="1242" spans="1:12" ht="16.149999999999999" customHeight="1">
      <c r="A1242" s="733" t="s">
        <v>733</v>
      </c>
      <c r="B1242" s="734"/>
      <c r="C1242" s="495"/>
      <c r="D1242" s="494"/>
      <c r="E1242" s="493"/>
      <c r="F1242" s="492"/>
      <c r="G1242" s="486" t="s">
        <v>732</v>
      </c>
      <c r="H1242" s="549"/>
      <c r="I1242" s="549"/>
      <c r="J1242" s="549"/>
      <c r="K1242" s="549"/>
      <c r="L1242" s="551"/>
    </row>
    <row r="1243" spans="1:12" ht="16.149999999999999" customHeight="1">
      <c r="A1243" s="735"/>
      <c r="B1243" s="736"/>
      <c r="C1243" s="490"/>
      <c r="D1243" s="489"/>
      <c r="E1243" s="491"/>
      <c r="F1243" s="487" t="s">
        <v>651</v>
      </c>
      <c r="G1243" s="486" t="s">
        <v>651</v>
      </c>
      <c r="H1243" s="549"/>
      <c r="I1243" s="549"/>
      <c r="J1243" s="549"/>
      <c r="K1243" s="549"/>
      <c r="L1243" s="551"/>
    </row>
    <row r="1244" spans="1:12" ht="16.149999999999999" customHeight="1">
      <c r="A1244" s="735" t="s">
        <v>1660</v>
      </c>
      <c r="B1244" s="736"/>
      <c r="C1244" s="490" t="s">
        <v>731</v>
      </c>
      <c r="D1244" s="489"/>
      <c r="E1244" s="488"/>
      <c r="F1244" s="487"/>
      <c r="G1244" s="486" t="s">
        <v>651</v>
      </c>
      <c r="H1244" s="549"/>
      <c r="I1244" s="549"/>
      <c r="J1244" s="549"/>
      <c r="K1244" s="549"/>
      <c r="L1244" s="551"/>
    </row>
    <row r="1245" spans="1:12" ht="16.149999999999999" customHeight="1">
      <c r="A1245" s="737"/>
      <c r="B1245" s="738"/>
      <c r="C1245" s="485"/>
      <c r="D1245" s="484"/>
      <c r="E1245" s="483"/>
      <c r="F1245" s="482"/>
      <c r="G1245" s="481" t="s">
        <v>651</v>
      </c>
      <c r="H1245" s="476"/>
      <c r="I1245" s="476"/>
      <c r="J1245" s="476"/>
      <c r="K1245" s="476"/>
      <c r="L1245" s="475"/>
    </row>
    <row r="1246" spans="1:12" ht="16.149999999999999" customHeight="1">
      <c r="A1246" s="733" t="s">
        <v>700</v>
      </c>
      <c r="B1246" s="734"/>
      <c r="C1246" s="495"/>
      <c r="D1246" s="494"/>
      <c r="E1246" s="493"/>
      <c r="F1246" s="492"/>
      <c r="G1246" s="486" t="s">
        <v>651</v>
      </c>
      <c r="H1246" s="549"/>
      <c r="I1246" s="549"/>
      <c r="J1246" s="549"/>
      <c r="K1246" s="549"/>
      <c r="L1246" s="551"/>
    </row>
    <row r="1247" spans="1:12" ht="16.149999999999999" customHeight="1">
      <c r="A1247" s="735"/>
      <c r="B1247" s="736"/>
      <c r="C1247" s="490"/>
      <c r="D1247" s="489"/>
      <c r="E1247" s="491"/>
      <c r="F1247" s="487" t="s">
        <v>651</v>
      </c>
      <c r="G1247" s="486" t="s">
        <v>651</v>
      </c>
      <c r="H1247" s="549"/>
      <c r="I1247" s="549"/>
      <c r="J1247" s="549"/>
      <c r="K1247" s="549"/>
      <c r="L1247" s="551"/>
    </row>
    <row r="1248" spans="1:12" ht="16.149999999999999" customHeight="1">
      <c r="A1248" s="735" t="s">
        <v>651</v>
      </c>
      <c r="B1248" s="736"/>
      <c r="C1248" s="490" t="s">
        <v>242</v>
      </c>
      <c r="D1248" s="489">
        <v>1</v>
      </c>
      <c r="E1248" s="488"/>
      <c r="F1248" s="487"/>
      <c r="G1248" s="486" t="s">
        <v>651</v>
      </c>
      <c r="H1248" s="549"/>
      <c r="I1248" s="549"/>
      <c r="J1248" s="549"/>
      <c r="K1248" s="549"/>
      <c r="L1248" s="551"/>
    </row>
    <row r="1249" spans="1:12" ht="16.149999999999999" customHeight="1">
      <c r="A1249" s="737"/>
      <c r="B1249" s="738"/>
      <c r="C1249" s="485"/>
      <c r="D1249" s="484"/>
      <c r="E1249" s="483"/>
      <c r="F1249" s="482"/>
      <c r="G1249" s="481" t="s">
        <v>651</v>
      </c>
      <c r="H1249" s="476"/>
      <c r="I1249" s="476"/>
      <c r="J1249" s="476"/>
      <c r="K1249" s="476"/>
      <c r="L1249" s="475"/>
    </row>
    <row r="1250" spans="1:12" ht="16.149999999999999" customHeight="1">
      <c r="A1250" s="733" t="s">
        <v>651</v>
      </c>
      <c r="B1250" s="734"/>
      <c r="C1250" s="495"/>
      <c r="D1250" s="494"/>
      <c r="E1250" s="493"/>
      <c r="F1250" s="492"/>
      <c r="G1250" s="486" t="s">
        <v>651</v>
      </c>
      <c r="H1250" s="549"/>
      <c r="I1250" s="549"/>
      <c r="J1250" s="549"/>
      <c r="K1250" s="549"/>
      <c r="L1250" s="551"/>
    </row>
    <row r="1251" spans="1:12" ht="16.149999999999999" customHeight="1">
      <c r="A1251" s="735"/>
      <c r="B1251" s="736"/>
      <c r="C1251" s="490"/>
      <c r="D1251" s="489"/>
      <c r="E1251" s="491"/>
      <c r="F1251" s="487" t="s">
        <v>651</v>
      </c>
      <c r="G1251" s="486" t="s">
        <v>651</v>
      </c>
      <c r="H1251" s="549"/>
      <c r="I1251" s="549"/>
      <c r="J1251" s="549"/>
      <c r="K1251" s="549"/>
      <c r="L1251" s="551"/>
    </row>
    <row r="1252" spans="1:12" ht="16.149999999999999" customHeight="1">
      <c r="A1252" s="735" t="s">
        <v>691</v>
      </c>
      <c r="B1252" s="736"/>
      <c r="C1252" s="490" t="s">
        <v>240</v>
      </c>
      <c r="D1252" s="489">
        <v>133.19999999999999</v>
      </c>
      <c r="E1252" s="488"/>
      <c r="F1252" s="487"/>
      <c r="G1252" s="486" t="s">
        <v>651</v>
      </c>
      <c r="H1252" s="549"/>
      <c r="I1252" s="549"/>
      <c r="J1252" s="549"/>
      <c r="K1252" s="549"/>
      <c r="L1252" s="551"/>
    </row>
    <row r="1253" spans="1:12" ht="16.149999999999999" customHeight="1">
      <c r="A1253" s="737"/>
      <c r="B1253" s="738"/>
      <c r="C1253" s="485"/>
      <c r="D1253" s="484"/>
      <c r="E1253" s="483"/>
      <c r="F1253" s="482"/>
      <c r="G1253" s="481" t="s">
        <v>651</v>
      </c>
      <c r="H1253" s="476"/>
      <c r="I1253" s="476"/>
      <c r="J1253" s="476"/>
      <c r="K1253" s="476"/>
      <c r="L1253" s="475"/>
    </row>
    <row r="1254" spans="1:12" ht="16.149999999999999" customHeight="1">
      <c r="A1254" s="733" t="s">
        <v>651</v>
      </c>
      <c r="B1254" s="734"/>
      <c r="C1254" s="495"/>
      <c r="D1254" s="494"/>
      <c r="E1254" s="493"/>
      <c r="F1254" s="492"/>
      <c r="G1254" s="486" t="s">
        <v>651</v>
      </c>
      <c r="H1254" s="549"/>
      <c r="I1254" s="549"/>
      <c r="J1254" s="549"/>
      <c r="K1254" s="549"/>
      <c r="L1254" s="551"/>
    </row>
    <row r="1255" spans="1:12" ht="16.149999999999999" customHeight="1">
      <c r="A1255" s="735"/>
      <c r="B1255" s="736"/>
      <c r="C1255" s="490"/>
      <c r="D1255" s="489"/>
      <c r="E1255" s="491"/>
      <c r="F1255" s="487" t="s">
        <v>651</v>
      </c>
      <c r="G1255" s="486" t="s">
        <v>651</v>
      </c>
      <c r="H1255" s="549"/>
      <c r="I1255" s="549"/>
      <c r="J1255" s="549"/>
      <c r="K1255" s="549"/>
      <c r="L1255" s="551"/>
    </row>
    <row r="1256" spans="1:12" ht="16.149999999999999" customHeight="1">
      <c r="A1256" s="735" t="s">
        <v>681</v>
      </c>
      <c r="B1256" s="736"/>
      <c r="C1256" s="490" t="s">
        <v>240</v>
      </c>
      <c r="D1256" s="489">
        <v>1</v>
      </c>
      <c r="E1256" s="488" t="s">
        <v>618</v>
      </c>
      <c r="F1256" s="487"/>
      <c r="G1256" s="486" t="s">
        <v>651</v>
      </c>
      <c r="H1256" s="549"/>
      <c r="I1256" s="549"/>
      <c r="J1256" s="549"/>
      <c r="K1256" s="549"/>
      <c r="L1256" s="551"/>
    </row>
    <row r="1257" spans="1:12" ht="16.149999999999999" customHeight="1">
      <c r="A1257" s="737"/>
      <c r="B1257" s="738"/>
      <c r="C1257" s="485"/>
      <c r="D1257" s="484"/>
      <c r="E1257" s="483"/>
      <c r="F1257" s="482"/>
      <c r="G1257" s="481" t="s">
        <v>651</v>
      </c>
      <c r="H1257" s="476"/>
      <c r="I1257" s="476"/>
      <c r="J1257" s="476"/>
      <c r="K1257" s="476"/>
      <c r="L1257" s="475"/>
    </row>
    <row r="1261" spans="1:12" ht="16.149999999999999" customHeight="1">
      <c r="A1261" s="507" t="s">
        <v>651</v>
      </c>
      <c r="B1261" s="479" t="s">
        <v>727</v>
      </c>
      <c r="C1261" s="480"/>
      <c r="D1261" s="479"/>
      <c r="E1261" s="479"/>
      <c r="F1261" s="479"/>
      <c r="G1261" s="479"/>
      <c r="H1261" s="479" t="s">
        <v>617</v>
      </c>
      <c r="I1261" s="480" t="s">
        <v>876</v>
      </c>
      <c r="J1261" s="479" t="s">
        <v>689</v>
      </c>
      <c r="K1261" s="479" t="s">
        <v>688</v>
      </c>
      <c r="L1261" s="506"/>
    </row>
    <row r="1262" spans="1:12" ht="16.149999999999999" customHeight="1">
      <c r="A1262" s="505" t="s">
        <v>651</v>
      </c>
      <c r="B1262" s="549" t="s">
        <v>1669</v>
      </c>
      <c r="C1262" s="550"/>
      <c r="D1262" s="549"/>
      <c r="E1262" s="549"/>
      <c r="F1262" s="549"/>
      <c r="G1262" s="478"/>
      <c r="H1262" s="549"/>
      <c r="I1262" s="504"/>
      <c r="J1262" s="503" t="s">
        <v>722</v>
      </c>
      <c r="K1262" s="502" t="s">
        <v>240</v>
      </c>
      <c r="L1262" s="501" t="s">
        <v>618</v>
      </c>
    </row>
    <row r="1263" spans="1:12" ht="16.149999999999999" customHeight="1">
      <c r="A1263" s="477" t="s">
        <v>651</v>
      </c>
      <c r="B1263" s="549"/>
      <c r="C1263" s="550"/>
      <c r="D1263" s="549"/>
      <c r="E1263" s="549"/>
      <c r="F1263" s="549"/>
      <c r="G1263" s="478"/>
      <c r="H1263" s="478"/>
      <c r="I1263" s="478"/>
      <c r="J1263" s="478"/>
      <c r="K1263" s="478"/>
      <c r="L1263" s="501"/>
    </row>
    <row r="1264" spans="1:12" ht="16.149999999999999" customHeight="1">
      <c r="A1264" s="498" t="s">
        <v>686</v>
      </c>
      <c r="B1264" s="500"/>
      <c r="C1264" s="499" t="s">
        <v>309</v>
      </c>
      <c r="D1264" s="499" t="s">
        <v>685</v>
      </c>
      <c r="E1264" s="499" t="s">
        <v>684</v>
      </c>
      <c r="F1264" s="499" t="s">
        <v>683</v>
      </c>
      <c r="G1264" s="498" t="s">
        <v>682</v>
      </c>
      <c r="H1264" s="497"/>
      <c r="I1264" s="497"/>
      <c r="J1264" s="497"/>
      <c r="K1264" s="497"/>
      <c r="L1264" s="496"/>
    </row>
    <row r="1265" spans="1:12" ht="16.149999999999999" customHeight="1">
      <c r="A1265" s="733" t="s">
        <v>725</v>
      </c>
      <c r="B1265" s="734"/>
      <c r="C1265" s="495"/>
      <c r="D1265" s="494"/>
      <c r="E1265" s="493"/>
      <c r="F1265" s="492"/>
      <c r="G1265" s="486" t="s">
        <v>651</v>
      </c>
      <c r="H1265" s="549"/>
      <c r="I1265" s="549"/>
      <c r="J1265" s="549"/>
      <c r="K1265" s="549"/>
      <c r="L1265" s="551"/>
    </row>
    <row r="1266" spans="1:12" ht="16.149999999999999" customHeight="1">
      <c r="A1266" s="735"/>
      <c r="B1266" s="736"/>
      <c r="C1266" s="490"/>
      <c r="D1266" s="489"/>
      <c r="E1266" s="491"/>
      <c r="F1266" s="487" t="s">
        <v>651</v>
      </c>
      <c r="G1266" s="486" t="s">
        <v>651</v>
      </c>
      <c r="H1266" s="549"/>
      <c r="I1266" s="549"/>
      <c r="J1266" s="549"/>
      <c r="K1266" s="549"/>
      <c r="L1266" s="551"/>
    </row>
    <row r="1267" spans="1:12" ht="16.149999999999999" customHeight="1">
      <c r="A1267" s="735" t="s">
        <v>651</v>
      </c>
      <c r="B1267" s="736"/>
      <c r="C1267" s="490" t="s">
        <v>248</v>
      </c>
      <c r="D1267" s="489"/>
      <c r="E1267" s="488"/>
      <c r="F1267" s="487"/>
      <c r="G1267" s="486" t="s">
        <v>651</v>
      </c>
      <c r="H1267" s="549"/>
      <c r="I1267" s="549"/>
      <c r="J1267" s="549"/>
      <c r="K1267" s="549"/>
      <c r="L1267" s="551"/>
    </row>
    <row r="1268" spans="1:12" ht="16.149999999999999" customHeight="1">
      <c r="A1268" s="737"/>
      <c r="B1268" s="738"/>
      <c r="C1268" s="485"/>
      <c r="D1268" s="484"/>
      <c r="E1268" s="483"/>
      <c r="F1268" s="482"/>
      <c r="G1268" s="481" t="s">
        <v>651</v>
      </c>
      <c r="H1268" s="476"/>
      <c r="I1268" s="476"/>
      <c r="J1268" s="476"/>
      <c r="K1268" s="476"/>
      <c r="L1268" s="475"/>
    </row>
    <row r="1269" spans="1:12" ht="16.149999999999999" customHeight="1">
      <c r="A1269" s="733" t="s">
        <v>721</v>
      </c>
      <c r="B1269" s="734"/>
      <c r="C1269" s="495"/>
      <c r="D1269" s="494"/>
      <c r="E1269" s="493"/>
      <c r="F1269" s="492"/>
      <c r="G1269" s="486" t="s">
        <v>651</v>
      </c>
      <c r="H1269" s="549"/>
      <c r="I1269" s="549"/>
      <c r="J1269" s="549"/>
      <c r="K1269" s="549"/>
      <c r="L1269" s="551"/>
    </row>
    <row r="1270" spans="1:12" ht="16.149999999999999" customHeight="1">
      <c r="A1270" s="735"/>
      <c r="B1270" s="736"/>
      <c r="C1270" s="490"/>
      <c r="D1270" s="489"/>
      <c r="E1270" s="491"/>
      <c r="F1270" s="487" t="s">
        <v>651</v>
      </c>
      <c r="G1270" s="486" t="s">
        <v>651</v>
      </c>
      <c r="H1270" s="549"/>
      <c r="I1270" s="549"/>
      <c r="J1270" s="549"/>
      <c r="K1270" s="549"/>
      <c r="L1270" s="551"/>
    </row>
    <row r="1271" spans="1:12" ht="16.149999999999999" customHeight="1">
      <c r="A1271" s="735" t="s">
        <v>651</v>
      </c>
      <c r="B1271" s="736"/>
      <c r="C1271" s="490" t="s">
        <v>248</v>
      </c>
      <c r="D1271" s="489"/>
      <c r="E1271" s="488"/>
      <c r="F1271" s="487"/>
      <c r="G1271" s="486" t="s">
        <v>651</v>
      </c>
      <c r="H1271" s="549"/>
      <c r="I1271" s="549"/>
      <c r="J1271" s="549"/>
      <c r="K1271" s="549"/>
      <c r="L1271" s="551"/>
    </row>
    <row r="1272" spans="1:12" ht="16.149999999999999" customHeight="1">
      <c r="A1272" s="737"/>
      <c r="B1272" s="738"/>
      <c r="C1272" s="485"/>
      <c r="D1272" s="484"/>
      <c r="E1272" s="483"/>
      <c r="F1272" s="482"/>
      <c r="G1272" s="481" t="s">
        <v>651</v>
      </c>
      <c r="H1272" s="476"/>
      <c r="I1272" s="476"/>
      <c r="J1272" s="476"/>
      <c r="K1272" s="476"/>
      <c r="L1272" s="475"/>
    </row>
    <row r="1273" spans="1:12" ht="16.149999999999999" customHeight="1">
      <c r="A1273" s="733" t="s">
        <v>250</v>
      </c>
      <c r="B1273" s="734"/>
      <c r="C1273" s="495"/>
      <c r="D1273" s="494"/>
      <c r="E1273" s="493"/>
      <c r="F1273" s="492"/>
      <c r="G1273" s="486" t="s">
        <v>651</v>
      </c>
      <c r="H1273" s="549"/>
      <c r="I1273" s="549"/>
      <c r="J1273" s="549"/>
      <c r="K1273" s="549"/>
      <c r="L1273" s="551"/>
    </row>
    <row r="1274" spans="1:12" ht="16.149999999999999" customHeight="1">
      <c r="A1274" s="735"/>
      <c r="B1274" s="736"/>
      <c r="C1274" s="490"/>
      <c r="D1274" s="489"/>
      <c r="E1274" s="491"/>
      <c r="F1274" s="487" t="s">
        <v>651</v>
      </c>
      <c r="G1274" s="486" t="s">
        <v>651</v>
      </c>
      <c r="H1274" s="549"/>
      <c r="I1274" s="549"/>
      <c r="J1274" s="549"/>
      <c r="K1274" s="549"/>
      <c r="L1274" s="551"/>
    </row>
    <row r="1275" spans="1:12" ht="16.149999999999999" customHeight="1">
      <c r="A1275" s="735" t="s">
        <v>651</v>
      </c>
      <c r="B1275" s="736"/>
      <c r="C1275" s="490" t="s">
        <v>248</v>
      </c>
      <c r="D1275" s="489"/>
      <c r="E1275" s="488"/>
      <c r="F1275" s="487"/>
      <c r="G1275" s="486" t="s">
        <v>651</v>
      </c>
      <c r="H1275" s="549"/>
      <c r="I1275" s="549"/>
      <c r="J1275" s="549"/>
      <c r="K1275" s="549"/>
      <c r="L1275" s="551"/>
    </row>
    <row r="1276" spans="1:12" ht="16.149999999999999" customHeight="1">
      <c r="A1276" s="737"/>
      <c r="B1276" s="738"/>
      <c r="C1276" s="485"/>
      <c r="D1276" s="484"/>
      <c r="E1276" s="483"/>
      <c r="F1276" s="482"/>
      <c r="G1276" s="481" t="s">
        <v>651</v>
      </c>
      <c r="H1276" s="476"/>
      <c r="I1276" s="476"/>
      <c r="J1276" s="476"/>
      <c r="K1276" s="476"/>
      <c r="L1276" s="475"/>
    </row>
    <row r="1277" spans="1:12" ht="16.149999999999999" customHeight="1">
      <c r="A1277" s="733" t="s">
        <v>700</v>
      </c>
      <c r="B1277" s="734"/>
      <c r="C1277" s="495"/>
      <c r="D1277" s="494"/>
      <c r="E1277" s="493"/>
      <c r="F1277" s="492"/>
      <c r="G1277" s="486" t="s">
        <v>651</v>
      </c>
      <c r="H1277" s="549"/>
      <c r="I1277" s="549"/>
      <c r="J1277" s="549"/>
      <c r="K1277" s="549"/>
      <c r="L1277" s="551"/>
    </row>
    <row r="1278" spans="1:12" ht="16.149999999999999" customHeight="1">
      <c r="A1278" s="735"/>
      <c r="B1278" s="736"/>
      <c r="C1278" s="490"/>
      <c r="D1278" s="489"/>
      <c r="E1278" s="491"/>
      <c r="F1278" s="487" t="s">
        <v>651</v>
      </c>
      <c r="G1278" s="486" t="s">
        <v>651</v>
      </c>
      <c r="H1278" s="549"/>
      <c r="I1278" s="549"/>
      <c r="J1278" s="549"/>
      <c r="K1278" s="549"/>
      <c r="L1278" s="551"/>
    </row>
    <row r="1279" spans="1:12" ht="16.149999999999999" customHeight="1">
      <c r="A1279" s="735" t="s">
        <v>651</v>
      </c>
      <c r="B1279" s="736"/>
      <c r="C1279" s="490" t="s">
        <v>242</v>
      </c>
      <c r="D1279" s="489">
        <v>1</v>
      </c>
      <c r="E1279" s="488"/>
      <c r="F1279" s="487"/>
      <c r="G1279" s="486" t="s">
        <v>651</v>
      </c>
      <c r="H1279" s="549"/>
      <c r="I1279" s="549"/>
      <c r="J1279" s="549"/>
      <c r="K1279" s="549"/>
      <c r="L1279" s="551"/>
    </row>
    <row r="1280" spans="1:12" ht="16.149999999999999" customHeight="1">
      <c r="A1280" s="737"/>
      <c r="B1280" s="738"/>
      <c r="C1280" s="485"/>
      <c r="D1280" s="484"/>
      <c r="E1280" s="483"/>
      <c r="F1280" s="482"/>
      <c r="G1280" s="481" t="s">
        <v>651</v>
      </c>
      <c r="H1280" s="476"/>
      <c r="I1280" s="476"/>
      <c r="J1280" s="476"/>
      <c r="K1280" s="476"/>
      <c r="L1280" s="475"/>
    </row>
    <row r="1281" spans="1:12" ht="16.149999999999999" customHeight="1">
      <c r="A1281" s="733" t="s">
        <v>651</v>
      </c>
      <c r="B1281" s="734"/>
      <c r="C1281" s="495"/>
      <c r="D1281" s="494"/>
      <c r="E1281" s="493"/>
      <c r="F1281" s="492"/>
      <c r="G1281" s="486" t="s">
        <v>651</v>
      </c>
      <c r="H1281" s="549"/>
      <c r="I1281" s="549"/>
      <c r="J1281" s="549"/>
      <c r="K1281" s="549"/>
      <c r="L1281" s="551"/>
    </row>
    <row r="1282" spans="1:12" ht="16.149999999999999" customHeight="1">
      <c r="A1282" s="735"/>
      <c r="B1282" s="736"/>
      <c r="C1282" s="490"/>
      <c r="D1282" s="489"/>
      <c r="E1282" s="491"/>
      <c r="F1282" s="487" t="s">
        <v>651</v>
      </c>
      <c r="G1282" s="486" t="s">
        <v>651</v>
      </c>
      <c r="H1282" s="549"/>
      <c r="I1282" s="549"/>
      <c r="J1282" s="549"/>
      <c r="K1282" s="549"/>
      <c r="L1282" s="551"/>
    </row>
    <row r="1283" spans="1:12" ht="16.149999999999999" customHeight="1">
      <c r="A1283" s="735" t="s">
        <v>691</v>
      </c>
      <c r="B1283" s="736"/>
      <c r="C1283" s="490" t="s">
        <v>240</v>
      </c>
      <c r="D1283" s="489">
        <v>100</v>
      </c>
      <c r="E1283" s="488"/>
      <c r="F1283" s="487"/>
      <c r="G1283" s="486" t="s">
        <v>651</v>
      </c>
      <c r="H1283" s="549"/>
      <c r="I1283" s="549"/>
      <c r="J1283" s="549"/>
      <c r="K1283" s="549"/>
      <c r="L1283" s="551"/>
    </row>
    <row r="1284" spans="1:12" ht="16.149999999999999" customHeight="1">
      <c r="A1284" s="737"/>
      <c r="B1284" s="738"/>
      <c r="C1284" s="485"/>
      <c r="D1284" s="484"/>
      <c r="E1284" s="483"/>
      <c r="F1284" s="482"/>
      <c r="G1284" s="481" t="s">
        <v>651</v>
      </c>
      <c r="H1284" s="476"/>
      <c r="I1284" s="476"/>
      <c r="J1284" s="476"/>
      <c r="K1284" s="476"/>
      <c r="L1284" s="475"/>
    </row>
    <row r="1285" spans="1:12" ht="16.149999999999999" customHeight="1">
      <c r="A1285" s="733" t="s">
        <v>651</v>
      </c>
      <c r="B1285" s="734"/>
      <c r="C1285" s="495"/>
      <c r="D1285" s="494"/>
      <c r="E1285" s="493"/>
      <c r="F1285" s="492"/>
      <c r="G1285" s="486" t="s">
        <v>651</v>
      </c>
      <c r="H1285" s="549"/>
      <c r="I1285" s="549"/>
      <c r="J1285" s="549"/>
      <c r="K1285" s="549"/>
      <c r="L1285" s="551"/>
    </row>
    <row r="1286" spans="1:12" ht="16.149999999999999" customHeight="1">
      <c r="A1286" s="735"/>
      <c r="B1286" s="736"/>
      <c r="C1286" s="490"/>
      <c r="D1286" s="489"/>
      <c r="E1286" s="491"/>
      <c r="F1286" s="487" t="s">
        <v>651</v>
      </c>
      <c r="G1286" s="486" t="s">
        <v>651</v>
      </c>
      <c r="H1286" s="549"/>
      <c r="I1286" s="549"/>
      <c r="J1286" s="549"/>
      <c r="K1286" s="549"/>
      <c r="L1286" s="551"/>
    </row>
    <row r="1287" spans="1:12" ht="16.149999999999999" customHeight="1">
      <c r="A1287" s="735" t="s">
        <v>681</v>
      </c>
      <c r="B1287" s="736"/>
      <c r="C1287" s="490" t="s">
        <v>240</v>
      </c>
      <c r="D1287" s="489">
        <v>1</v>
      </c>
      <c r="E1287" s="488" t="s">
        <v>618</v>
      </c>
      <c r="F1287" s="487"/>
      <c r="G1287" s="486" t="s">
        <v>651</v>
      </c>
      <c r="H1287" s="549"/>
      <c r="I1287" s="549"/>
      <c r="J1287" s="549"/>
      <c r="K1287" s="549"/>
      <c r="L1287" s="551"/>
    </row>
    <row r="1288" spans="1:12" ht="16.149999999999999" customHeight="1">
      <c r="A1288" s="737"/>
      <c r="B1288" s="738"/>
      <c r="C1288" s="485"/>
      <c r="D1288" s="484"/>
      <c r="E1288" s="483"/>
      <c r="F1288" s="482"/>
      <c r="G1288" s="481" t="s">
        <v>651</v>
      </c>
      <c r="H1288" s="476"/>
      <c r="I1288" s="476"/>
      <c r="J1288" s="476"/>
      <c r="K1288" s="476"/>
      <c r="L1288" s="475"/>
    </row>
    <row r="1296" spans="1:12" ht="16.149999999999999" customHeight="1">
      <c r="A1296" s="507" t="s">
        <v>651</v>
      </c>
      <c r="B1296" s="479" t="s">
        <v>724</v>
      </c>
      <c r="C1296" s="480"/>
      <c r="D1296" s="479"/>
      <c r="E1296" s="479"/>
      <c r="F1296" s="479"/>
      <c r="G1296" s="479"/>
      <c r="H1296" s="479" t="s">
        <v>617</v>
      </c>
      <c r="I1296" s="480" t="s">
        <v>875</v>
      </c>
      <c r="J1296" s="479" t="s">
        <v>689</v>
      </c>
      <c r="K1296" s="479" t="s">
        <v>688</v>
      </c>
      <c r="L1296" s="506"/>
    </row>
    <row r="1297" spans="1:12" ht="16.149999999999999" customHeight="1">
      <c r="A1297" s="505" t="s">
        <v>651</v>
      </c>
      <c r="B1297" s="549" t="s">
        <v>1669</v>
      </c>
      <c r="C1297" s="550"/>
      <c r="D1297" s="549"/>
      <c r="E1297" s="549"/>
      <c r="F1297" s="549"/>
      <c r="G1297" s="478"/>
      <c r="H1297" s="549"/>
      <c r="I1297" s="504"/>
      <c r="J1297" s="503" t="s">
        <v>722</v>
      </c>
      <c r="K1297" s="502" t="s">
        <v>240</v>
      </c>
      <c r="L1297" s="501" t="s">
        <v>618</v>
      </c>
    </row>
    <row r="1298" spans="1:12" ht="16.149999999999999" customHeight="1">
      <c r="A1298" s="477" t="s">
        <v>651</v>
      </c>
      <c r="B1298" s="549"/>
      <c r="C1298" s="550"/>
      <c r="D1298" s="549"/>
      <c r="E1298" s="549"/>
      <c r="F1298" s="549"/>
      <c r="G1298" s="478"/>
      <c r="H1298" s="478"/>
      <c r="I1298" s="478"/>
      <c r="J1298" s="478"/>
      <c r="K1298" s="478"/>
      <c r="L1298" s="501"/>
    </row>
    <row r="1299" spans="1:12" ht="16.149999999999999" customHeight="1">
      <c r="A1299" s="498" t="s">
        <v>686</v>
      </c>
      <c r="B1299" s="500"/>
      <c r="C1299" s="499" t="s">
        <v>309</v>
      </c>
      <c r="D1299" s="499" t="s">
        <v>685</v>
      </c>
      <c r="E1299" s="499" t="s">
        <v>684</v>
      </c>
      <c r="F1299" s="499" t="s">
        <v>683</v>
      </c>
      <c r="G1299" s="498" t="s">
        <v>682</v>
      </c>
      <c r="H1299" s="497"/>
      <c r="I1299" s="497"/>
      <c r="J1299" s="497"/>
      <c r="K1299" s="497"/>
      <c r="L1299" s="496"/>
    </row>
    <row r="1300" spans="1:12" ht="16.149999999999999" customHeight="1">
      <c r="A1300" s="733" t="s">
        <v>725</v>
      </c>
      <c r="B1300" s="734"/>
      <c r="C1300" s="495"/>
      <c r="D1300" s="494"/>
      <c r="E1300" s="493"/>
      <c r="F1300" s="492"/>
      <c r="G1300" s="486" t="s">
        <v>651</v>
      </c>
      <c r="H1300" s="549"/>
      <c r="I1300" s="549"/>
      <c r="J1300" s="549"/>
      <c r="K1300" s="549"/>
      <c r="L1300" s="551"/>
    </row>
    <row r="1301" spans="1:12" ht="16.149999999999999" customHeight="1">
      <c r="A1301" s="735"/>
      <c r="B1301" s="736"/>
      <c r="C1301" s="490"/>
      <c r="D1301" s="489"/>
      <c r="E1301" s="491"/>
      <c r="F1301" s="487" t="s">
        <v>651</v>
      </c>
      <c r="G1301" s="486" t="s">
        <v>651</v>
      </c>
      <c r="H1301" s="549"/>
      <c r="I1301" s="549"/>
      <c r="J1301" s="549"/>
      <c r="K1301" s="549"/>
      <c r="L1301" s="551"/>
    </row>
    <row r="1302" spans="1:12" ht="16.149999999999999" customHeight="1">
      <c r="A1302" s="735" t="s">
        <v>651</v>
      </c>
      <c r="B1302" s="736"/>
      <c r="C1302" s="490" t="s">
        <v>248</v>
      </c>
      <c r="D1302" s="489"/>
      <c r="E1302" s="488"/>
      <c r="F1302" s="487"/>
      <c r="G1302" s="486" t="s">
        <v>651</v>
      </c>
      <c r="H1302" s="549"/>
      <c r="I1302" s="549"/>
      <c r="J1302" s="549"/>
      <c r="K1302" s="549"/>
      <c r="L1302" s="551"/>
    </row>
    <row r="1303" spans="1:12" ht="16.149999999999999" customHeight="1">
      <c r="A1303" s="737"/>
      <c r="B1303" s="738"/>
      <c r="C1303" s="485"/>
      <c r="D1303" s="484"/>
      <c r="E1303" s="483"/>
      <c r="F1303" s="482"/>
      <c r="G1303" s="481" t="s">
        <v>651</v>
      </c>
      <c r="H1303" s="476"/>
      <c r="I1303" s="476"/>
      <c r="J1303" s="476"/>
      <c r="K1303" s="476"/>
      <c r="L1303" s="475"/>
    </row>
    <row r="1304" spans="1:12" ht="16.149999999999999" customHeight="1">
      <c r="A1304" s="733" t="s">
        <v>721</v>
      </c>
      <c r="B1304" s="734"/>
      <c r="C1304" s="495"/>
      <c r="D1304" s="494"/>
      <c r="E1304" s="493"/>
      <c r="F1304" s="492"/>
      <c r="G1304" s="486" t="s">
        <v>651</v>
      </c>
      <c r="H1304" s="549"/>
      <c r="I1304" s="549"/>
      <c r="J1304" s="549"/>
      <c r="K1304" s="549"/>
      <c r="L1304" s="551"/>
    </row>
    <row r="1305" spans="1:12" ht="16.149999999999999" customHeight="1">
      <c r="A1305" s="735"/>
      <c r="B1305" s="736"/>
      <c r="C1305" s="490"/>
      <c r="D1305" s="489"/>
      <c r="E1305" s="491"/>
      <c r="F1305" s="487" t="s">
        <v>651</v>
      </c>
      <c r="G1305" s="486" t="s">
        <v>651</v>
      </c>
      <c r="H1305" s="549"/>
      <c r="I1305" s="549"/>
      <c r="J1305" s="549"/>
      <c r="K1305" s="549"/>
      <c r="L1305" s="551"/>
    </row>
    <row r="1306" spans="1:12" ht="16.149999999999999" customHeight="1">
      <c r="A1306" s="735" t="s">
        <v>651</v>
      </c>
      <c r="B1306" s="736"/>
      <c r="C1306" s="490" t="s">
        <v>248</v>
      </c>
      <c r="D1306" s="489"/>
      <c r="E1306" s="488"/>
      <c r="F1306" s="487"/>
      <c r="G1306" s="486" t="s">
        <v>651</v>
      </c>
      <c r="H1306" s="549"/>
      <c r="I1306" s="549"/>
      <c r="J1306" s="549"/>
      <c r="K1306" s="549"/>
      <c r="L1306" s="551"/>
    </row>
    <row r="1307" spans="1:12" ht="16.149999999999999" customHeight="1">
      <c r="A1307" s="737"/>
      <c r="B1307" s="738"/>
      <c r="C1307" s="485"/>
      <c r="D1307" s="484"/>
      <c r="E1307" s="483"/>
      <c r="F1307" s="482"/>
      <c r="G1307" s="481" t="s">
        <v>651</v>
      </c>
      <c r="H1307" s="476"/>
      <c r="I1307" s="476"/>
      <c r="J1307" s="476"/>
      <c r="K1307" s="476"/>
      <c r="L1307" s="475"/>
    </row>
    <row r="1308" spans="1:12" ht="16.149999999999999" customHeight="1">
      <c r="A1308" s="733" t="s">
        <v>250</v>
      </c>
      <c r="B1308" s="734"/>
      <c r="C1308" s="495"/>
      <c r="D1308" s="494"/>
      <c r="E1308" s="493"/>
      <c r="F1308" s="492"/>
      <c r="G1308" s="486" t="s">
        <v>651</v>
      </c>
      <c r="H1308" s="549"/>
      <c r="I1308" s="549"/>
      <c r="J1308" s="549"/>
      <c r="K1308" s="549"/>
      <c r="L1308" s="551"/>
    </row>
    <row r="1309" spans="1:12" ht="16.149999999999999" customHeight="1">
      <c r="A1309" s="735"/>
      <c r="B1309" s="736"/>
      <c r="C1309" s="490"/>
      <c r="D1309" s="489"/>
      <c r="E1309" s="491"/>
      <c r="F1309" s="487" t="s">
        <v>651</v>
      </c>
      <c r="G1309" s="486" t="s">
        <v>651</v>
      </c>
      <c r="H1309" s="549"/>
      <c r="I1309" s="549"/>
      <c r="J1309" s="549"/>
      <c r="K1309" s="549"/>
      <c r="L1309" s="551"/>
    </row>
    <row r="1310" spans="1:12" ht="16.149999999999999" customHeight="1">
      <c r="A1310" s="735" t="s">
        <v>651</v>
      </c>
      <c r="B1310" s="736"/>
      <c r="C1310" s="490" t="s">
        <v>248</v>
      </c>
      <c r="D1310" s="489"/>
      <c r="E1310" s="488"/>
      <c r="F1310" s="487"/>
      <c r="G1310" s="486" t="s">
        <v>651</v>
      </c>
      <c r="H1310" s="549"/>
      <c r="I1310" s="549"/>
      <c r="J1310" s="549"/>
      <c r="K1310" s="549"/>
      <c r="L1310" s="551"/>
    </row>
    <row r="1311" spans="1:12" ht="16.149999999999999" customHeight="1">
      <c r="A1311" s="737"/>
      <c r="B1311" s="738"/>
      <c r="C1311" s="485"/>
      <c r="D1311" s="484"/>
      <c r="E1311" s="483"/>
      <c r="F1311" s="482"/>
      <c r="G1311" s="481" t="s">
        <v>651</v>
      </c>
      <c r="H1311" s="476"/>
      <c r="I1311" s="476"/>
      <c r="J1311" s="476"/>
      <c r="K1311" s="476"/>
      <c r="L1311" s="475"/>
    </row>
    <row r="1312" spans="1:12" ht="16.149999999999999" customHeight="1">
      <c r="A1312" s="733" t="s">
        <v>700</v>
      </c>
      <c r="B1312" s="734"/>
      <c r="C1312" s="495"/>
      <c r="D1312" s="494"/>
      <c r="E1312" s="493"/>
      <c r="F1312" s="492"/>
      <c r="G1312" s="486" t="s">
        <v>651</v>
      </c>
      <c r="H1312" s="549"/>
      <c r="I1312" s="549"/>
      <c r="J1312" s="549"/>
      <c r="K1312" s="549"/>
      <c r="L1312" s="551"/>
    </row>
    <row r="1313" spans="1:12" ht="16.149999999999999" customHeight="1">
      <c r="A1313" s="735"/>
      <c r="B1313" s="736"/>
      <c r="C1313" s="490"/>
      <c r="D1313" s="489"/>
      <c r="E1313" s="491"/>
      <c r="F1313" s="487" t="s">
        <v>651</v>
      </c>
      <c r="G1313" s="486" t="s">
        <v>651</v>
      </c>
      <c r="H1313" s="549"/>
      <c r="I1313" s="549"/>
      <c r="J1313" s="549"/>
      <c r="K1313" s="549"/>
      <c r="L1313" s="551"/>
    </row>
    <row r="1314" spans="1:12" ht="16.149999999999999" customHeight="1">
      <c r="A1314" s="735" t="s">
        <v>651</v>
      </c>
      <c r="B1314" s="736"/>
      <c r="C1314" s="490" t="s">
        <v>242</v>
      </c>
      <c r="D1314" s="489">
        <v>1</v>
      </c>
      <c r="E1314" s="488"/>
      <c r="F1314" s="487"/>
      <c r="G1314" s="486" t="s">
        <v>651</v>
      </c>
      <c r="H1314" s="549"/>
      <c r="I1314" s="549"/>
      <c r="J1314" s="549"/>
      <c r="K1314" s="549"/>
      <c r="L1314" s="551"/>
    </row>
    <row r="1315" spans="1:12" ht="16.149999999999999" customHeight="1">
      <c r="A1315" s="737"/>
      <c r="B1315" s="738"/>
      <c r="C1315" s="485"/>
      <c r="D1315" s="484"/>
      <c r="E1315" s="483"/>
      <c r="F1315" s="482"/>
      <c r="G1315" s="481" t="s">
        <v>651</v>
      </c>
      <c r="H1315" s="476"/>
      <c r="I1315" s="476"/>
      <c r="J1315" s="476"/>
      <c r="K1315" s="476"/>
      <c r="L1315" s="475"/>
    </row>
    <row r="1316" spans="1:12" ht="16.149999999999999" customHeight="1">
      <c r="A1316" s="733" t="s">
        <v>651</v>
      </c>
      <c r="B1316" s="734"/>
      <c r="C1316" s="495"/>
      <c r="D1316" s="494"/>
      <c r="E1316" s="493"/>
      <c r="F1316" s="492"/>
      <c r="G1316" s="486" t="s">
        <v>651</v>
      </c>
      <c r="H1316" s="549"/>
      <c r="I1316" s="549"/>
      <c r="J1316" s="549"/>
      <c r="K1316" s="549"/>
      <c r="L1316" s="551"/>
    </row>
    <row r="1317" spans="1:12" ht="16.149999999999999" customHeight="1">
      <c r="A1317" s="735"/>
      <c r="B1317" s="736"/>
      <c r="C1317" s="490"/>
      <c r="D1317" s="489"/>
      <c r="E1317" s="491"/>
      <c r="F1317" s="487" t="s">
        <v>651</v>
      </c>
      <c r="G1317" s="486" t="s">
        <v>651</v>
      </c>
      <c r="H1317" s="549"/>
      <c r="I1317" s="549"/>
      <c r="J1317" s="549"/>
      <c r="K1317" s="549"/>
      <c r="L1317" s="551"/>
    </row>
    <row r="1318" spans="1:12" ht="16.149999999999999" customHeight="1">
      <c r="A1318" s="735" t="s">
        <v>691</v>
      </c>
      <c r="B1318" s="736"/>
      <c r="C1318" s="490" t="s">
        <v>240</v>
      </c>
      <c r="D1318" s="489">
        <v>100</v>
      </c>
      <c r="E1318" s="488"/>
      <c r="F1318" s="487"/>
      <c r="G1318" s="486" t="s">
        <v>651</v>
      </c>
      <c r="H1318" s="549"/>
      <c r="I1318" s="549"/>
      <c r="J1318" s="549"/>
      <c r="K1318" s="549"/>
      <c r="L1318" s="551"/>
    </row>
    <row r="1319" spans="1:12" ht="16.149999999999999" customHeight="1">
      <c r="A1319" s="737"/>
      <c r="B1319" s="738"/>
      <c r="C1319" s="485"/>
      <c r="D1319" s="484"/>
      <c r="E1319" s="483"/>
      <c r="F1319" s="482"/>
      <c r="G1319" s="481" t="s">
        <v>651</v>
      </c>
      <c r="H1319" s="476"/>
      <c r="I1319" s="476"/>
      <c r="J1319" s="476"/>
      <c r="K1319" s="476"/>
      <c r="L1319" s="475"/>
    </row>
    <row r="1320" spans="1:12" ht="16.149999999999999" customHeight="1">
      <c r="A1320" s="733" t="s">
        <v>651</v>
      </c>
      <c r="B1320" s="734"/>
      <c r="C1320" s="495"/>
      <c r="D1320" s="494"/>
      <c r="E1320" s="493"/>
      <c r="F1320" s="492"/>
      <c r="G1320" s="486" t="s">
        <v>651</v>
      </c>
      <c r="H1320" s="549"/>
      <c r="I1320" s="549"/>
      <c r="J1320" s="549"/>
      <c r="K1320" s="549"/>
      <c r="L1320" s="551"/>
    </row>
    <row r="1321" spans="1:12" ht="16.149999999999999" customHeight="1">
      <c r="A1321" s="735"/>
      <c r="B1321" s="736"/>
      <c r="C1321" s="490"/>
      <c r="D1321" s="489"/>
      <c r="E1321" s="491"/>
      <c r="F1321" s="487" t="s">
        <v>651</v>
      </c>
      <c r="G1321" s="486" t="s">
        <v>651</v>
      </c>
      <c r="H1321" s="549"/>
      <c r="I1321" s="549"/>
      <c r="J1321" s="549"/>
      <c r="K1321" s="549"/>
      <c r="L1321" s="551"/>
    </row>
    <row r="1322" spans="1:12" ht="16.149999999999999" customHeight="1">
      <c r="A1322" s="735" t="s">
        <v>681</v>
      </c>
      <c r="B1322" s="736"/>
      <c r="C1322" s="490" t="s">
        <v>240</v>
      </c>
      <c r="D1322" s="489">
        <v>1</v>
      </c>
      <c r="E1322" s="488" t="s">
        <v>618</v>
      </c>
      <c r="F1322" s="487"/>
      <c r="G1322" s="486" t="s">
        <v>651</v>
      </c>
      <c r="H1322" s="549"/>
      <c r="I1322" s="549"/>
      <c r="J1322" s="549"/>
      <c r="K1322" s="549"/>
      <c r="L1322" s="551"/>
    </row>
    <row r="1323" spans="1:12" ht="16.149999999999999" customHeight="1">
      <c r="A1323" s="737"/>
      <c r="B1323" s="738"/>
      <c r="C1323" s="485"/>
      <c r="D1323" s="484"/>
      <c r="E1323" s="483"/>
      <c r="F1323" s="482"/>
      <c r="G1323" s="481" t="s">
        <v>651</v>
      </c>
      <c r="H1323" s="476"/>
      <c r="I1323" s="476"/>
      <c r="J1323" s="476"/>
      <c r="K1323" s="476"/>
      <c r="L1323" s="475"/>
    </row>
    <row r="1331" spans="1:12" ht="16.149999999999999" customHeight="1">
      <c r="A1331" s="507" t="s">
        <v>651</v>
      </c>
      <c r="B1331" s="479" t="s">
        <v>1664</v>
      </c>
      <c r="C1331" s="480"/>
      <c r="D1331" s="479"/>
      <c r="E1331" s="479"/>
      <c r="F1331" s="479"/>
      <c r="G1331" s="479"/>
      <c r="H1331" s="479" t="s">
        <v>617</v>
      </c>
      <c r="I1331" s="480" t="s">
        <v>874</v>
      </c>
      <c r="J1331" s="479" t="s">
        <v>689</v>
      </c>
      <c r="K1331" s="479" t="s">
        <v>688</v>
      </c>
      <c r="L1331" s="506"/>
    </row>
    <row r="1332" spans="1:12" ht="16.149999999999999" customHeight="1">
      <c r="A1332" s="505" t="s">
        <v>651</v>
      </c>
      <c r="B1332" s="549" t="s">
        <v>848</v>
      </c>
      <c r="C1332" s="550"/>
      <c r="D1332" s="549"/>
      <c r="E1332" s="549"/>
      <c r="F1332" s="549"/>
      <c r="G1332" s="478"/>
      <c r="H1332" s="549"/>
      <c r="I1332" s="504"/>
      <c r="J1332" s="503" t="s">
        <v>708</v>
      </c>
      <c r="K1332" s="502" t="s">
        <v>240</v>
      </c>
      <c r="L1332" s="501" t="s">
        <v>618</v>
      </c>
    </row>
    <row r="1333" spans="1:12" ht="16.149999999999999" customHeight="1">
      <c r="A1333" s="477" t="s">
        <v>651</v>
      </c>
      <c r="B1333" s="549"/>
      <c r="C1333" s="550"/>
      <c r="D1333" s="549"/>
      <c r="E1333" s="549"/>
      <c r="F1333" s="549"/>
      <c r="G1333" s="478"/>
      <c r="H1333" s="478"/>
      <c r="I1333" s="478"/>
      <c r="J1333" s="478"/>
      <c r="K1333" s="478"/>
      <c r="L1333" s="501"/>
    </row>
    <row r="1334" spans="1:12" ht="16.149999999999999" customHeight="1">
      <c r="A1334" s="498" t="s">
        <v>686</v>
      </c>
      <c r="B1334" s="500"/>
      <c r="C1334" s="499" t="s">
        <v>309</v>
      </c>
      <c r="D1334" s="499" t="s">
        <v>685</v>
      </c>
      <c r="E1334" s="499" t="s">
        <v>684</v>
      </c>
      <c r="F1334" s="499" t="s">
        <v>683</v>
      </c>
      <c r="G1334" s="498" t="s">
        <v>682</v>
      </c>
      <c r="H1334" s="497"/>
      <c r="I1334" s="497"/>
      <c r="J1334" s="497"/>
      <c r="K1334" s="497"/>
      <c r="L1334" s="496"/>
    </row>
    <row r="1335" spans="1:12" ht="16.149999999999999" customHeight="1">
      <c r="A1335" s="733" t="s">
        <v>701</v>
      </c>
      <c r="B1335" s="734"/>
      <c r="C1335" s="495"/>
      <c r="D1335" s="494"/>
      <c r="E1335" s="493"/>
      <c r="F1335" s="492"/>
      <c r="G1335" s="486" t="s">
        <v>651</v>
      </c>
      <c r="H1335" s="549"/>
      <c r="I1335" s="549"/>
      <c r="J1335" s="549"/>
      <c r="K1335" s="549"/>
      <c r="L1335" s="551"/>
    </row>
    <row r="1336" spans="1:12" ht="16.149999999999999" customHeight="1">
      <c r="A1336" s="735"/>
      <c r="B1336" s="736"/>
      <c r="C1336" s="490"/>
      <c r="D1336" s="489"/>
      <c r="E1336" s="491"/>
      <c r="F1336" s="487" t="s">
        <v>651</v>
      </c>
      <c r="G1336" s="486" t="s">
        <v>651</v>
      </c>
      <c r="H1336" s="549"/>
      <c r="I1336" s="549"/>
      <c r="J1336" s="549"/>
      <c r="K1336" s="549"/>
      <c r="L1336" s="551"/>
    </row>
    <row r="1337" spans="1:12" ht="16.149999999999999" customHeight="1">
      <c r="A1337" s="735" t="s">
        <v>651</v>
      </c>
      <c r="B1337" s="736"/>
      <c r="C1337" s="490" t="s">
        <v>248</v>
      </c>
      <c r="D1337" s="489"/>
      <c r="E1337" s="488"/>
      <c r="F1337" s="487"/>
      <c r="G1337" s="486" t="s">
        <v>651</v>
      </c>
      <c r="H1337" s="549"/>
      <c r="I1337" s="549"/>
      <c r="J1337" s="549"/>
      <c r="K1337" s="549"/>
      <c r="L1337" s="551"/>
    </row>
    <row r="1338" spans="1:12" ht="16.149999999999999" customHeight="1">
      <c r="A1338" s="737"/>
      <c r="B1338" s="738"/>
      <c r="C1338" s="485"/>
      <c r="D1338" s="484"/>
      <c r="E1338" s="483"/>
      <c r="F1338" s="482"/>
      <c r="G1338" s="481" t="s">
        <v>651</v>
      </c>
      <c r="H1338" s="476"/>
      <c r="I1338" s="476"/>
      <c r="J1338" s="476"/>
      <c r="K1338" s="476"/>
      <c r="L1338" s="475"/>
    </row>
    <row r="1339" spans="1:12" ht="16.149999999999999" customHeight="1">
      <c r="A1339" s="733" t="s">
        <v>250</v>
      </c>
      <c r="B1339" s="734"/>
      <c r="C1339" s="495"/>
      <c r="D1339" s="494"/>
      <c r="E1339" s="493"/>
      <c r="F1339" s="492"/>
      <c r="G1339" s="486" t="s">
        <v>651</v>
      </c>
      <c r="H1339" s="549"/>
      <c r="I1339" s="549"/>
      <c r="J1339" s="549"/>
      <c r="K1339" s="549"/>
      <c r="L1339" s="551"/>
    </row>
    <row r="1340" spans="1:12" ht="16.149999999999999" customHeight="1">
      <c r="A1340" s="735"/>
      <c r="B1340" s="736"/>
      <c r="C1340" s="490"/>
      <c r="D1340" s="489"/>
      <c r="E1340" s="491"/>
      <c r="F1340" s="487" t="s">
        <v>651</v>
      </c>
      <c r="G1340" s="486" t="s">
        <v>651</v>
      </c>
      <c r="H1340" s="549"/>
      <c r="I1340" s="549"/>
      <c r="J1340" s="549"/>
      <c r="K1340" s="549"/>
      <c r="L1340" s="551"/>
    </row>
    <row r="1341" spans="1:12" ht="16.149999999999999" customHeight="1">
      <c r="A1341" s="735" t="s">
        <v>651</v>
      </c>
      <c r="B1341" s="736"/>
      <c r="C1341" s="490" t="s">
        <v>248</v>
      </c>
      <c r="D1341" s="489"/>
      <c r="E1341" s="488"/>
      <c r="F1341" s="487"/>
      <c r="G1341" s="486" t="s">
        <v>651</v>
      </c>
      <c r="H1341" s="549"/>
      <c r="I1341" s="549"/>
      <c r="J1341" s="549"/>
      <c r="K1341" s="549"/>
      <c r="L1341" s="551"/>
    </row>
    <row r="1342" spans="1:12" ht="16.149999999999999" customHeight="1">
      <c r="A1342" s="737"/>
      <c r="B1342" s="738"/>
      <c r="C1342" s="485"/>
      <c r="D1342" s="484"/>
      <c r="E1342" s="483"/>
      <c r="F1342" s="482"/>
      <c r="G1342" s="481" t="s">
        <v>651</v>
      </c>
      <c r="H1342" s="476"/>
      <c r="I1342" s="476"/>
      <c r="J1342" s="476"/>
      <c r="K1342" s="476"/>
      <c r="L1342" s="475"/>
    </row>
    <row r="1343" spans="1:12" ht="16.149999999999999" customHeight="1">
      <c r="A1343" s="733" t="s">
        <v>742</v>
      </c>
      <c r="B1343" s="734"/>
      <c r="C1343" s="495"/>
      <c r="D1343" s="494"/>
      <c r="E1343" s="493"/>
      <c r="F1343" s="492"/>
      <c r="G1343" s="486" t="s">
        <v>741</v>
      </c>
      <c r="H1343" s="549"/>
      <c r="I1343" s="549"/>
      <c r="J1343" s="549"/>
      <c r="K1343" s="549"/>
      <c r="L1343" s="551"/>
    </row>
    <row r="1344" spans="1:12" ht="16.149999999999999" customHeight="1">
      <c r="A1344" s="735"/>
      <c r="B1344" s="736"/>
      <c r="C1344" s="490"/>
      <c r="D1344" s="489"/>
      <c r="E1344" s="491"/>
      <c r="F1344" s="487" t="s">
        <v>651</v>
      </c>
      <c r="G1344" s="486" t="s">
        <v>651</v>
      </c>
      <c r="H1344" s="549"/>
      <c r="I1344" s="549"/>
      <c r="J1344" s="549"/>
      <c r="K1344" s="549"/>
      <c r="L1344" s="551"/>
    </row>
    <row r="1345" spans="1:12" ht="16.149999999999999" customHeight="1">
      <c r="A1345" s="735" t="s">
        <v>1663</v>
      </c>
      <c r="B1345" s="736"/>
      <c r="C1345" s="490" t="s">
        <v>731</v>
      </c>
      <c r="D1345" s="489"/>
      <c r="E1345" s="488"/>
      <c r="F1345" s="487"/>
      <c r="G1345" s="486" t="s">
        <v>651</v>
      </c>
      <c r="H1345" s="549"/>
      <c r="I1345" s="549"/>
      <c r="J1345" s="549"/>
      <c r="K1345" s="549"/>
      <c r="L1345" s="551"/>
    </row>
    <row r="1346" spans="1:12" ht="16.149999999999999" customHeight="1">
      <c r="A1346" s="737"/>
      <c r="B1346" s="738"/>
      <c r="C1346" s="485"/>
      <c r="D1346" s="484"/>
      <c r="E1346" s="483"/>
      <c r="F1346" s="482"/>
      <c r="G1346" s="481" t="s">
        <v>651</v>
      </c>
      <c r="H1346" s="476"/>
      <c r="I1346" s="476"/>
      <c r="J1346" s="476"/>
      <c r="K1346" s="476"/>
      <c r="L1346" s="475"/>
    </row>
    <row r="1347" spans="1:12" ht="16.149999999999999" customHeight="1">
      <c r="A1347" s="733" t="s">
        <v>651</v>
      </c>
      <c r="B1347" s="734"/>
      <c r="C1347" s="495"/>
      <c r="D1347" s="494"/>
      <c r="E1347" s="493"/>
      <c r="F1347" s="492"/>
      <c r="G1347" s="486" t="s">
        <v>651</v>
      </c>
      <c r="H1347" s="549"/>
      <c r="I1347" s="549"/>
      <c r="J1347" s="549"/>
      <c r="K1347" s="549"/>
      <c r="L1347" s="551"/>
    </row>
    <row r="1348" spans="1:12" ht="16.149999999999999" customHeight="1">
      <c r="A1348" s="735"/>
      <c r="B1348" s="736"/>
      <c r="C1348" s="490"/>
      <c r="D1348" s="489"/>
      <c r="E1348" s="491"/>
      <c r="F1348" s="487" t="s">
        <v>651</v>
      </c>
      <c r="G1348" s="486" t="s">
        <v>651</v>
      </c>
      <c r="H1348" s="549"/>
      <c r="I1348" s="549"/>
      <c r="J1348" s="549"/>
      <c r="K1348" s="549"/>
      <c r="L1348" s="551"/>
    </row>
    <row r="1349" spans="1:12" ht="16.149999999999999" customHeight="1">
      <c r="A1349" s="735" t="s">
        <v>691</v>
      </c>
      <c r="B1349" s="736"/>
      <c r="C1349" s="490" t="s">
        <v>240</v>
      </c>
      <c r="D1349" s="489">
        <v>10</v>
      </c>
      <c r="E1349" s="488"/>
      <c r="F1349" s="487"/>
      <c r="G1349" s="486" t="s">
        <v>651</v>
      </c>
      <c r="H1349" s="549"/>
      <c r="I1349" s="549"/>
      <c r="J1349" s="549"/>
      <c r="K1349" s="549"/>
      <c r="L1349" s="551"/>
    </row>
    <row r="1350" spans="1:12" ht="16.149999999999999" customHeight="1">
      <c r="A1350" s="737"/>
      <c r="B1350" s="738"/>
      <c r="C1350" s="485"/>
      <c r="D1350" s="484"/>
      <c r="E1350" s="483"/>
      <c r="F1350" s="482"/>
      <c r="G1350" s="481" t="s">
        <v>651</v>
      </c>
      <c r="H1350" s="476"/>
      <c r="I1350" s="476"/>
      <c r="J1350" s="476"/>
      <c r="K1350" s="476"/>
      <c r="L1350" s="475"/>
    </row>
    <row r="1351" spans="1:12" ht="16.149999999999999" customHeight="1">
      <c r="A1351" s="733" t="s">
        <v>651</v>
      </c>
      <c r="B1351" s="734"/>
      <c r="C1351" s="495"/>
      <c r="D1351" s="494"/>
      <c r="E1351" s="493"/>
      <c r="F1351" s="492"/>
      <c r="G1351" s="486" t="s">
        <v>651</v>
      </c>
      <c r="H1351" s="549"/>
      <c r="I1351" s="549"/>
      <c r="J1351" s="549"/>
      <c r="K1351" s="549"/>
      <c r="L1351" s="551"/>
    </row>
    <row r="1352" spans="1:12" ht="16.149999999999999" customHeight="1">
      <c r="A1352" s="735"/>
      <c r="B1352" s="736"/>
      <c r="C1352" s="490"/>
      <c r="D1352" s="489"/>
      <c r="E1352" s="491"/>
      <c r="F1352" s="487" t="s">
        <v>651</v>
      </c>
      <c r="G1352" s="486" t="s">
        <v>651</v>
      </c>
      <c r="H1352" s="549"/>
      <c r="I1352" s="549"/>
      <c r="J1352" s="549"/>
      <c r="K1352" s="549"/>
      <c r="L1352" s="551"/>
    </row>
    <row r="1353" spans="1:12" ht="16.149999999999999" customHeight="1">
      <c r="A1353" s="735" t="s">
        <v>681</v>
      </c>
      <c r="B1353" s="736"/>
      <c r="C1353" s="490" t="s">
        <v>240</v>
      </c>
      <c r="D1353" s="489">
        <v>1</v>
      </c>
      <c r="E1353" s="488" t="s">
        <v>618</v>
      </c>
      <c r="F1353" s="487"/>
      <c r="G1353" s="486" t="s">
        <v>651</v>
      </c>
      <c r="H1353" s="549"/>
      <c r="I1353" s="549"/>
      <c r="J1353" s="549"/>
      <c r="K1353" s="549"/>
      <c r="L1353" s="551"/>
    </row>
    <row r="1354" spans="1:12" ht="16.149999999999999" customHeight="1">
      <c r="A1354" s="737"/>
      <c r="B1354" s="738"/>
      <c r="C1354" s="485"/>
      <c r="D1354" s="484"/>
      <c r="E1354" s="483"/>
      <c r="F1354" s="482"/>
      <c r="G1354" s="481" t="s">
        <v>651</v>
      </c>
      <c r="H1354" s="476"/>
      <c r="I1354" s="476"/>
      <c r="J1354" s="476"/>
      <c r="K1354" s="476"/>
      <c r="L1354" s="475"/>
    </row>
    <row r="1356" spans="1:12" ht="16.149999999999999" customHeight="1">
      <c r="A1356" s="507" t="s">
        <v>651</v>
      </c>
      <c r="B1356" s="479" t="s">
        <v>768</v>
      </c>
      <c r="C1356" s="480"/>
      <c r="D1356" s="479"/>
      <c r="E1356" s="479"/>
      <c r="F1356" s="479"/>
      <c r="G1356" s="479"/>
      <c r="H1356" s="479" t="s">
        <v>617</v>
      </c>
      <c r="I1356" s="480" t="s">
        <v>872</v>
      </c>
      <c r="J1356" s="479" t="s">
        <v>689</v>
      </c>
      <c r="K1356" s="479" t="s">
        <v>688</v>
      </c>
      <c r="L1356" s="506"/>
    </row>
    <row r="1357" spans="1:12" ht="16.149999999999999" customHeight="1">
      <c r="A1357" s="505" t="s">
        <v>651</v>
      </c>
      <c r="B1357" s="549" t="s">
        <v>871</v>
      </c>
      <c r="C1357" s="550"/>
      <c r="D1357" s="549"/>
      <c r="E1357" s="549"/>
      <c r="F1357" s="549"/>
      <c r="G1357" s="478"/>
      <c r="H1357" s="549"/>
      <c r="I1357" s="504"/>
      <c r="J1357" s="503" t="s">
        <v>722</v>
      </c>
      <c r="K1357" s="502" t="s">
        <v>240</v>
      </c>
      <c r="L1357" s="501" t="s">
        <v>618</v>
      </c>
    </row>
    <row r="1358" spans="1:12" ht="16.149999999999999" customHeight="1">
      <c r="A1358" s="477" t="s">
        <v>651</v>
      </c>
      <c r="B1358" s="549"/>
      <c r="C1358" s="550"/>
      <c r="D1358" s="549"/>
      <c r="E1358" s="549"/>
      <c r="F1358" s="549"/>
      <c r="G1358" s="478"/>
      <c r="H1358" s="478"/>
      <c r="I1358" s="478"/>
      <c r="J1358" s="478"/>
      <c r="K1358" s="478"/>
      <c r="L1358" s="501"/>
    </row>
    <row r="1359" spans="1:12" ht="16.149999999999999" customHeight="1">
      <c r="A1359" s="498" t="s">
        <v>686</v>
      </c>
      <c r="B1359" s="500"/>
      <c r="C1359" s="499" t="s">
        <v>309</v>
      </c>
      <c r="D1359" s="499" t="s">
        <v>685</v>
      </c>
      <c r="E1359" s="499" t="s">
        <v>684</v>
      </c>
      <c r="F1359" s="499" t="s">
        <v>683</v>
      </c>
      <c r="G1359" s="498" t="s">
        <v>682</v>
      </c>
      <c r="H1359" s="497"/>
      <c r="I1359" s="497"/>
      <c r="J1359" s="497"/>
      <c r="K1359" s="497"/>
      <c r="L1359" s="496"/>
    </row>
    <row r="1360" spans="1:12" ht="16.149999999999999" customHeight="1">
      <c r="A1360" s="733" t="s">
        <v>701</v>
      </c>
      <c r="B1360" s="734"/>
      <c r="C1360" s="495"/>
      <c r="D1360" s="494"/>
      <c r="E1360" s="493"/>
      <c r="F1360" s="492"/>
      <c r="G1360" s="486" t="s">
        <v>651</v>
      </c>
      <c r="H1360" s="549"/>
      <c r="I1360" s="549"/>
      <c r="J1360" s="549"/>
      <c r="K1360" s="549"/>
      <c r="L1360" s="551"/>
    </row>
    <row r="1361" spans="1:12" ht="16.149999999999999" customHeight="1">
      <c r="A1361" s="735"/>
      <c r="B1361" s="736"/>
      <c r="C1361" s="490"/>
      <c r="D1361" s="489"/>
      <c r="E1361" s="491"/>
      <c r="F1361" s="487" t="s">
        <v>651</v>
      </c>
      <c r="G1361" s="486" t="s">
        <v>651</v>
      </c>
      <c r="H1361" s="549"/>
      <c r="I1361" s="549"/>
      <c r="J1361" s="549"/>
      <c r="K1361" s="549"/>
      <c r="L1361" s="551"/>
    </row>
    <row r="1362" spans="1:12" ht="16.149999999999999" customHeight="1">
      <c r="A1362" s="735" t="s">
        <v>651</v>
      </c>
      <c r="B1362" s="736"/>
      <c r="C1362" s="490" t="s">
        <v>248</v>
      </c>
      <c r="D1362" s="489"/>
      <c r="E1362" s="488"/>
      <c r="F1362" s="487"/>
      <c r="G1362" s="486" t="s">
        <v>651</v>
      </c>
      <c r="H1362" s="549"/>
      <c r="I1362" s="549"/>
      <c r="J1362" s="549"/>
      <c r="K1362" s="549"/>
      <c r="L1362" s="551"/>
    </row>
    <row r="1363" spans="1:12" ht="16.149999999999999" customHeight="1">
      <c r="A1363" s="737"/>
      <c r="B1363" s="738"/>
      <c r="C1363" s="485"/>
      <c r="D1363" s="484"/>
      <c r="E1363" s="483"/>
      <c r="F1363" s="482"/>
      <c r="G1363" s="481" t="s">
        <v>651</v>
      </c>
      <c r="H1363" s="476"/>
      <c r="I1363" s="476"/>
      <c r="J1363" s="476"/>
      <c r="K1363" s="476"/>
      <c r="L1363" s="475"/>
    </row>
    <row r="1366" spans="1:12" ht="16.149999999999999" customHeight="1">
      <c r="A1366" s="507" t="s">
        <v>651</v>
      </c>
      <c r="B1366" s="479" t="s">
        <v>768</v>
      </c>
      <c r="C1366" s="480"/>
      <c r="D1366" s="479"/>
      <c r="E1366" s="479"/>
      <c r="F1366" s="479"/>
      <c r="G1366" s="479"/>
      <c r="H1366" s="479" t="s">
        <v>617</v>
      </c>
      <c r="I1366" s="480" t="s">
        <v>872</v>
      </c>
      <c r="J1366" s="479" t="s">
        <v>689</v>
      </c>
      <c r="K1366" s="479" t="s">
        <v>688</v>
      </c>
      <c r="L1366" s="506"/>
    </row>
    <row r="1367" spans="1:12" ht="16.149999999999999" customHeight="1">
      <c r="A1367" s="505" t="s">
        <v>651</v>
      </c>
      <c r="B1367" s="549" t="s">
        <v>871</v>
      </c>
      <c r="C1367" s="550"/>
      <c r="D1367" s="549"/>
      <c r="E1367" s="549"/>
      <c r="F1367" s="549"/>
      <c r="G1367" s="478"/>
      <c r="H1367" s="549"/>
      <c r="I1367" s="504"/>
      <c r="J1367" s="503" t="s">
        <v>722</v>
      </c>
      <c r="K1367" s="502" t="s">
        <v>240</v>
      </c>
      <c r="L1367" s="501" t="s">
        <v>618</v>
      </c>
    </row>
    <row r="1368" spans="1:12" ht="16.149999999999999" customHeight="1">
      <c r="A1368" s="477" t="s">
        <v>651</v>
      </c>
      <c r="B1368" s="549"/>
      <c r="C1368" s="550"/>
      <c r="D1368" s="549"/>
      <c r="E1368" s="549"/>
      <c r="F1368" s="549"/>
      <c r="G1368" s="478"/>
      <c r="H1368" s="478"/>
      <c r="I1368" s="478"/>
      <c r="J1368" s="478"/>
      <c r="K1368" s="478"/>
      <c r="L1368" s="501"/>
    </row>
    <row r="1369" spans="1:12" ht="16.149999999999999" customHeight="1">
      <c r="A1369" s="498" t="s">
        <v>686</v>
      </c>
      <c r="B1369" s="500"/>
      <c r="C1369" s="499" t="s">
        <v>309</v>
      </c>
      <c r="D1369" s="499" t="s">
        <v>685</v>
      </c>
      <c r="E1369" s="499" t="s">
        <v>684</v>
      </c>
      <c r="F1369" s="499" t="s">
        <v>683</v>
      </c>
      <c r="G1369" s="498" t="s">
        <v>682</v>
      </c>
      <c r="H1369" s="497"/>
      <c r="I1369" s="497"/>
      <c r="J1369" s="497"/>
      <c r="K1369" s="497"/>
      <c r="L1369" s="496"/>
    </row>
    <row r="1370" spans="1:12" ht="16.149999999999999" customHeight="1">
      <c r="A1370" s="733" t="s">
        <v>250</v>
      </c>
      <c r="B1370" s="734"/>
      <c r="C1370" s="495"/>
      <c r="D1370" s="494"/>
      <c r="E1370" s="493"/>
      <c r="F1370" s="492"/>
      <c r="G1370" s="486" t="s">
        <v>651</v>
      </c>
      <c r="H1370" s="549"/>
      <c r="I1370" s="549"/>
      <c r="J1370" s="549"/>
      <c r="K1370" s="549"/>
      <c r="L1370" s="551"/>
    </row>
    <row r="1371" spans="1:12" ht="16.149999999999999" customHeight="1">
      <c r="A1371" s="735"/>
      <c r="B1371" s="736"/>
      <c r="C1371" s="490"/>
      <c r="D1371" s="489"/>
      <c r="E1371" s="491"/>
      <c r="F1371" s="487" t="s">
        <v>651</v>
      </c>
      <c r="G1371" s="486" t="s">
        <v>651</v>
      </c>
      <c r="H1371" s="549"/>
      <c r="I1371" s="549"/>
      <c r="J1371" s="549"/>
      <c r="K1371" s="549"/>
      <c r="L1371" s="551"/>
    </row>
    <row r="1372" spans="1:12" ht="16.149999999999999" customHeight="1">
      <c r="A1372" s="735" t="s">
        <v>651</v>
      </c>
      <c r="B1372" s="736"/>
      <c r="C1372" s="490" t="s">
        <v>248</v>
      </c>
      <c r="D1372" s="489"/>
      <c r="E1372" s="488"/>
      <c r="F1372" s="487"/>
      <c r="G1372" s="486" t="s">
        <v>651</v>
      </c>
      <c r="H1372" s="549"/>
      <c r="I1372" s="549"/>
      <c r="J1372" s="549"/>
      <c r="K1372" s="549"/>
      <c r="L1372" s="551"/>
    </row>
    <row r="1373" spans="1:12" ht="16.149999999999999" customHeight="1">
      <c r="A1373" s="737"/>
      <c r="B1373" s="738"/>
      <c r="C1373" s="485"/>
      <c r="D1373" s="484"/>
      <c r="E1373" s="483"/>
      <c r="F1373" s="482"/>
      <c r="G1373" s="481" t="s">
        <v>651</v>
      </c>
      <c r="H1373" s="476"/>
      <c r="I1373" s="476"/>
      <c r="J1373" s="476"/>
      <c r="K1373" s="476"/>
      <c r="L1373" s="475"/>
    </row>
    <row r="1374" spans="1:12" ht="16.149999999999999" customHeight="1">
      <c r="A1374" s="733" t="s">
        <v>771</v>
      </c>
      <c r="B1374" s="734"/>
      <c r="C1374" s="495"/>
      <c r="D1374" s="494"/>
      <c r="E1374" s="493"/>
      <c r="F1374" s="492"/>
      <c r="G1374" s="486" t="s">
        <v>651</v>
      </c>
      <c r="H1374" s="549"/>
      <c r="I1374" s="549"/>
      <c r="J1374" s="549"/>
      <c r="K1374" s="549"/>
      <c r="L1374" s="551"/>
    </row>
    <row r="1375" spans="1:12" ht="16.149999999999999" customHeight="1">
      <c r="A1375" s="735"/>
      <c r="B1375" s="736"/>
      <c r="C1375" s="490"/>
      <c r="D1375" s="489"/>
      <c r="E1375" s="491"/>
      <c r="F1375" s="487" t="s">
        <v>651</v>
      </c>
      <c r="G1375" s="486" t="s">
        <v>651</v>
      </c>
      <c r="H1375" s="549"/>
      <c r="I1375" s="549"/>
      <c r="J1375" s="549"/>
      <c r="K1375" s="549"/>
      <c r="L1375" s="551"/>
    </row>
    <row r="1376" spans="1:12" ht="16.149999999999999" customHeight="1">
      <c r="A1376" s="735" t="s">
        <v>873</v>
      </c>
      <c r="B1376" s="736"/>
      <c r="C1376" s="490" t="s">
        <v>240</v>
      </c>
      <c r="D1376" s="489">
        <v>116.667</v>
      </c>
      <c r="E1376" s="488"/>
      <c r="F1376" s="487"/>
      <c r="G1376" s="486" t="s">
        <v>651</v>
      </c>
      <c r="H1376" s="549"/>
      <c r="I1376" s="549"/>
      <c r="J1376" s="549"/>
      <c r="K1376" s="549"/>
      <c r="L1376" s="551"/>
    </row>
    <row r="1377" spans="1:12" ht="16.149999999999999" customHeight="1">
      <c r="A1377" s="737"/>
      <c r="B1377" s="738"/>
      <c r="C1377" s="485"/>
      <c r="D1377" s="484"/>
      <c r="E1377" s="483"/>
      <c r="F1377" s="482"/>
      <c r="G1377" s="481" t="s">
        <v>651</v>
      </c>
      <c r="H1377" s="476"/>
      <c r="I1377" s="476"/>
      <c r="J1377" s="476"/>
      <c r="K1377" s="476"/>
      <c r="L1377" s="475"/>
    </row>
    <row r="1378" spans="1:12" ht="16.149999999999999" customHeight="1">
      <c r="A1378" s="733" t="s">
        <v>769</v>
      </c>
      <c r="B1378" s="734"/>
      <c r="C1378" s="495"/>
      <c r="D1378" s="494"/>
      <c r="E1378" s="493"/>
      <c r="F1378" s="492"/>
      <c r="G1378" s="486" t="s">
        <v>651</v>
      </c>
      <c r="H1378" s="549"/>
      <c r="I1378" s="549"/>
      <c r="J1378" s="549"/>
      <c r="K1378" s="549"/>
      <c r="L1378" s="551"/>
    </row>
    <row r="1379" spans="1:12" ht="16.149999999999999" customHeight="1">
      <c r="A1379" s="735"/>
      <c r="B1379" s="736"/>
      <c r="C1379" s="490"/>
      <c r="D1379" s="489"/>
      <c r="E1379" s="491"/>
      <c r="F1379" s="487" t="s">
        <v>651</v>
      </c>
      <c r="G1379" s="486" t="s">
        <v>651</v>
      </c>
      <c r="H1379" s="549"/>
      <c r="I1379" s="549"/>
      <c r="J1379" s="549"/>
      <c r="K1379" s="549"/>
      <c r="L1379" s="551"/>
    </row>
    <row r="1380" spans="1:12" ht="16.149999999999999" customHeight="1">
      <c r="A1380" s="735" t="s">
        <v>871</v>
      </c>
      <c r="B1380" s="736"/>
      <c r="C1380" s="490" t="s">
        <v>237</v>
      </c>
      <c r="D1380" s="489">
        <v>150</v>
      </c>
      <c r="E1380" s="488"/>
      <c r="F1380" s="487"/>
      <c r="G1380" s="486" t="s">
        <v>651</v>
      </c>
      <c r="H1380" s="549"/>
      <c r="I1380" s="549"/>
      <c r="J1380" s="549"/>
      <c r="K1380" s="549"/>
      <c r="L1380" s="551"/>
    </row>
    <row r="1381" spans="1:12" ht="16.149999999999999" customHeight="1">
      <c r="A1381" s="737"/>
      <c r="B1381" s="738"/>
      <c r="C1381" s="485"/>
      <c r="D1381" s="484"/>
      <c r="E1381" s="483"/>
      <c r="F1381" s="482"/>
      <c r="G1381" s="481" t="s">
        <v>651</v>
      </c>
      <c r="H1381" s="476"/>
      <c r="I1381" s="476"/>
      <c r="J1381" s="476"/>
      <c r="K1381" s="476"/>
      <c r="L1381" s="475"/>
    </row>
    <row r="1382" spans="1:12" ht="16.149999999999999" customHeight="1">
      <c r="A1382" s="733" t="s">
        <v>651</v>
      </c>
      <c r="B1382" s="734"/>
      <c r="C1382" s="495"/>
      <c r="D1382" s="494"/>
      <c r="E1382" s="493"/>
      <c r="F1382" s="492"/>
      <c r="G1382" s="486" t="s">
        <v>651</v>
      </c>
      <c r="H1382" s="549"/>
      <c r="I1382" s="549"/>
      <c r="J1382" s="549"/>
      <c r="K1382" s="549"/>
      <c r="L1382" s="551"/>
    </row>
    <row r="1383" spans="1:12" ht="16.149999999999999" customHeight="1">
      <c r="A1383" s="735"/>
      <c r="B1383" s="736"/>
      <c r="C1383" s="490"/>
      <c r="D1383" s="489"/>
      <c r="E1383" s="491"/>
      <c r="F1383" s="487" t="s">
        <v>651</v>
      </c>
      <c r="G1383" s="486" t="s">
        <v>651</v>
      </c>
      <c r="H1383" s="549"/>
      <c r="I1383" s="549"/>
      <c r="J1383" s="549"/>
      <c r="K1383" s="549"/>
      <c r="L1383" s="551"/>
    </row>
    <row r="1384" spans="1:12" ht="16.149999999999999" customHeight="1">
      <c r="A1384" s="735" t="s">
        <v>691</v>
      </c>
      <c r="B1384" s="736"/>
      <c r="C1384" s="490" t="s">
        <v>240</v>
      </c>
      <c r="D1384" s="489">
        <v>100</v>
      </c>
      <c r="E1384" s="488"/>
      <c r="F1384" s="487"/>
      <c r="G1384" s="486" t="s">
        <v>651</v>
      </c>
      <c r="H1384" s="549"/>
      <c r="I1384" s="549"/>
      <c r="J1384" s="549"/>
      <c r="K1384" s="549"/>
      <c r="L1384" s="551"/>
    </row>
    <row r="1385" spans="1:12" ht="16.149999999999999" customHeight="1">
      <c r="A1385" s="737"/>
      <c r="B1385" s="738"/>
      <c r="C1385" s="485"/>
      <c r="D1385" s="484"/>
      <c r="E1385" s="483"/>
      <c r="F1385" s="482"/>
      <c r="G1385" s="481" t="s">
        <v>651</v>
      </c>
      <c r="H1385" s="476"/>
      <c r="I1385" s="476"/>
      <c r="J1385" s="476"/>
      <c r="K1385" s="476"/>
      <c r="L1385" s="475"/>
    </row>
    <row r="1386" spans="1:12" ht="16.149999999999999" customHeight="1">
      <c r="A1386" s="733" t="s">
        <v>651</v>
      </c>
      <c r="B1386" s="734"/>
      <c r="C1386" s="495"/>
      <c r="D1386" s="494"/>
      <c r="E1386" s="493"/>
      <c r="F1386" s="492"/>
      <c r="G1386" s="486" t="s">
        <v>651</v>
      </c>
      <c r="H1386" s="549"/>
      <c r="I1386" s="549"/>
      <c r="J1386" s="549"/>
      <c r="K1386" s="549"/>
      <c r="L1386" s="551"/>
    </row>
    <row r="1387" spans="1:12" ht="16.149999999999999" customHeight="1">
      <c r="A1387" s="735"/>
      <c r="B1387" s="736"/>
      <c r="C1387" s="490"/>
      <c r="D1387" s="489"/>
      <c r="E1387" s="491"/>
      <c r="F1387" s="487" t="s">
        <v>651</v>
      </c>
      <c r="G1387" s="486" t="s">
        <v>651</v>
      </c>
      <c r="H1387" s="549"/>
      <c r="I1387" s="549"/>
      <c r="J1387" s="549"/>
      <c r="K1387" s="549"/>
      <c r="L1387" s="551"/>
    </row>
    <row r="1388" spans="1:12" ht="16.149999999999999" customHeight="1">
      <c r="A1388" s="735" t="s">
        <v>681</v>
      </c>
      <c r="B1388" s="736"/>
      <c r="C1388" s="490" t="s">
        <v>240</v>
      </c>
      <c r="D1388" s="489">
        <v>1</v>
      </c>
      <c r="E1388" s="488" t="s">
        <v>618</v>
      </c>
      <c r="F1388" s="487"/>
      <c r="G1388" s="486" t="s">
        <v>651</v>
      </c>
      <c r="H1388" s="549"/>
      <c r="I1388" s="549"/>
      <c r="J1388" s="549"/>
      <c r="K1388" s="549"/>
      <c r="L1388" s="551"/>
    </row>
    <row r="1389" spans="1:12" ht="16.149999999999999" customHeight="1">
      <c r="A1389" s="737"/>
      <c r="B1389" s="738"/>
      <c r="C1389" s="485"/>
      <c r="D1389" s="484"/>
      <c r="E1389" s="483"/>
      <c r="F1389" s="482"/>
      <c r="G1389" s="481" t="s">
        <v>651</v>
      </c>
      <c r="H1389" s="476"/>
      <c r="I1389" s="476"/>
      <c r="J1389" s="476"/>
      <c r="K1389" s="476"/>
      <c r="L1389" s="475"/>
    </row>
    <row r="1391" spans="1:12" ht="16.149999999999999" customHeight="1">
      <c r="A1391" s="507" t="s">
        <v>651</v>
      </c>
      <c r="B1391" s="479" t="s">
        <v>764</v>
      </c>
      <c r="C1391" s="480"/>
      <c r="D1391" s="479"/>
      <c r="E1391" s="479"/>
      <c r="F1391" s="479"/>
      <c r="G1391" s="479"/>
      <c r="H1391" s="479" t="s">
        <v>617</v>
      </c>
      <c r="I1391" s="480" t="s">
        <v>870</v>
      </c>
      <c r="J1391" s="479" t="s">
        <v>689</v>
      </c>
      <c r="K1391" s="479" t="s">
        <v>688</v>
      </c>
      <c r="L1391" s="506"/>
    </row>
    <row r="1392" spans="1:12" ht="16.149999999999999" customHeight="1">
      <c r="A1392" s="505" t="s">
        <v>651</v>
      </c>
      <c r="B1392" s="549" t="s">
        <v>869</v>
      </c>
      <c r="C1392" s="550"/>
      <c r="D1392" s="549"/>
      <c r="E1392" s="549"/>
      <c r="F1392" s="549"/>
      <c r="G1392" s="478"/>
      <c r="H1392" s="549"/>
      <c r="I1392" s="504"/>
      <c r="J1392" s="503" t="s">
        <v>687</v>
      </c>
      <c r="K1392" s="502" t="s">
        <v>697</v>
      </c>
      <c r="L1392" s="501" t="s">
        <v>618</v>
      </c>
    </row>
    <row r="1393" spans="1:12" ht="16.149999999999999" customHeight="1">
      <c r="A1393" s="477" t="s">
        <v>651</v>
      </c>
      <c r="B1393" s="549"/>
      <c r="C1393" s="550"/>
      <c r="D1393" s="549"/>
      <c r="E1393" s="549"/>
      <c r="F1393" s="549"/>
      <c r="G1393" s="478"/>
      <c r="H1393" s="478"/>
      <c r="I1393" s="478"/>
      <c r="J1393" s="478"/>
      <c r="K1393" s="478"/>
      <c r="L1393" s="501"/>
    </row>
    <row r="1394" spans="1:12" ht="16.149999999999999" customHeight="1">
      <c r="A1394" s="498" t="s">
        <v>686</v>
      </c>
      <c r="B1394" s="500"/>
      <c r="C1394" s="499" t="s">
        <v>309</v>
      </c>
      <c r="D1394" s="499" t="s">
        <v>685</v>
      </c>
      <c r="E1394" s="499" t="s">
        <v>684</v>
      </c>
      <c r="F1394" s="499" t="s">
        <v>683</v>
      </c>
      <c r="G1394" s="498" t="s">
        <v>682</v>
      </c>
      <c r="H1394" s="497"/>
      <c r="I1394" s="497"/>
      <c r="J1394" s="497"/>
      <c r="K1394" s="497"/>
      <c r="L1394" s="496"/>
    </row>
    <row r="1395" spans="1:12" ht="16.149999999999999" customHeight="1">
      <c r="A1395" s="733" t="s">
        <v>701</v>
      </c>
      <c r="B1395" s="734"/>
      <c r="C1395" s="495"/>
      <c r="D1395" s="494"/>
      <c r="E1395" s="493"/>
      <c r="F1395" s="492"/>
      <c r="G1395" s="486" t="s">
        <v>651</v>
      </c>
      <c r="H1395" s="549"/>
      <c r="I1395" s="549"/>
      <c r="J1395" s="549"/>
      <c r="K1395" s="549"/>
      <c r="L1395" s="551"/>
    </row>
    <row r="1396" spans="1:12" ht="16.149999999999999" customHeight="1">
      <c r="A1396" s="735"/>
      <c r="B1396" s="736"/>
      <c r="C1396" s="490"/>
      <c r="D1396" s="489"/>
      <c r="E1396" s="491"/>
      <c r="F1396" s="487" t="s">
        <v>651</v>
      </c>
      <c r="G1396" s="486" t="s">
        <v>651</v>
      </c>
      <c r="H1396" s="549"/>
      <c r="I1396" s="549"/>
      <c r="J1396" s="549"/>
      <c r="K1396" s="549"/>
      <c r="L1396" s="551"/>
    </row>
    <row r="1397" spans="1:12" ht="16.149999999999999" customHeight="1">
      <c r="A1397" s="735" t="s">
        <v>651</v>
      </c>
      <c r="B1397" s="736"/>
      <c r="C1397" s="490" t="s">
        <v>248</v>
      </c>
      <c r="D1397" s="489"/>
      <c r="E1397" s="488"/>
      <c r="F1397" s="487"/>
      <c r="G1397" s="486" t="s">
        <v>651</v>
      </c>
      <c r="H1397" s="549"/>
      <c r="I1397" s="549"/>
      <c r="J1397" s="549"/>
      <c r="K1397" s="549"/>
      <c r="L1397" s="551"/>
    </row>
    <row r="1398" spans="1:12" ht="16.149999999999999" customHeight="1">
      <c r="A1398" s="737"/>
      <c r="B1398" s="738"/>
      <c r="C1398" s="485"/>
      <c r="D1398" s="484"/>
      <c r="E1398" s="483"/>
      <c r="F1398" s="482"/>
      <c r="G1398" s="481" t="s">
        <v>651</v>
      </c>
      <c r="H1398" s="476"/>
      <c r="I1398" s="476"/>
      <c r="J1398" s="476"/>
      <c r="K1398" s="476"/>
      <c r="L1398" s="475"/>
    </row>
    <row r="1401" spans="1:12" ht="16.149999999999999" customHeight="1">
      <c r="A1401" s="507" t="s">
        <v>651</v>
      </c>
      <c r="B1401" s="479" t="s">
        <v>764</v>
      </c>
      <c r="C1401" s="480"/>
      <c r="D1401" s="479"/>
      <c r="E1401" s="479"/>
      <c r="F1401" s="479"/>
      <c r="G1401" s="479"/>
      <c r="H1401" s="479" t="s">
        <v>617</v>
      </c>
      <c r="I1401" s="480" t="s">
        <v>870</v>
      </c>
      <c r="J1401" s="479" t="s">
        <v>689</v>
      </c>
      <c r="K1401" s="479" t="s">
        <v>688</v>
      </c>
      <c r="L1401" s="506"/>
    </row>
    <row r="1402" spans="1:12" ht="16.149999999999999" customHeight="1">
      <c r="A1402" s="505" t="s">
        <v>651</v>
      </c>
      <c r="B1402" s="549" t="s">
        <v>869</v>
      </c>
      <c r="C1402" s="550"/>
      <c r="D1402" s="549"/>
      <c r="E1402" s="549"/>
      <c r="F1402" s="549"/>
      <c r="G1402" s="478"/>
      <c r="H1402" s="549"/>
      <c r="I1402" s="504"/>
      <c r="J1402" s="503" t="s">
        <v>687</v>
      </c>
      <c r="K1402" s="502" t="s">
        <v>697</v>
      </c>
      <c r="L1402" s="501" t="s">
        <v>618</v>
      </c>
    </row>
    <row r="1403" spans="1:12" ht="16.149999999999999" customHeight="1">
      <c r="A1403" s="477" t="s">
        <v>651</v>
      </c>
      <c r="B1403" s="549"/>
      <c r="C1403" s="550"/>
      <c r="D1403" s="549"/>
      <c r="E1403" s="549"/>
      <c r="F1403" s="549"/>
      <c r="G1403" s="478"/>
      <c r="H1403" s="478"/>
      <c r="I1403" s="478"/>
      <c r="J1403" s="478"/>
      <c r="K1403" s="478"/>
      <c r="L1403" s="501"/>
    </row>
    <row r="1404" spans="1:12" ht="16.149999999999999" customHeight="1">
      <c r="A1404" s="498" t="s">
        <v>686</v>
      </c>
      <c r="B1404" s="500"/>
      <c r="C1404" s="499" t="s">
        <v>309</v>
      </c>
      <c r="D1404" s="499" t="s">
        <v>685</v>
      </c>
      <c r="E1404" s="499" t="s">
        <v>684</v>
      </c>
      <c r="F1404" s="499" t="s">
        <v>683</v>
      </c>
      <c r="G1404" s="498" t="s">
        <v>682</v>
      </c>
      <c r="H1404" s="497"/>
      <c r="I1404" s="497"/>
      <c r="J1404" s="497"/>
      <c r="K1404" s="497"/>
      <c r="L1404" s="496"/>
    </row>
    <row r="1405" spans="1:12" ht="16.149999999999999" customHeight="1">
      <c r="A1405" s="733" t="s">
        <v>250</v>
      </c>
      <c r="B1405" s="734"/>
      <c r="C1405" s="495"/>
      <c r="D1405" s="494"/>
      <c r="E1405" s="493"/>
      <c r="F1405" s="492"/>
      <c r="G1405" s="486" t="s">
        <v>651</v>
      </c>
      <c r="H1405" s="549"/>
      <c r="I1405" s="549"/>
      <c r="J1405" s="549"/>
      <c r="K1405" s="549"/>
      <c r="L1405" s="551"/>
    </row>
    <row r="1406" spans="1:12" ht="16.149999999999999" customHeight="1">
      <c r="A1406" s="735"/>
      <c r="B1406" s="736"/>
      <c r="C1406" s="490"/>
      <c r="D1406" s="489"/>
      <c r="E1406" s="491"/>
      <c r="F1406" s="487" t="s">
        <v>651</v>
      </c>
      <c r="G1406" s="486" t="s">
        <v>651</v>
      </c>
      <c r="H1406" s="549"/>
      <c r="I1406" s="549"/>
      <c r="J1406" s="549"/>
      <c r="K1406" s="549"/>
      <c r="L1406" s="551"/>
    </row>
    <row r="1407" spans="1:12" ht="16.149999999999999" customHeight="1">
      <c r="A1407" s="735" t="s">
        <v>651</v>
      </c>
      <c r="B1407" s="736"/>
      <c r="C1407" s="490" t="s">
        <v>248</v>
      </c>
      <c r="D1407" s="489"/>
      <c r="E1407" s="488"/>
      <c r="F1407" s="487"/>
      <c r="G1407" s="486" t="s">
        <v>651</v>
      </c>
      <c r="H1407" s="549"/>
      <c r="I1407" s="549"/>
      <c r="J1407" s="549"/>
      <c r="K1407" s="549"/>
      <c r="L1407" s="551"/>
    </row>
    <row r="1408" spans="1:12" ht="16.149999999999999" customHeight="1">
      <c r="A1408" s="737"/>
      <c r="B1408" s="738"/>
      <c r="C1408" s="485"/>
      <c r="D1408" s="484"/>
      <c r="E1408" s="483"/>
      <c r="F1408" s="482"/>
      <c r="G1408" s="481" t="s">
        <v>651</v>
      </c>
      <c r="H1408" s="476"/>
      <c r="I1408" s="476"/>
      <c r="J1408" s="476"/>
      <c r="K1408" s="476"/>
      <c r="L1408" s="475"/>
    </row>
    <row r="1409" spans="1:12" ht="16.149999999999999" customHeight="1">
      <c r="A1409" s="733" t="s">
        <v>700</v>
      </c>
      <c r="B1409" s="734"/>
      <c r="C1409" s="495"/>
      <c r="D1409" s="494"/>
      <c r="E1409" s="493"/>
      <c r="F1409" s="492"/>
      <c r="G1409" s="486" t="s">
        <v>651</v>
      </c>
      <c r="H1409" s="549"/>
      <c r="I1409" s="549"/>
      <c r="J1409" s="549"/>
      <c r="K1409" s="549"/>
      <c r="L1409" s="551"/>
    </row>
    <row r="1410" spans="1:12" ht="16.149999999999999" customHeight="1">
      <c r="A1410" s="735"/>
      <c r="B1410" s="736"/>
      <c r="C1410" s="490"/>
      <c r="D1410" s="489"/>
      <c r="E1410" s="491"/>
      <c r="F1410" s="487" t="s">
        <v>651</v>
      </c>
      <c r="G1410" s="486" t="s">
        <v>651</v>
      </c>
      <c r="H1410" s="549"/>
      <c r="I1410" s="549"/>
      <c r="J1410" s="549"/>
      <c r="K1410" s="549"/>
      <c r="L1410" s="551"/>
    </row>
    <row r="1411" spans="1:12" ht="16.149999999999999" customHeight="1">
      <c r="A1411" s="735" t="s">
        <v>651</v>
      </c>
      <c r="B1411" s="736"/>
      <c r="C1411" s="490" t="s">
        <v>242</v>
      </c>
      <c r="D1411" s="489">
        <v>1</v>
      </c>
      <c r="E1411" s="488"/>
      <c r="F1411" s="487"/>
      <c r="G1411" s="486" t="s">
        <v>651</v>
      </c>
      <c r="H1411" s="549"/>
      <c r="I1411" s="549"/>
      <c r="J1411" s="549"/>
      <c r="K1411" s="549"/>
      <c r="L1411" s="551"/>
    </row>
    <row r="1412" spans="1:12" ht="16.149999999999999" customHeight="1">
      <c r="A1412" s="737"/>
      <c r="B1412" s="738"/>
      <c r="C1412" s="485"/>
      <c r="D1412" s="484"/>
      <c r="E1412" s="483"/>
      <c r="F1412" s="482"/>
      <c r="G1412" s="481" t="s">
        <v>651</v>
      </c>
      <c r="H1412" s="476"/>
      <c r="I1412" s="476"/>
      <c r="J1412" s="476"/>
      <c r="K1412" s="476"/>
      <c r="L1412" s="475"/>
    </row>
    <row r="1413" spans="1:12" ht="16.149999999999999" customHeight="1">
      <c r="A1413" s="733" t="s">
        <v>651</v>
      </c>
      <c r="B1413" s="734"/>
      <c r="C1413" s="495"/>
      <c r="D1413" s="494"/>
      <c r="E1413" s="493"/>
      <c r="F1413" s="492"/>
      <c r="G1413" s="486" t="s">
        <v>651</v>
      </c>
      <c r="H1413" s="549"/>
      <c r="I1413" s="549"/>
      <c r="J1413" s="549"/>
      <c r="K1413" s="549"/>
      <c r="L1413" s="551"/>
    </row>
    <row r="1414" spans="1:12" ht="16.149999999999999" customHeight="1">
      <c r="A1414" s="735"/>
      <c r="B1414" s="736"/>
      <c r="C1414" s="490"/>
      <c r="D1414" s="489"/>
      <c r="E1414" s="491"/>
      <c r="F1414" s="487" t="s">
        <v>651</v>
      </c>
      <c r="G1414" s="486" t="s">
        <v>651</v>
      </c>
      <c r="H1414" s="549"/>
      <c r="I1414" s="549"/>
      <c r="J1414" s="549"/>
      <c r="K1414" s="549"/>
      <c r="L1414" s="551"/>
    </row>
    <row r="1415" spans="1:12" ht="16.149999999999999" customHeight="1">
      <c r="A1415" s="735" t="s">
        <v>691</v>
      </c>
      <c r="B1415" s="736"/>
      <c r="C1415" s="490" t="s">
        <v>697</v>
      </c>
      <c r="D1415" s="489">
        <v>1</v>
      </c>
      <c r="E1415" s="488"/>
      <c r="F1415" s="487"/>
      <c r="G1415" s="486" t="s">
        <v>651</v>
      </c>
      <c r="H1415" s="549"/>
      <c r="I1415" s="549"/>
      <c r="J1415" s="549"/>
      <c r="K1415" s="549"/>
      <c r="L1415" s="551"/>
    </row>
    <row r="1416" spans="1:12" ht="16.149999999999999" customHeight="1">
      <c r="A1416" s="737"/>
      <c r="B1416" s="738"/>
      <c r="C1416" s="485"/>
      <c r="D1416" s="484"/>
      <c r="E1416" s="483"/>
      <c r="F1416" s="482"/>
      <c r="G1416" s="481" t="s">
        <v>651</v>
      </c>
      <c r="H1416" s="476"/>
      <c r="I1416" s="476"/>
      <c r="J1416" s="476"/>
      <c r="K1416" s="476"/>
      <c r="L1416" s="475"/>
    </row>
    <row r="1417" spans="1:12" ht="16.149999999999999" customHeight="1">
      <c r="A1417" s="733" t="s">
        <v>651</v>
      </c>
      <c r="B1417" s="734"/>
      <c r="C1417" s="495"/>
      <c r="D1417" s="494"/>
      <c r="E1417" s="493"/>
      <c r="F1417" s="492"/>
      <c r="G1417" s="486" t="s">
        <v>651</v>
      </c>
      <c r="H1417" s="549"/>
      <c r="I1417" s="549"/>
      <c r="J1417" s="549"/>
      <c r="K1417" s="549"/>
      <c r="L1417" s="551"/>
    </row>
    <row r="1418" spans="1:12" ht="16.149999999999999" customHeight="1">
      <c r="A1418" s="735"/>
      <c r="B1418" s="736"/>
      <c r="C1418" s="490"/>
      <c r="D1418" s="489"/>
      <c r="E1418" s="491"/>
      <c r="F1418" s="487" t="s">
        <v>651</v>
      </c>
      <c r="G1418" s="486" t="s">
        <v>651</v>
      </c>
      <c r="H1418" s="549"/>
      <c r="I1418" s="549"/>
      <c r="J1418" s="549"/>
      <c r="K1418" s="549"/>
      <c r="L1418" s="551"/>
    </row>
    <row r="1419" spans="1:12" ht="16.149999999999999" customHeight="1">
      <c r="A1419" s="735" t="s">
        <v>681</v>
      </c>
      <c r="B1419" s="736"/>
      <c r="C1419" s="490" t="s">
        <v>697</v>
      </c>
      <c r="D1419" s="489">
        <v>1</v>
      </c>
      <c r="E1419" s="488" t="s">
        <v>618</v>
      </c>
      <c r="F1419" s="487"/>
      <c r="G1419" s="486" t="s">
        <v>651</v>
      </c>
      <c r="H1419" s="549"/>
      <c r="I1419" s="549"/>
      <c r="J1419" s="549"/>
      <c r="K1419" s="549"/>
      <c r="L1419" s="551"/>
    </row>
    <row r="1420" spans="1:12" ht="16.149999999999999" customHeight="1">
      <c r="A1420" s="737"/>
      <c r="B1420" s="738"/>
      <c r="C1420" s="485"/>
      <c r="D1420" s="484"/>
      <c r="E1420" s="483"/>
      <c r="F1420" s="482"/>
      <c r="G1420" s="481" t="s">
        <v>651</v>
      </c>
      <c r="H1420" s="476"/>
      <c r="I1420" s="476"/>
      <c r="J1420" s="476"/>
      <c r="K1420" s="476"/>
      <c r="L1420" s="475"/>
    </row>
    <row r="1422" spans="1:12" ht="16.149999999999999" customHeight="1">
      <c r="A1422" s="507" t="s">
        <v>651</v>
      </c>
      <c r="B1422" s="479" t="s">
        <v>841</v>
      </c>
      <c r="C1422" s="480"/>
      <c r="D1422" s="479"/>
      <c r="E1422" s="479"/>
      <c r="F1422" s="479"/>
      <c r="G1422" s="479"/>
      <c r="H1422" s="479" t="s">
        <v>617</v>
      </c>
      <c r="I1422" s="480" t="s">
        <v>868</v>
      </c>
      <c r="J1422" s="479" t="s">
        <v>689</v>
      </c>
      <c r="K1422" s="479" t="s">
        <v>688</v>
      </c>
      <c r="L1422" s="506"/>
    </row>
    <row r="1423" spans="1:12" ht="16.149999999999999" customHeight="1">
      <c r="A1423" s="505" t="s">
        <v>651</v>
      </c>
      <c r="B1423" s="549" t="s">
        <v>867</v>
      </c>
      <c r="C1423" s="550"/>
      <c r="D1423" s="549"/>
      <c r="E1423" s="549"/>
      <c r="F1423" s="549"/>
      <c r="G1423" s="478"/>
      <c r="H1423" s="549"/>
      <c r="I1423" s="504"/>
      <c r="J1423" s="503" t="s">
        <v>687</v>
      </c>
      <c r="K1423" s="502" t="s">
        <v>697</v>
      </c>
      <c r="L1423" s="501" t="s">
        <v>618</v>
      </c>
    </row>
    <row r="1424" spans="1:12" ht="16.149999999999999" customHeight="1">
      <c r="A1424" s="477" t="s">
        <v>651</v>
      </c>
      <c r="B1424" s="549"/>
      <c r="C1424" s="550"/>
      <c r="D1424" s="549"/>
      <c r="E1424" s="549"/>
      <c r="F1424" s="549"/>
      <c r="G1424" s="478"/>
      <c r="H1424" s="478"/>
      <c r="I1424" s="478"/>
      <c r="J1424" s="478"/>
      <c r="K1424" s="478"/>
      <c r="L1424" s="501"/>
    </row>
    <row r="1425" spans="1:12" ht="16.149999999999999" customHeight="1">
      <c r="A1425" s="498" t="s">
        <v>686</v>
      </c>
      <c r="B1425" s="500"/>
      <c r="C1425" s="499" t="s">
        <v>309</v>
      </c>
      <c r="D1425" s="499" t="s">
        <v>685</v>
      </c>
      <c r="E1425" s="499" t="s">
        <v>684</v>
      </c>
      <c r="F1425" s="499" t="s">
        <v>683</v>
      </c>
      <c r="G1425" s="498" t="s">
        <v>682</v>
      </c>
      <c r="H1425" s="497"/>
      <c r="I1425" s="497"/>
      <c r="J1425" s="497"/>
      <c r="K1425" s="497"/>
      <c r="L1425" s="496"/>
    </row>
    <row r="1426" spans="1:12" ht="16.149999999999999" customHeight="1">
      <c r="A1426" s="733" t="s">
        <v>701</v>
      </c>
      <c r="B1426" s="734"/>
      <c r="C1426" s="495"/>
      <c r="D1426" s="494"/>
      <c r="E1426" s="493"/>
      <c r="F1426" s="492"/>
      <c r="G1426" s="486" t="s">
        <v>651</v>
      </c>
      <c r="H1426" s="549"/>
      <c r="I1426" s="549"/>
      <c r="J1426" s="549"/>
      <c r="K1426" s="549"/>
      <c r="L1426" s="551"/>
    </row>
    <row r="1427" spans="1:12" ht="16.149999999999999" customHeight="1">
      <c r="A1427" s="735"/>
      <c r="B1427" s="736"/>
      <c r="C1427" s="490"/>
      <c r="D1427" s="489"/>
      <c r="E1427" s="491"/>
      <c r="F1427" s="487" t="s">
        <v>651</v>
      </c>
      <c r="G1427" s="486" t="s">
        <v>651</v>
      </c>
      <c r="H1427" s="549"/>
      <c r="I1427" s="549"/>
      <c r="J1427" s="549"/>
      <c r="K1427" s="549"/>
      <c r="L1427" s="551"/>
    </row>
    <row r="1428" spans="1:12" ht="16.149999999999999" customHeight="1">
      <c r="A1428" s="735" t="s">
        <v>651</v>
      </c>
      <c r="B1428" s="736"/>
      <c r="C1428" s="490" t="s">
        <v>248</v>
      </c>
      <c r="D1428" s="489"/>
      <c r="E1428" s="488"/>
      <c r="F1428" s="487"/>
      <c r="G1428" s="486" t="s">
        <v>651</v>
      </c>
      <c r="H1428" s="549"/>
      <c r="I1428" s="549"/>
      <c r="J1428" s="549"/>
      <c r="K1428" s="549"/>
      <c r="L1428" s="551"/>
    </row>
    <row r="1429" spans="1:12" ht="16.149999999999999" customHeight="1">
      <c r="A1429" s="737"/>
      <c r="B1429" s="738"/>
      <c r="C1429" s="485"/>
      <c r="D1429" s="484"/>
      <c r="E1429" s="483"/>
      <c r="F1429" s="482"/>
      <c r="G1429" s="481" t="s">
        <v>651</v>
      </c>
      <c r="H1429" s="476"/>
      <c r="I1429" s="476"/>
      <c r="J1429" s="476"/>
      <c r="K1429" s="476"/>
      <c r="L1429" s="475"/>
    </row>
    <row r="1430" spans="1:12" ht="16.149999999999999" customHeight="1">
      <c r="A1430" s="733" t="s">
        <v>250</v>
      </c>
      <c r="B1430" s="734"/>
      <c r="C1430" s="495"/>
      <c r="D1430" s="494"/>
      <c r="E1430" s="493"/>
      <c r="F1430" s="492"/>
      <c r="G1430" s="486" t="s">
        <v>651</v>
      </c>
      <c r="H1430" s="549"/>
      <c r="I1430" s="549"/>
      <c r="J1430" s="549"/>
      <c r="K1430" s="549"/>
      <c r="L1430" s="551"/>
    </row>
    <row r="1431" spans="1:12" ht="16.149999999999999" customHeight="1">
      <c r="A1431" s="735"/>
      <c r="B1431" s="736"/>
      <c r="C1431" s="490"/>
      <c r="D1431" s="489"/>
      <c r="E1431" s="491"/>
      <c r="F1431" s="487" t="s">
        <v>651</v>
      </c>
      <c r="G1431" s="486" t="s">
        <v>651</v>
      </c>
      <c r="H1431" s="549"/>
      <c r="I1431" s="549"/>
      <c r="J1431" s="549"/>
      <c r="K1431" s="549"/>
      <c r="L1431" s="551"/>
    </row>
    <row r="1432" spans="1:12" ht="16.149999999999999" customHeight="1">
      <c r="A1432" s="735" t="s">
        <v>651</v>
      </c>
      <c r="B1432" s="736"/>
      <c r="C1432" s="490" t="s">
        <v>248</v>
      </c>
      <c r="D1432" s="489"/>
      <c r="E1432" s="488"/>
      <c r="F1432" s="487"/>
      <c r="G1432" s="486" t="s">
        <v>651</v>
      </c>
      <c r="H1432" s="549"/>
      <c r="I1432" s="549"/>
      <c r="J1432" s="549"/>
      <c r="K1432" s="549"/>
      <c r="L1432" s="551"/>
    </row>
    <row r="1433" spans="1:12" ht="16.149999999999999" customHeight="1">
      <c r="A1433" s="737"/>
      <c r="B1433" s="738"/>
      <c r="C1433" s="485"/>
      <c r="D1433" s="484"/>
      <c r="E1433" s="483"/>
      <c r="F1433" s="482"/>
      <c r="G1433" s="481" t="s">
        <v>651</v>
      </c>
      <c r="H1433" s="476"/>
      <c r="I1433" s="476"/>
      <c r="J1433" s="476"/>
      <c r="K1433" s="476"/>
      <c r="L1433" s="475"/>
    </row>
    <row r="1436" spans="1:12" ht="16.149999999999999" customHeight="1">
      <c r="A1436" s="507" t="s">
        <v>651</v>
      </c>
      <c r="B1436" s="479" t="s">
        <v>841</v>
      </c>
      <c r="C1436" s="480"/>
      <c r="D1436" s="479"/>
      <c r="E1436" s="479"/>
      <c r="F1436" s="479"/>
      <c r="G1436" s="479"/>
      <c r="H1436" s="479" t="s">
        <v>617</v>
      </c>
      <c r="I1436" s="480" t="s">
        <v>868</v>
      </c>
      <c r="J1436" s="479" t="s">
        <v>689</v>
      </c>
      <c r="K1436" s="479" t="s">
        <v>688</v>
      </c>
      <c r="L1436" s="506"/>
    </row>
    <row r="1437" spans="1:12" ht="16.149999999999999" customHeight="1">
      <c r="A1437" s="505" t="s">
        <v>651</v>
      </c>
      <c r="B1437" s="549" t="s">
        <v>867</v>
      </c>
      <c r="C1437" s="550"/>
      <c r="D1437" s="549"/>
      <c r="E1437" s="549"/>
      <c r="F1437" s="549"/>
      <c r="G1437" s="478"/>
      <c r="H1437" s="549"/>
      <c r="I1437" s="504"/>
      <c r="J1437" s="503" t="s">
        <v>687</v>
      </c>
      <c r="K1437" s="502" t="s">
        <v>697</v>
      </c>
      <c r="L1437" s="501" t="s">
        <v>618</v>
      </c>
    </row>
    <row r="1438" spans="1:12" ht="16.149999999999999" customHeight="1">
      <c r="A1438" s="477" t="s">
        <v>651</v>
      </c>
      <c r="B1438" s="549"/>
      <c r="C1438" s="550"/>
      <c r="D1438" s="549"/>
      <c r="E1438" s="549"/>
      <c r="F1438" s="549"/>
      <c r="G1438" s="478"/>
      <c r="H1438" s="478"/>
      <c r="I1438" s="478"/>
      <c r="J1438" s="478"/>
      <c r="K1438" s="478"/>
      <c r="L1438" s="501"/>
    </row>
    <row r="1439" spans="1:12" ht="16.149999999999999" customHeight="1">
      <c r="A1439" s="498" t="s">
        <v>686</v>
      </c>
      <c r="B1439" s="500"/>
      <c r="C1439" s="499" t="s">
        <v>309</v>
      </c>
      <c r="D1439" s="499" t="s">
        <v>685</v>
      </c>
      <c r="E1439" s="499" t="s">
        <v>684</v>
      </c>
      <c r="F1439" s="499" t="s">
        <v>683</v>
      </c>
      <c r="G1439" s="498" t="s">
        <v>682</v>
      </c>
      <c r="H1439" s="497"/>
      <c r="I1439" s="497"/>
      <c r="J1439" s="497"/>
      <c r="K1439" s="497"/>
      <c r="L1439" s="496"/>
    </row>
    <row r="1440" spans="1:12" ht="16.149999999999999" customHeight="1">
      <c r="A1440" s="733" t="s">
        <v>700</v>
      </c>
      <c r="B1440" s="734"/>
      <c r="C1440" s="495"/>
      <c r="D1440" s="494"/>
      <c r="E1440" s="493"/>
      <c r="F1440" s="492"/>
      <c r="G1440" s="486" t="s">
        <v>651</v>
      </c>
      <c r="H1440" s="549"/>
      <c r="I1440" s="549"/>
      <c r="J1440" s="549"/>
      <c r="K1440" s="549"/>
      <c r="L1440" s="551"/>
    </row>
    <row r="1441" spans="1:12" ht="16.149999999999999" customHeight="1">
      <c r="A1441" s="735"/>
      <c r="B1441" s="736"/>
      <c r="C1441" s="490"/>
      <c r="D1441" s="489"/>
      <c r="E1441" s="491"/>
      <c r="F1441" s="487" t="s">
        <v>651</v>
      </c>
      <c r="G1441" s="486" t="s">
        <v>651</v>
      </c>
      <c r="H1441" s="549"/>
      <c r="I1441" s="549"/>
      <c r="J1441" s="549"/>
      <c r="K1441" s="549"/>
      <c r="L1441" s="551"/>
    </row>
    <row r="1442" spans="1:12" ht="16.149999999999999" customHeight="1">
      <c r="A1442" s="735" t="s">
        <v>651</v>
      </c>
      <c r="B1442" s="736"/>
      <c r="C1442" s="490" t="s">
        <v>242</v>
      </c>
      <c r="D1442" s="489">
        <v>1</v>
      </c>
      <c r="E1442" s="488"/>
      <c r="F1442" s="487"/>
      <c r="G1442" s="486" t="s">
        <v>651</v>
      </c>
      <c r="H1442" s="549"/>
      <c r="I1442" s="549"/>
      <c r="J1442" s="549"/>
      <c r="K1442" s="549"/>
      <c r="L1442" s="551"/>
    </row>
    <row r="1443" spans="1:12" ht="16.149999999999999" customHeight="1">
      <c r="A1443" s="737"/>
      <c r="B1443" s="738"/>
      <c r="C1443" s="485"/>
      <c r="D1443" s="484"/>
      <c r="E1443" s="483"/>
      <c r="F1443" s="482"/>
      <c r="G1443" s="481" t="s">
        <v>651</v>
      </c>
      <c r="H1443" s="476"/>
      <c r="I1443" s="476"/>
      <c r="J1443" s="476"/>
      <c r="K1443" s="476"/>
      <c r="L1443" s="475"/>
    </row>
    <row r="1444" spans="1:12" ht="16.149999999999999" customHeight="1">
      <c r="A1444" s="733" t="s">
        <v>651</v>
      </c>
      <c r="B1444" s="734"/>
      <c r="C1444" s="495"/>
      <c r="D1444" s="494"/>
      <c r="E1444" s="493"/>
      <c r="F1444" s="492"/>
      <c r="G1444" s="486" t="s">
        <v>651</v>
      </c>
      <c r="H1444" s="549"/>
      <c r="I1444" s="549"/>
      <c r="J1444" s="549"/>
      <c r="K1444" s="549"/>
      <c r="L1444" s="551"/>
    </row>
    <row r="1445" spans="1:12" ht="16.149999999999999" customHeight="1">
      <c r="A1445" s="735"/>
      <c r="B1445" s="736"/>
      <c r="C1445" s="490"/>
      <c r="D1445" s="489"/>
      <c r="E1445" s="491"/>
      <c r="F1445" s="487" t="s">
        <v>651</v>
      </c>
      <c r="G1445" s="486" t="s">
        <v>651</v>
      </c>
      <c r="H1445" s="549"/>
      <c r="I1445" s="549"/>
      <c r="J1445" s="549"/>
      <c r="K1445" s="549"/>
      <c r="L1445" s="551"/>
    </row>
    <row r="1446" spans="1:12" ht="16.149999999999999" customHeight="1">
      <c r="A1446" s="735" t="s">
        <v>691</v>
      </c>
      <c r="B1446" s="736"/>
      <c r="C1446" s="490" t="s">
        <v>697</v>
      </c>
      <c r="D1446" s="489">
        <v>1</v>
      </c>
      <c r="E1446" s="488"/>
      <c r="F1446" s="487"/>
      <c r="G1446" s="486" t="s">
        <v>651</v>
      </c>
      <c r="H1446" s="549"/>
      <c r="I1446" s="549"/>
      <c r="J1446" s="549"/>
      <c r="K1446" s="549"/>
      <c r="L1446" s="551"/>
    </row>
    <row r="1447" spans="1:12" ht="16.149999999999999" customHeight="1">
      <c r="A1447" s="737"/>
      <c r="B1447" s="738"/>
      <c r="C1447" s="485"/>
      <c r="D1447" s="484"/>
      <c r="E1447" s="483"/>
      <c r="F1447" s="482"/>
      <c r="G1447" s="481" t="s">
        <v>651</v>
      </c>
      <c r="H1447" s="476"/>
      <c r="I1447" s="476"/>
      <c r="J1447" s="476"/>
      <c r="K1447" s="476"/>
      <c r="L1447" s="475"/>
    </row>
    <row r="1448" spans="1:12" ht="16.149999999999999" customHeight="1">
      <c r="A1448" s="733" t="s">
        <v>651</v>
      </c>
      <c r="B1448" s="734"/>
      <c r="C1448" s="495"/>
      <c r="D1448" s="494"/>
      <c r="E1448" s="493"/>
      <c r="F1448" s="492"/>
      <c r="G1448" s="486" t="s">
        <v>651</v>
      </c>
      <c r="H1448" s="549"/>
      <c r="I1448" s="549"/>
      <c r="J1448" s="549"/>
      <c r="K1448" s="549"/>
      <c r="L1448" s="551"/>
    </row>
    <row r="1449" spans="1:12" ht="16.149999999999999" customHeight="1">
      <c r="A1449" s="735"/>
      <c r="B1449" s="736"/>
      <c r="C1449" s="490"/>
      <c r="D1449" s="489"/>
      <c r="E1449" s="491"/>
      <c r="F1449" s="487" t="s">
        <v>651</v>
      </c>
      <c r="G1449" s="486" t="s">
        <v>651</v>
      </c>
      <c r="H1449" s="549"/>
      <c r="I1449" s="549"/>
      <c r="J1449" s="549"/>
      <c r="K1449" s="549"/>
      <c r="L1449" s="551"/>
    </row>
    <row r="1450" spans="1:12" ht="16.149999999999999" customHeight="1">
      <c r="A1450" s="735" t="s">
        <v>681</v>
      </c>
      <c r="B1450" s="736"/>
      <c r="C1450" s="490" t="s">
        <v>697</v>
      </c>
      <c r="D1450" s="489">
        <v>1</v>
      </c>
      <c r="E1450" s="488" t="s">
        <v>618</v>
      </c>
      <c r="F1450" s="487"/>
      <c r="G1450" s="486" t="s">
        <v>651</v>
      </c>
      <c r="H1450" s="549"/>
      <c r="I1450" s="549"/>
      <c r="J1450" s="549"/>
      <c r="K1450" s="549"/>
      <c r="L1450" s="551"/>
    </row>
    <row r="1451" spans="1:12" ht="16.149999999999999" customHeight="1">
      <c r="A1451" s="737"/>
      <c r="B1451" s="738"/>
      <c r="C1451" s="485"/>
      <c r="D1451" s="484"/>
      <c r="E1451" s="483"/>
      <c r="F1451" s="482"/>
      <c r="G1451" s="481" t="s">
        <v>651</v>
      </c>
      <c r="H1451" s="476"/>
      <c r="I1451" s="476"/>
      <c r="J1451" s="476"/>
      <c r="K1451" s="476"/>
      <c r="L1451" s="475"/>
    </row>
    <row r="1453" spans="1:12" ht="16.149999999999999" customHeight="1">
      <c r="A1453" s="507" t="s">
        <v>651</v>
      </c>
      <c r="B1453" s="479" t="s">
        <v>841</v>
      </c>
      <c r="C1453" s="480"/>
      <c r="D1453" s="479"/>
      <c r="E1453" s="479"/>
      <c r="F1453" s="479"/>
      <c r="G1453" s="479"/>
      <c r="H1453" s="479" t="s">
        <v>617</v>
      </c>
      <c r="I1453" s="480" t="s">
        <v>866</v>
      </c>
      <c r="J1453" s="479" t="s">
        <v>689</v>
      </c>
      <c r="K1453" s="479" t="s">
        <v>688</v>
      </c>
      <c r="L1453" s="506"/>
    </row>
    <row r="1454" spans="1:12" ht="16.149999999999999" customHeight="1">
      <c r="A1454" s="505" t="s">
        <v>651</v>
      </c>
      <c r="B1454" s="549" t="s">
        <v>865</v>
      </c>
      <c r="C1454" s="550"/>
      <c r="D1454" s="549"/>
      <c r="E1454" s="549"/>
      <c r="F1454" s="549"/>
      <c r="G1454" s="478"/>
      <c r="H1454" s="549"/>
      <c r="I1454" s="504"/>
      <c r="J1454" s="503" t="s">
        <v>687</v>
      </c>
      <c r="K1454" s="502" t="s">
        <v>697</v>
      </c>
      <c r="L1454" s="501" t="s">
        <v>618</v>
      </c>
    </row>
    <row r="1455" spans="1:12" ht="16.149999999999999" customHeight="1">
      <c r="A1455" s="477" t="s">
        <v>651</v>
      </c>
      <c r="B1455" s="549"/>
      <c r="C1455" s="550"/>
      <c r="D1455" s="549"/>
      <c r="E1455" s="549"/>
      <c r="F1455" s="549"/>
      <c r="G1455" s="478"/>
      <c r="H1455" s="478"/>
      <c r="I1455" s="478"/>
      <c r="J1455" s="478"/>
      <c r="K1455" s="478"/>
      <c r="L1455" s="501"/>
    </row>
    <row r="1456" spans="1:12" ht="16.149999999999999" customHeight="1">
      <c r="A1456" s="498" t="s">
        <v>686</v>
      </c>
      <c r="B1456" s="500"/>
      <c r="C1456" s="499" t="s">
        <v>309</v>
      </c>
      <c r="D1456" s="499" t="s">
        <v>685</v>
      </c>
      <c r="E1456" s="499" t="s">
        <v>684</v>
      </c>
      <c r="F1456" s="499" t="s">
        <v>683</v>
      </c>
      <c r="G1456" s="498" t="s">
        <v>682</v>
      </c>
      <c r="H1456" s="497"/>
      <c r="I1456" s="497"/>
      <c r="J1456" s="497"/>
      <c r="K1456" s="497"/>
      <c r="L1456" s="496"/>
    </row>
    <row r="1457" spans="1:12" ht="16.149999999999999" customHeight="1">
      <c r="A1457" s="733" t="s">
        <v>701</v>
      </c>
      <c r="B1457" s="734"/>
      <c r="C1457" s="495"/>
      <c r="D1457" s="494"/>
      <c r="E1457" s="493"/>
      <c r="F1457" s="492"/>
      <c r="G1457" s="486" t="s">
        <v>651</v>
      </c>
      <c r="H1457" s="549"/>
      <c r="I1457" s="549"/>
      <c r="J1457" s="549"/>
      <c r="K1457" s="549"/>
      <c r="L1457" s="551"/>
    </row>
    <row r="1458" spans="1:12" ht="16.149999999999999" customHeight="1">
      <c r="A1458" s="735"/>
      <c r="B1458" s="736"/>
      <c r="C1458" s="490"/>
      <c r="D1458" s="489"/>
      <c r="E1458" s="491"/>
      <c r="F1458" s="487" t="s">
        <v>651</v>
      </c>
      <c r="G1458" s="486" t="s">
        <v>651</v>
      </c>
      <c r="H1458" s="549"/>
      <c r="I1458" s="549"/>
      <c r="J1458" s="549"/>
      <c r="K1458" s="549"/>
      <c r="L1458" s="551"/>
    </row>
    <row r="1459" spans="1:12" ht="16.149999999999999" customHeight="1">
      <c r="A1459" s="735" t="s">
        <v>651</v>
      </c>
      <c r="B1459" s="736"/>
      <c r="C1459" s="490" t="s">
        <v>248</v>
      </c>
      <c r="D1459" s="489"/>
      <c r="E1459" s="488"/>
      <c r="F1459" s="487"/>
      <c r="G1459" s="486" t="s">
        <v>651</v>
      </c>
      <c r="H1459" s="549"/>
      <c r="I1459" s="549"/>
      <c r="J1459" s="549"/>
      <c r="K1459" s="549"/>
      <c r="L1459" s="551"/>
    </row>
    <row r="1460" spans="1:12" ht="16.149999999999999" customHeight="1">
      <c r="A1460" s="737"/>
      <c r="B1460" s="738"/>
      <c r="C1460" s="485"/>
      <c r="D1460" s="484"/>
      <c r="E1460" s="483"/>
      <c r="F1460" s="482"/>
      <c r="G1460" s="481" t="s">
        <v>651</v>
      </c>
      <c r="H1460" s="476"/>
      <c r="I1460" s="476"/>
      <c r="J1460" s="476"/>
      <c r="K1460" s="476"/>
      <c r="L1460" s="475"/>
    </row>
    <row r="1461" spans="1:12" ht="16.149999999999999" customHeight="1">
      <c r="A1461" s="733" t="s">
        <v>250</v>
      </c>
      <c r="B1461" s="734"/>
      <c r="C1461" s="495"/>
      <c r="D1461" s="494"/>
      <c r="E1461" s="493"/>
      <c r="F1461" s="492"/>
      <c r="G1461" s="486" t="s">
        <v>651</v>
      </c>
      <c r="H1461" s="549"/>
      <c r="I1461" s="549"/>
      <c r="J1461" s="549"/>
      <c r="K1461" s="549"/>
      <c r="L1461" s="551"/>
    </row>
    <row r="1462" spans="1:12" ht="16.149999999999999" customHeight="1">
      <c r="A1462" s="735"/>
      <c r="B1462" s="736"/>
      <c r="C1462" s="490"/>
      <c r="D1462" s="489"/>
      <c r="E1462" s="491"/>
      <c r="F1462" s="487" t="s">
        <v>651</v>
      </c>
      <c r="G1462" s="486" t="s">
        <v>651</v>
      </c>
      <c r="H1462" s="549"/>
      <c r="I1462" s="549"/>
      <c r="J1462" s="549"/>
      <c r="K1462" s="549"/>
      <c r="L1462" s="551"/>
    </row>
    <row r="1463" spans="1:12" ht="16.149999999999999" customHeight="1">
      <c r="A1463" s="735" t="s">
        <v>651</v>
      </c>
      <c r="B1463" s="736"/>
      <c r="C1463" s="490" t="s">
        <v>248</v>
      </c>
      <c r="D1463" s="489"/>
      <c r="E1463" s="488"/>
      <c r="F1463" s="487"/>
      <c r="G1463" s="486" t="s">
        <v>651</v>
      </c>
      <c r="H1463" s="549"/>
      <c r="I1463" s="549"/>
      <c r="J1463" s="549"/>
      <c r="K1463" s="549"/>
      <c r="L1463" s="551"/>
    </row>
    <row r="1464" spans="1:12" ht="16.149999999999999" customHeight="1">
      <c r="A1464" s="737"/>
      <c r="B1464" s="738"/>
      <c r="C1464" s="485"/>
      <c r="D1464" s="484"/>
      <c r="E1464" s="483"/>
      <c r="F1464" s="482"/>
      <c r="G1464" s="481" t="s">
        <v>651</v>
      </c>
      <c r="H1464" s="476"/>
      <c r="I1464" s="476"/>
      <c r="J1464" s="476"/>
      <c r="K1464" s="476"/>
      <c r="L1464" s="475"/>
    </row>
    <row r="1465" spans="1:12" ht="16.149999999999999" customHeight="1">
      <c r="A1465" s="733" t="s">
        <v>700</v>
      </c>
      <c r="B1465" s="734"/>
      <c r="C1465" s="495"/>
      <c r="D1465" s="494"/>
      <c r="E1465" s="493"/>
      <c r="F1465" s="492"/>
      <c r="G1465" s="486" t="s">
        <v>651</v>
      </c>
      <c r="H1465" s="549"/>
      <c r="I1465" s="549"/>
      <c r="J1465" s="549"/>
      <c r="K1465" s="549"/>
      <c r="L1465" s="551"/>
    </row>
    <row r="1466" spans="1:12" ht="16.149999999999999" customHeight="1">
      <c r="A1466" s="735"/>
      <c r="B1466" s="736"/>
      <c r="C1466" s="490"/>
      <c r="D1466" s="489"/>
      <c r="E1466" s="491"/>
      <c r="F1466" s="487" t="s">
        <v>651</v>
      </c>
      <c r="G1466" s="486" t="s">
        <v>651</v>
      </c>
      <c r="H1466" s="549"/>
      <c r="I1466" s="549"/>
      <c r="J1466" s="549"/>
      <c r="K1466" s="549"/>
      <c r="L1466" s="551"/>
    </row>
    <row r="1467" spans="1:12" ht="16.149999999999999" customHeight="1">
      <c r="A1467" s="735" t="s">
        <v>651</v>
      </c>
      <c r="B1467" s="736"/>
      <c r="C1467" s="490" t="s">
        <v>242</v>
      </c>
      <c r="D1467" s="489">
        <v>1</v>
      </c>
      <c r="E1467" s="488"/>
      <c r="F1467" s="487"/>
      <c r="G1467" s="486" t="s">
        <v>651</v>
      </c>
      <c r="H1467" s="549"/>
      <c r="I1467" s="549"/>
      <c r="J1467" s="549"/>
      <c r="K1467" s="549"/>
      <c r="L1467" s="551"/>
    </row>
    <row r="1468" spans="1:12" ht="16.149999999999999" customHeight="1">
      <c r="A1468" s="737"/>
      <c r="B1468" s="738"/>
      <c r="C1468" s="485"/>
      <c r="D1468" s="484"/>
      <c r="E1468" s="483"/>
      <c r="F1468" s="482"/>
      <c r="G1468" s="481" t="s">
        <v>651</v>
      </c>
      <c r="H1468" s="476"/>
      <c r="I1468" s="476"/>
      <c r="J1468" s="476"/>
      <c r="K1468" s="476"/>
      <c r="L1468" s="475"/>
    </row>
    <row r="1471" spans="1:12" ht="16.149999999999999" customHeight="1">
      <c r="A1471" s="507" t="s">
        <v>651</v>
      </c>
      <c r="B1471" s="479" t="s">
        <v>841</v>
      </c>
      <c r="C1471" s="480"/>
      <c r="D1471" s="479"/>
      <c r="E1471" s="479"/>
      <c r="F1471" s="479"/>
      <c r="G1471" s="479"/>
      <c r="H1471" s="479" t="s">
        <v>617</v>
      </c>
      <c r="I1471" s="480" t="s">
        <v>866</v>
      </c>
      <c r="J1471" s="479" t="s">
        <v>689</v>
      </c>
      <c r="K1471" s="479" t="s">
        <v>688</v>
      </c>
      <c r="L1471" s="506"/>
    </row>
    <row r="1472" spans="1:12" ht="16.149999999999999" customHeight="1">
      <c r="A1472" s="505" t="s">
        <v>651</v>
      </c>
      <c r="B1472" s="549" t="s">
        <v>865</v>
      </c>
      <c r="C1472" s="550"/>
      <c r="D1472" s="549"/>
      <c r="E1472" s="549"/>
      <c r="F1472" s="549"/>
      <c r="G1472" s="478"/>
      <c r="H1472" s="549"/>
      <c r="I1472" s="504"/>
      <c r="J1472" s="503" t="s">
        <v>687</v>
      </c>
      <c r="K1472" s="502" t="s">
        <v>697</v>
      </c>
      <c r="L1472" s="501" t="s">
        <v>618</v>
      </c>
    </row>
    <row r="1473" spans="1:12" ht="16.149999999999999" customHeight="1">
      <c r="A1473" s="477" t="s">
        <v>651</v>
      </c>
      <c r="B1473" s="549"/>
      <c r="C1473" s="550"/>
      <c r="D1473" s="549"/>
      <c r="E1473" s="549"/>
      <c r="F1473" s="549"/>
      <c r="G1473" s="478"/>
      <c r="H1473" s="478"/>
      <c r="I1473" s="478"/>
      <c r="J1473" s="478"/>
      <c r="K1473" s="478"/>
      <c r="L1473" s="501"/>
    </row>
    <row r="1474" spans="1:12" ht="16.149999999999999" customHeight="1">
      <c r="A1474" s="498" t="s">
        <v>686</v>
      </c>
      <c r="B1474" s="500"/>
      <c r="C1474" s="499" t="s">
        <v>309</v>
      </c>
      <c r="D1474" s="499" t="s">
        <v>685</v>
      </c>
      <c r="E1474" s="499" t="s">
        <v>684</v>
      </c>
      <c r="F1474" s="499" t="s">
        <v>683</v>
      </c>
      <c r="G1474" s="498" t="s">
        <v>682</v>
      </c>
      <c r="H1474" s="497"/>
      <c r="I1474" s="497"/>
      <c r="J1474" s="497"/>
      <c r="K1474" s="497"/>
      <c r="L1474" s="496"/>
    </row>
    <row r="1475" spans="1:12" ht="16.149999999999999" customHeight="1">
      <c r="A1475" s="733" t="s">
        <v>651</v>
      </c>
      <c r="B1475" s="734"/>
      <c r="C1475" s="495"/>
      <c r="D1475" s="494"/>
      <c r="E1475" s="493"/>
      <c r="F1475" s="492"/>
      <c r="G1475" s="486" t="s">
        <v>651</v>
      </c>
      <c r="H1475" s="549"/>
      <c r="I1475" s="549"/>
      <c r="J1475" s="549"/>
      <c r="K1475" s="549"/>
      <c r="L1475" s="551"/>
    </row>
    <row r="1476" spans="1:12" ht="16.149999999999999" customHeight="1">
      <c r="A1476" s="735"/>
      <c r="B1476" s="736"/>
      <c r="C1476" s="490"/>
      <c r="D1476" s="489"/>
      <c r="E1476" s="491"/>
      <c r="F1476" s="487" t="s">
        <v>651</v>
      </c>
      <c r="G1476" s="486" t="s">
        <v>651</v>
      </c>
      <c r="H1476" s="549"/>
      <c r="I1476" s="549"/>
      <c r="J1476" s="549"/>
      <c r="K1476" s="549"/>
      <c r="L1476" s="551"/>
    </row>
    <row r="1477" spans="1:12" ht="16.149999999999999" customHeight="1">
      <c r="A1477" s="735" t="s">
        <v>691</v>
      </c>
      <c r="B1477" s="736"/>
      <c r="C1477" s="490" t="s">
        <v>697</v>
      </c>
      <c r="D1477" s="489">
        <v>1</v>
      </c>
      <c r="E1477" s="488"/>
      <c r="F1477" s="487"/>
      <c r="G1477" s="486" t="s">
        <v>651</v>
      </c>
      <c r="H1477" s="549"/>
      <c r="I1477" s="549"/>
      <c r="J1477" s="549"/>
      <c r="K1477" s="549"/>
      <c r="L1477" s="551"/>
    </row>
    <row r="1478" spans="1:12" ht="16.149999999999999" customHeight="1">
      <c r="A1478" s="737"/>
      <c r="B1478" s="738"/>
      <c r="C1478" s="485"/>
      <c r="D1478" s="484"/>
      <c r="E1478" s="483"/>
      <c r="F1478" s="482"/>
      <c r="G1478" s="481" t="s">
        <v>651</v>
      </c>
      <c r="H1478" s="476"/>
      <c r="I1478" s="476"/>
      <c r="J1478" s="476"/>
      <c r="K1478" s="476"/>
      <c r="L1478" s="475"/>
    </row>
    <row r="1479" spans="1:12" ht="16.149999999999999" customHeight="1">
      <c r="A1479" s="733" t="s">
        <v>651</v>
      </c>
      <c r="B1479" s="734"/>
      <c r="C1479" s="495"/>
      <c r="D1479" s="494"/>
      <c r="E1479" s="493"/>
      <c r="F1479" s="492"/>
      <c r="G1479" s="486" t="s">
        <v>651</v>
      </c>
      <c r="H1479" s="549"/>
      <c r="I1479" s="549"/>
      <c r="J1479" s="549"/>
      <c r="K1479" s="549"/>
      <c r="L1479" s="551"/>
    </row>
    <row r="1480" spans="1:12" ht="16.149999999999999" customHeight="1">
      <c r="A1480" s="735"/>
      <c r="B1480" s="736"/>
      <c r="C1480" s="490"/>
      <c r="D1480" s="489"/>
      <c r="E1480" s="491"/>
      <c r="F1480" s="487" t="s">
        <v>651</v>
      </c>
      <c r="G1480" s="486" t="s">
        <v>651</v>
      </c>
      <c r="H1480" s="549"/>
      <c r="I1480" s="549"/>
      <c r="J1480" s="549"/>
      <c r="K1480" s="549"/>
      <c r="L1480" s="551"/>
    </row>
    <row r="1481" spans="1:12" ht="16.149999999999999" customHeight="1">
      <c r="A1481" s="735" t="s">
        <v>681</v>
      </c>
      <c r="B1481" s="736"/>
      <c r="C1481" s="490" t="s">
        <v>697</v>
      </c>
      <c r="D1481" s="489">
        <v>1</v>
      </c>
      <c r="E1481" s="488" t="s">
        <v>618</v>
      </c>
      <c r="F1481" s="487"/>
      <c r="G1481" s="486" t="s">
        <v>651</v>
      </c>
      <c r="H1481" s="549"/>
      <c r="I1481" s="549"/>
      <c r="J1481" s="549"/>
      <c r="K1481" s="549"/>
      <c r="L1481" s="551"/>
    </row>
    <row r="1482" spans="1:12" ht="16.149999999999999" customHeight="1">
      <c r="A1482" s="737"/>
      <c r="B1482" s="738"/>
      <c r="C1482" s="485"/>
      <c r="D1482" s="484"/>
      <c r="E1482" s="483"/>
      <c r="F1482" s="482"/>
      <c r="G1482" s="481" t="s">
        <v>651</v>
      </c>
      <c r="H1482" s="476"/>
      <c r="I1482" s="476"/>
      <c r="J1482" s="476"/>
      <c r="K1482" s="476"/>
      <c r="L1482" s="475"/>
    </row>
    <row r="1484" spans="1:12" ht="16.149999999999999" customHeight="1">
      <c r="A1484" s="507" t="s">
        <v>651</v>
      </c>
      <c r="B1484" s="479" t="s">
        <v>863</v>
      </c>
      <c r="C1484" s="480"/>
      <c r="D1484" s="479"/>
      <c r="E1484" s="479"/>
      <c r="F1484" s="479"/>
      <c r="G1484" s="479"/>
      <c r="H1484" s="479" t="s">
        <v>617</v>
      </c>
      <c r="I1484" s="480" t="s">
        <v>862</v>
      </c>
      <c r="J1484" s="479" t="s">
        <v>689</v>
      </c>
      <c r="K1484" s="479" t="s">
        <v>688</v>
      </c>
      <c r="L1484" s="506"/>
    </row>
    <row r="1485" spans="1:12" ht="16.149999999999999" customHeight="1">
      <c r="A1485" s="505" t="s">
        <v>651</v>
      </c>
      <c r="B1485" s="549" t="s">
        <v>854</v>
      </c>
      <c r="C1485" s="550"/>
      <c r="D1485" s="549"/>
      <c r="E1485" s="549"/>
      <c r="F1485" s="549"/>
      <c r="G1485" s="478"/>
      <c r="H1485" s="549"/>
      <c r="I1485" s="504"/>
      <c r="J1485" s="503" t="s">
        <v>687</v>
      </c>
      <c r="K1485" s="502" t="s">
        <v>697</v>
      </c>
      <c r="L1485" s="501" t="s">
        <v>618</v>
      </c>
    </row>
    <row r="1486" spans="1:12" ht="16.149999999999999" customHeight="1">
      <c r="A1486" s="477" t="s">
        <v>651</v>
      </c>
      <c r="B1486" s="549"/>
      <c r="C1486" s="550"/>
      <c r="D1486" s="549"/>
      <c r="E1486" s="549"/>
      <c r="F1486" s="549"/>
      <c r="G1486" s="478"/>
      <c r="H1486" s="478"/>
      <c r="I1486" s="478"/>
      <c r="J1486" s="478"/>
      <c r="K1486" s="478"/>
      <c r="L1486" s="501"/>
    </row>
    <row r="1487" spans="1:12" ht="16.149999999999999" customHeight="1">
      <c r="A1487" s="498" t="s">
        <v>686</v>
      </c>
      <c r="B1487" s="500"/>
      <c r="C1487" s="499" t="s">
        <v>309</v>
      </c>
      <c r="D1487" s="499" t="s">
        <v>685</v>
      </c>
      <c r="E1487" s="499" t="s">
        <v>684</v>
      </c>
      <c r="F1487" s="499" t="s">
        <v>683</v>
      </c>
      <c r="G1487" s="498" t="s">
        <v>682</v>
      </c>
      <c r="H1487" s="497"/>
      <c r="I1487" s="497"/>
      <c r="J1487" s="497"/>
      <c r="K1487" s="497"/>
      <c r="L1487" s="496"/>
    </row>
    <row r="1488" spans="1:12" ht="16.149999999999999" customHeight="1">
      <c r="A1488" s="733" t="s">
        <v>721</v>
      </c>
      <c r="B1488" s="734"/>
      <c r="C1488" s="495"/>
      <c r="D1488" s="494"/>
      <c r="E1488" s="493"/>
      <c r="F1488" s="492"/>
      <c r="G1488" s="486" t="s">
        <v>651</v>
      </c>
      <c r="H1488" s="549"/>
      <c r="I1488" s="549"/>
      <c r="J1488" s="549"/>
      <c r="K1488" s="549"/>
      <c r="L1488" s="551"/>
    </row>
    <row r="1489" spans="1:12" ht="16.149999999999999" customHeight="1">
      <c r="A1489" s="735"/>
      <c r="B1489" s="736"/>
      <c r="C1489" s="490"/>
      <c r="D1489" s="489"/>
      <c r="E1489" s="491"/>
      <c r="F1489" s="487" t="s">
        <v>651</v>
      </c>
      <c r="G1489" s="486" t="s">
        <v>651</v>
      </c>
      <c r="H1489" s="549"/>
      <c r="I1489" s="549"/>
      <c r="J1489" s="549"/>
      <c r="K1489" s="549"/>
      <c r="L1489" s="551"/>
    </row>
    <row r="1490" spans="1:12" ht="16.149999999999999" customHeight="1">
      <c r="A1490" s="735" t="s">
        <v>651</v>
      </c>
      <c r="B1490" s="736"/>
      <c r="C1490" s="490" t="s">
        <v>248</v>
      </c>
      <c r="D1490" s="489"/>
      <c r="E1490" s="488"/>
      <c r="F1490" s="487"/>
      <c r="G1490" s="486" t="s">
        <v>651</v>
      </c>
      <c r="H1490" s="549"/>
      <c r="I1490" s="549"/>
      <c r="J1490" s="549"/>
      <c r="K1490" s="549"/>
      <c r="L1490" s="551"/>
    </row>
    <row r="1491" spans="1:12" ht="16.149999999999999" customHeight="1">
      <c r="A1491" s="737"/>
      <c r="B1491" s="738"/>
      <c r="C1491" s="485"/>
      <c r="D1491" s="484"/>
      <c r="E1491" s="483"/>
      <c r="F1491" s="482"/>
      <c r="G1491" s="481" t="s">
        <v>651</v>
      </c>
      <c r="H1491" s="476"/>
      <c r="I1491" s="476"/>
      <c r="J1491" s="476"/>
      <c r="K1491" s="476"/>
      <c r="L1491" s="475"/>
    </row>
    <row r="1492" spans="1:12" ht="16.149999999999999" customHeight="1">
      <c r="A1492" s="733" t="s">
        <v>250</v>
      </c>
      <c r="B1492" s="734"/>
      <c r="C1492" s="495"/>
      <c r="D1492" s="494"/>
      <c r="E1492" s="493"/>
      <c r="F1492" s="492"/>
      <c r="G1492" s="486" t="s">
        <v>651</v>
      </c>
      <c r="H1492" s="549"/>
      <c r="I1492" s="549"/>
      <c r="J1492" s="549"/>
      <c r="K1492" s="549"/>
      <c r="L1492" s="551"/>
    </row>
    <row r="1493" spans="1:12" ht="16.149999999999999" customHeight="1">
      <c r="A1493" s="735"/>
      <c r="B1493" s="736"/>
      <c r="C1493" s="490"/>
      <c r="D1493" s="489"/>
      <c r="E1493" s="491"/>
      <c r="F1493" s="487" t="s">
        <v>651</v>
      </c>
      <c r="G1493" s="486" t="s">
        <v>651</v>
      </c>
      <c r="H1493" s="549"/>
      <c r="I1493" s="549"/>
      <c r="J1493" s="549"/>
      <c r="K1493" s="549"/>
      <c r="L1493" s="551"/>
    </row>
    <row r="1494" spans="1:12" ht="16.149999999999999" customHeight="1">
      <c r="A1494" s="735" t="s">
        <v>651</v>
      </c>
      <c r="B1494" s="736"/>
      <c r="C1494" s="490" t="s">
        <v>248</v>
      </c>
      <c r="D1494" s="489"/>
      <c r="E1494" s="488"/>
      <c r="F1494" s="487"/>
      <c r="G1494" s="486" t="s">
        <v>651</v>
      </c>
      <c r="H1494" s="549"/>
      <c r="I1494" s="549"/>
      <c r="J1494" s="549"/>
      <c r="K1494" s="549"/>
      <c r="L1494" s="551"/>
    </row>
    <row r="1495" spans="1:12" ht="16.149999999999999" customHeight="1">
      <c r="A1495" s="737"/>
      <c r="B1495" s="738"/>
      <c r="C1495" s="485"/>
      <c r="D1495" s="484"/>
      <c r="E1495" s="483"/>
      <c r="F1495" s="482"/>
      <c r="G1495" s="481" t="s">
        <v>651</v>
      </c>
      <c r="H1495" s="476"/>
      <c r="I1495" s="476"/>
      <c r="J1495" s="476"/>
      <c r="K1495" s="476"/>
      <c r="L1495" s="475"/>
    </row>
    <row r="1496" spans="1:12" ht="16.149999999999999" customHeight="1">
      <c r="A1496" s="733" t="s">
        <v>788</v>
      </c>
      <c r="B1496" s="734"/>
      <c r="C1496" s="495"/>
      <c r="D1496" s="494"/>
      <c r="E1496" s="493"/>
      <c r="F1496" s="492"/>
      <c r="G1496" s="486" t="s">
        <v>858</v>
      </c>
      <c r="H1496" s="549"/>
      <c r="I1496" s="549"/>
      <c r="J1496" s="549"/>
      <c r="K1496" s="549"/>
      <c r="L1496" s="551"/>
    </row>
    <row r="1497" spans="1:12" ht="16.149999999999999" customHeight="1">
      <c r="A1497" s="735"/>
      <c r="B1497" s="736"/>
      <c r="C1497" s="490"/>
      <c r="D1497" s="489"/>
      <c r="E1497" s="491"/>
      <c r="F1497" s="487" t="s">
        <v>651</v>
      </c>
      <c r="G1497" s="486" t="s">
        <v>651</v>
      </c>
      <c r="H1497" s="549"/>
      <c r="I1497" s="549"/>
      <c r="J1497" s="549"/>
      <c r="K1497" s="549"/>
      <c r="L1497" s="551"/>
    </row>
    <row r="1498" spans="1:12" ht="16.149999999999999" customHeight="1">
      <c r="A1498" s="735" t="s">
        <v>848</v>
      </c>
      <c r="B1498" s="736"/>
      <c r="C1498" s="490" t="s">
        <v>621</v>
      </c>
      <c r="D1498" s="489"/>
      <c r="E1498" s="488"/>
      <c r="F1498" s="487"/>
      <c r="G1498" s="486" t="s">
        <v>651</v>
      </c>
      <c r="H1498" s="549"/>
      <c r="I1498" s="549"/>
      <c r="J1498" s="549"/>
      <c r="K1498" s="549"/>
      <c r="L1498" s="551"/>
    </row>
    <row r="1499" spans="1:12" ht="16.149999999999999" customHeight="1">
      <c r="A1499" s="737"/>
      <c r="B1499" s="738"/>
      <c r="C1499" s="485"/>
      <c r="D1499" s="484"/>
      <c r="E1499" s="483"/>
      <c r="F1499" s="482"/>
      <c r="G1499" s="481" t="s">
        <v>651</v>
      </c>
      <c r="H1499" s="476"/>
      <c r="I1499" s="476"/>
      <c r="J1499" s="476"/>
      <c r="K1499" s="476"/>
      <c r="L1499" s="475"/>
    </row>
    <row r="1500" spans="1:12" ht="16.149999999999999" customHeight="1">
      <c r="A1500" s="733" t="s">
        <v>783</v>
      </c>
      <c r="B1500" s="734"/>
      <c r="C1500" s="495"/>
      <c r="D1500" s="494"/>
      <c r="E1500" s="493"/>
      <c r="F1500" s="492"/>
      <c r="G1500" s="486" t="s">
        <v>864</v>
      </c>
      <c r="H1500" s="549"/>
      <c r="I1500" s="549"/>
      <c r="J1500" s="549"/>
      <c r="K1500" s="549"/>
      <c r="L1500" s="551"/>
    </row>
    <row r="1501" spans="1:12" ht="16.149999999999999" customHeight="1">
      <c r="A1501" s="735"/>
      <c r="B1501" s="736"/>
      <c r="C1501" s="490"/>
      <c r="D1501" s="489"/>
      <c r="E1501" s="491"/>
      <c r="F1501" s="487" t="s">
        <v>651</v>
      </c>
      <c r="G1501" s="486" t="s">
        <v>651</v>
      </c>
      <c r="H1501" s="549"/>
      <c r="I1501" s="549"/>
      <c r="J1501" s="549"/>
      <c r="K1501" s="549"/>
      <c r="L1501" s="551"/>
    </row>
    <row r="1502" spans="1:12" ht="16.149999999999999" customHeight="1">
      <c r="A1502" s="735" t="s">
        <v>1668</v>
      </c>
      <c r="B1502" s="736"/>
      <c r="C1502" s="490" t="s">
        <v>242</v>
      </c>
      <c r="D1502" s="489">
        <v>1</v>
      </c>
      <c r="E1502" s="488"/>
      <c r="F1502" s="487"/>
      <c r="G1502" s="486" t="s">
        <v>651</v>
      </c>
      <c r="H1502" s="549"/>
      <c r="I1502" s="549"/>
      <c r="J1502" s="549"/>
      <c r="K1502" s="549"/>
      <c r="L1502" s="551"/>
    </row>
    <row r="1503" spans="1:12" ht="16.149999999999999" customHeight="1">
      <c r="A1503" s="737"/>
      <c r="B1503" s="738"/>
      <c r="C1503" s="485"/>
      <c r="D1503" s="484"/>
      <c r="E1503" s="483"/>
      <c r="F1503" s="482"/>
      <c r="G1503" s="481" t="s">
        <v>651</v>
      </c>
      <c r="H1503" s="476"/>
      <c r="I1503" s="476"/>
      <c r="J1503" s="476"/>
      <c r="K1503" s="476"/>
      <c r="L1503" s="475"/>
    </row>
    <row r="1506" spans="1:12" ht="16.149999999999999" customHeight="1">
      <c r="A1506" s="507" t="s">
        <v>651</v>
      </c>
      <c r="B1506" s="479" t="s">
        <v>863</v>
      </c>
      <c r="C1506" s="480"/>
      <c r="D1506" s="479"/>
      <c r="E1506" s="479"/>
      <c r="F1506" s="479"/>
      <c r="G1506" s="479"/>
      <c r="H1506" s="479" t="s">
        <v>617</v>
      </c>
      <c r="I1506" s="480" t="s">
        <v>862</v>
      </c>
      <c r="J1506" s="479" t="s">
        <v>689</v>
      </c>
      <c r="K1506" s="479" t="s">
        <v>688</v>
      </c>
      <c r="L1506" s="506"/>
    </row>
    <row r="1507" spans="1:12" ht="16.149999999999999" customHeight="1">
      <c r="A1507" s="505" t="s">
        <v>651</v>
      </c>
      <c r="B1507" s="549" t="s">
        <v>854</v>
      </c>
      <c r="C1507" s="550"/>
      <c r="D1507" s="549"/>
      <c r="E1507" s="549"/>
      <c r="F1507" s="549"/>
      <c r="G1507" s="478"/>
      <c r="H1507" s="549"/>
      <c r="I1507" s="504"/>
      <c r="J1507" s="503" t="s">
        <v>687</v>
      </c>
      <c r="K1507" s="502" t="s">
        <v>697</v>
      </c>
      <c r="L1507" s="501" t="s">
        <v>618</v>
      </c>
    </row>
    <row r="1508" spans="1:12" ht="16.149999999999999" customHeight="1">
      <c r="A1508" s="477" t="s">
        <v>651</v>
      </c>
      <c r="B1508" s="549"/>
      <c r="C1508" s="550"/>
      <c r="D1508" s="549"/>
      <c r="E1508" s="549"/>
      <c r="F1508" s="549"/>
      <c r="G1508" s="478"/>
      <c r="H1508" s="478"/>
      <c r="I1508" s="478"/>
      <c r="J1508" s="478"/>
      <c r="K1508" s="478"/>
      <c r="L1508" s="501"/>
    </row>
    <row r="1509" spans="1:12" ht="16.149999999999999" customHeight="1">
      <c r="A1509" s="498" t="s">
        <v>686</v>
      </c>
      <c r="B1509" s="500"/>
      <c r="C1509" s="499" t="s">
        <v>309</v>
      </c>
      <c r="D1509" s="499" t="s">
        <v>685</v>
      </c>
      <c r="E1509" s="499" t="s">
        <v>684</v>
      </c>
      <c r="F1509" s="499" t="s">
        <v>683</v>
      </c>
      <c r="G1509" s="498" t="s">
        <v>682</v>
      </c>
      <c r="H1509" s="497"/>
      <c r="I1509" s="497"/>
      <c r="J1509" s="497"/>
      <c r="K1509" s="497"/>
      <c r="L1509" s="496"/>
    </row>
    <row r="1510" spans="1:12" ht="16.149999999999999" customHeight="1">
      <c r="A1510" s="733" t="s">
        <v>700</v>
      </c>
      <c r="B1510" s="734"/>
      <c r="C1510" s="495"/>
      <c r="D1510" s="494"/>
      <c r="E1510" s="493"/>
      <c r="F1510" s="492"/>
      <c r="G1510" s="486" t="s">
        <v>651</v>
      </c>
      <c r="H1510" s="549"/>
      <c r="I1510" s="549"/>
      <c r="J1510" s="549"/>
      <c r="K1510" s="549"/>
      <c r="L1510" s="551"/>
    </row>
    <row r="1511" spans="1:12" ht="16.149999999999999" customHeight="1">
      <c r="A1511" s="735"/>
      <c r="B1511" s="736"/>
      <c r="C1511" s="490"/>
      <c r="D1511" s="489"/>
      <c r="E1511" s="491"/>
      <c r="F1511" s="487" t="s">
        <v>651</v>
      </c>
      <c r="G1511" s="486" t="s">
        <v>651</v>
      </c>
      <c r="H1511" s="549"/>
      <c r="I1511" s="549"/>
      <c r="J1511" s="549"/>
      <c r="K1511" s="549"/>
      <c r="L1511" s="551"/>
    </row>
    <row r="1512" spans="1:12" ht="16.149999999999999" customHeight="1">
      <c r="A1512" s="735" t="s">
        <v>651</v>
      </c>
      <c r="B1512" s="736"/>
      <c r="C1512" s="490" t="s">
        <v>242</v>
      </c>
      <c r="D1512" s="489">
        <v>1</v>
      </c>
      <c r="E1512" s="488"/>
      <c r="F1512" s="487"/>
      <c r="G1512" s="486" t="s">
        <v>651</v>
      </c>
      <c r="H1512" s="549"/>
      <c r="I1512" s="549"/>
      <c r="J1512" s="549"/>
      <c r="K1512" s="549"/>
      <c r="L1512" s="551"/>
    </row>
    <row r="1513" spans="1:12" ht="16.149999999999999" customHeight="1">
      <c r="A1513" s="737"/>
      <c r="B1513" s="738"/>
      <c r="C1513" s="485"/>
      <c r="D1513" s="484"/>
      <c r="E1513" s="483"/>
      <c r="F1513" s="482"/>
      <c r="G1513" s="481" t="s">
        <v>651</v>
      </c>
      <c r="H1513" s="476"/>
      <c r="I1513" s="476"/>
      <c r="J1513" s="476"/>
      <c r="K1513" s="476"/>
      <c r="L1513" s="475"/>
    </row>
    <row r="1514" spans="1:12" ht="16.149999999999999" customHeight="1">
      <c r="A1514" s="733" t="s">
        <v>651</v>
      </c>
      <c r="B1514" s="734"/>
      <c r="C1514" s="495"/>
      <c r="D1514" s="494"/>
      <c r="E1514" s="493"/>
      <c r="F1514" s="492"/>
      <c r="G1514" s="486" t="s">
        <v>651</v>
      </c>
      <c r="H1514" s="549"/>
      <c r="I1514" s="549"/>
      <c r="J1514" s="549"/>
      <c r="K1514" s="549"/>
      <c r="L1514" s="551"/>
    </row>
    <row r="1515" spans="1:12" ht="16.149999999999999" customHeight="1">
      <c r="A1515" s="735"/>
      <c r="B1515" s="736"/>
      <c r="C1515" s="490"/>
      <c r="D1515" s="489"/>
      <c r="E1515" s="491"/>
      <c r="F1515" s="487" t="s">
        <v>651</v>
      </c>
      <c r="G1515" s="486" t="s">
        <v>651</v>
      </c>
      <c r="H1515" s="549"/>
      <c r="I1515" s="549"/>
      <c r="J1515" s="549"/>
      <c r="K1515" s="549"/>
      <c r="L1515" s="551"/>
    </row>
    <row r="1516" spans="1:12" ht="16.149999999999999" customHeight="1">
      <c r="A1516" s="735" t="s">
        <v>691</v>
      </c>
      <c r="B1516" s="736"/>
      <c r="C1516" s="490" t="s">
        <v>697</v>
      </c>
      <c r="D1516" s="489">
        <v>1</v>
      </c>
      <c r="E1516" s="488"/>
      <c r="F1516" s="487"/>
      <c r="G1516" s="486" t="s">
        <v>651</v>
      </c>
      <c r="H1516" s="549"/>
      <c r="I1516" s="549"/>
      <c r="J1516" s="549"/>
      <c r="K1516" s="549"/>
      <c r="L1516" s="551"/>
    </row>
    <row r="1517" spans="1:12" ht="16.149999999999999" customHeight="1">
      <c r="A1517" s="737"/>
      <c r="B1517" s="738"/>
      <c r="C1517" s="485"/>
      <c r="D1517" s="484"/>
      <c r="E1517" s="483"/>
      <c r="F1517" s="482"/>
      <c r="G1517" s="481" t="s">
        <v>651</v>
      </c>
      <c r="H1517" s="476"/>
      <c r="I1517" s="476"/>
      <c r="J1517" s="476"/>
      <c r="K1517" s="476"/>
      <c r="L1517" s="475"/>
    </row>
    <row r="1518" spans="1:12" ht="16.149999999999999" customHeight="1">
      <c r="A1518" s="733" t="s">
        <v>651</v>
      </c>
      <c r="B1518" s="734"/>
      <c r="C1518" s="495"/>
      <c r="D1518" s="494"/>
      <c r="E1518" s="493"/>
      <c r="F1518" s="492"/>
      <c r="G1518" s="486" t="s">
        <v>651</v>
      </c>
      <c r="H1518" s="549"/>
      <c r="I1518" s="549"/>
      <c r="J1518" s="549"/>
      <c r="K1518" s="549"/>
      <c r="L1518" s="551"/>
    </row>
    <row r="1519" spans="1:12" ht="16.149999999999999" customHeight="1">
      <c r="A1519" s="735"/>
      <c r="B1519" s="736"/>
      <c r="C1519" s="490"/>
      <c r="D1519" s="489"/>
      <c r="E1519" s="491"/>
      <c r="F1519" s="487" t="s">
        <v>651</v>
      </c>
      <c r="G1519" s="486" t="s">
        <v>651</v>
      </c>
      <c r="H1519" s="549"/>
      <c r="I1519" s="549"/>
      <c r="J1519" s="549"/>
      <c r="K1519" s="549"/>
      <c r="L1519" s="551"/>
    </row>
    <row r="1520" spans="1:12" ht="16.149999999999999" customHeight="1">
      <c r="A1520" s="735" t="s">
        <v>681</v>
      </c>
      <c r="B1520" s="736"/>
      <c r="C1520" s="490" t="s">
        <v>697</v>
      </c>
      <c r="D1520" s="489">
        <v>1</v>
      </c>
      <c r="E1520" s="488" t="s">
        <v>618</v>
      </c>
      <c r="F1520" s="487"/>
      <c r="G1520" s="486" t="s">
        <v>651</v>
      </c>
      <c r="H1520" s="549"/>
      <c r="I1520" s="549"/>
      <c r="J1520" s="549"/>
      <c r="K1520" s="549"/>
      <c r="L1520" s="551"/>
    </row>
    <row r="1521" spans="1:12" ht="16.149999999999999" customHeight="1">
      <c r="A1521" s="737"/>
      <c r="B1521" s="738"/>
      <c r="C1521" s="485"/>
      <c r="D1521" s="484"/>
      <c r="E1521" s="483"/>
      <c r="F1521" s="482"/>
      <c r="G1521" s="481" t="s">
        <v>651</v>
      </c>
      <c r="H1521" s="476"/>
      <c r="I1521" s="476"/>
      <c r="J1521" s="476"/>
      <c r="K1521" s="476"/>
      <c r="L1521" s="475"/>
    </row>
    <row r="1523" spans="1:12" ht="16.149999999999999" customHeight="1">
      <c r="A1523" s="507" t="s">
        <v>651</v>
      </c>
      <c r="B1523" s="479" t="s">
        <v>788</v>
      </c>
      <c r="C1523" s="480"/>
      <c r="D1523" s="479"/>
      <c r="E1523" s="479"/>
      <c r="F1523" s="479"/>
      <c r="G1523" s="479"/>
      <c r="H1523" s="479" t="s">
        <v>617</v>
      </c>
      <c r="I1523" s="480" t="s">
        <v>861</v>
      </c>
      <c r="J1523" s="479" t="s">
        <v>689</v>
      </c>
      <c r="K1523" s="479" t="s">
        <v>688</v>
      </c>
      <c r="L1523" s="506"/>
    </row>
    <row r="1524" spans="1:12" ht="16.149999999999999" customHeight="1">
      <c r="A1524" s="505" t="s">
        <v>651</v>
      </c>
      <c r="B1524" s="549" t="s">
        <v>848</v>
      </c>
      <c r="C1524" s="550"/>
      <c r="D1524" s="549"/>
      <c r="E1524" s="549"/>
      <c r="F1524" s="549"/>
      <c r="G1524" s="478"/>
      <c r="H1524" s="549"/>
      <c r="I1524" s="504"/>
      <c r="J1524" s="503" t="s">
        <v>687</v>
      </c>
      <c r="K1524" s="502" t="s">
        <v>697</v>
      </c>
      <c r="L1524" s="501" t="s">
        <v>618</v>
      </c>
    </row>
    <row r="1525" spans="1:12" ht="16.149999999999999" customHeight="1">
      <c r="A1525" s="477" t="s">
        <v>651</v>
      </c>
      <c r="B1525" s="549"/>
      <c r="C1525" s="550"/>
      <c r="D1525" s="549"/>
      <c r="E1525" s="549"/>
      <c r="F1525" s="549"/>
      <c r="G1525" s="478"/>
      <c r="H1525" s="478"/>
      <c r="I1525" s="478"/>
      <c r="J1525" s="478"/>
      <c r="K1525" s="478"/>
      <c r="L1525" s="501"/>
    </row>
    <row r="1526" spans="1:12" ht="16.149999999999999" customHeight="1">
      <c r="A1526" s="498" t="s">
        <v>686</v>
      </c>
      <c r="B1526" s="500"/>
      <c r="C1526" s="499" t="s">
        <v>309</v>
      </c>
      <c r="D1526" s="499" t="s">
        <v>685</v>
      </c>
      <c r="E1526" s="499" t="s">
        <v>684</v>
      </c>
      <c r="F1526" s="499" t="s">
        <v>683</v>
      </c>
      <c r="G1526" s="498" t="s">
        <v>682</v>
      </c>
      <c r="H1526" s="497"/>
      <c r="I1526" s="497"/>
      <c r="J1526" s="497"/>
      <c r="K1526" s="497"/>
      <c r="L1526" s="496"/>
    </row>
    <row r="1527" spans="1:12" ht="16.149999999999999" customHeight="1">
      <c r="A1527" s="733" t="s">
        <v>788</v>
      </c>
      <c r="B1527" s="734"/>
      <c r="C1527" s="495"/>
      <c r="D1527" s="494"/>
      <c r="E1527" s="493"/>
      <c r="F1527" s="492"/>
      <c r="G1527" s="486" t="s">
        <v>651</v>
      </c>
      <c r="H1527" s="549"/>
      <c r="I1527" s="549"/>
      <c r="J1527" s="549"/>
      <c r="K1527" s="549"/>
      <c r="L1527" s="551"/>
    </row>
    <row r="1528" spans="1:12" ht="16.149999999999999" customHeight="1">
      <c r="A1528" s="735"/>
      <c r="B1528" s="736"/>
      <c r="C1528" s="490"/>
      <c r="D1528" s="489"/>
      <c r="E1528" s="491"/>
      <c r="F1528" s="487" t="s">
        <v>651</v>
      </c>
      <c r="G1528" s="486" t="s">
        <v>651</v>
      </c>
      <c r="H1528" s="549"/>
      <c r="I1528" s="549"/>
      <c r="J1528" s="549"/>
      <c r="K1528" s="549"/>
      <c r="L1528" s="551"/>
    </row>
    <row r="1529" spans="1:12" ht="16.149999999999999" customHeight="1">
      <c r="A1529" s="735" t="s">
        <v>860</v>
      </c>
      <c r="B1529" s="736"/>
      <c r="C1529" s="490" t="s">
        <v>697</v>
      </c>
      <c r="D1529" s="489">
        <v>1</v>
      </c>
      <c r="E1529" s="488"/>
      <c r="F1529" s="487"/>
      <c r="G1529" s="486" t="s">
        <v>651</v>
      </c>
      <c r="H1529" s="549"/>
      <c r="I1529" s="549"/>
      <c r="J1529" s="549"/>
      <c r="K1529" s="549"/>
      <c r="L1529" s="551"/>
    </row>
    <row r="1530" spans="1:12" ht="16.149999999999999" customHeight="1">
      <c r="A1530" s="737"/>
      <c r="B1530" s="738"/>
      <c r="C1530" s="485"/>
      <c r="D1530" s="484"/>
      <c r="E1530" s="483"/>
      <c r="F1530" s="482"/>
      <c r="G1530" s="481" t="s">
        <v>651</v>
      </c>
      <c r="H1530" s="476"/>
      <c r="I1530" s="476"/>
      <c r="J1530" s="476"/>
      <c r="K1530" s="476"/>
      <c r="L1530" s="475"/>
    </row>
    <row r="1531" spans="1:12" ht="16.149999999999999" customHeight="1">
      <c r="A1531" s="733" t="s">
        <v>777</v>
      </c>
      <c r="B1531" s="734"/>
      <c r="C1531" s="495"/>
      <c r="D1531" s="494"/>
      <c r="E1531" s="493"/>
      <c r="F1531" s="492"/>
      <c r="G1531" s="486" t="s">
        <v>651</v>
      </c>
      <c r="H1531" s="549"/>
      <c r="I1531" s="549"/>
      <c r="J1531" s="549"/>
      <c r="K1531" s="549"/>
      <c r="L1531" s="551"/>
    </row>
    <row r="1532" spans="1:12" ht="16.149999999999999" customHeight="1">
      <c r="A1532" s="735"/>
      <c r="B1532" s="736"/>
      <c r="C1532" s="490"/>
      <c r="D1532" s="489"/>
      <c r="E1532" s="491"/>
      <c r="F1532" s="487" t="s">
        <v>651</v>
      </c>
      <c r="G1532" s="486" t="s">
        <v>651</v>
      </c>
      <c r="H1532" s="549"/>
      <c r="I1532" s="549"/>
      <c r="J1532" s="549"/>
      <c r="K1532" s="549"/>
      <c r="L1532" s="551"/>
    </row>
    <row r="1533" spans="1:12" ht="16.149999999999999" customHeight="1">
      <c r="A1533" s="735" t="s">
        <v>853</v>
      </c>
      <c r="B1533" s="736"/>
      <c r="C1533" s="490" t="s">
        <v>697</v>
      </c>
      <c r="D1533" s="489">
        <v>1</v>
      </c>
      <c r="E1533" s="488"/>
      <c r="F1533" s="487"/>
      <c r="G1533" s="486" t="s">
        <v>651</v>
      </c>
      <c r="H1533" s="549"/>
      <c r="I1533" s="549"/>
      <c r="J1533" s="549"/>
      <c r="K1533" s="549"/>
      <c r="L1533" s="551"/>
    </row>
    <row r="1534" spans="1:12" ht="16.149999999999999" customHeight="1">
      <c r="A1534" s="737"/>
      <c r="B1534" s="738"/>
      <c r="C1534" s="485"/>
      <c r="D1534" s="484"/>
      <c r="E1534" s="483"/>
      <c r="F1534" s="482"/>
      <c r="G1534" s="481" t="s">
        <v>651</v>
      </c>
      <c r="H1534" s="476"/>
      <c r="I1534" s="476"/>
      <c r="J1534" s="476"/>
      <c r="K1534" s="476"/>
      <c r="L1534" s="475"/>
    </row>
    <row r="1535" spans="1:12" ht="16.149999999999999" customHeight="1">
      <c r="A1535" s="733" t="s">
        <v>651</v>
      </c>
      <c r="B1535" s="734"/>
      <c r="C1535" s="495"/>
      <c r="D1535" s="494"/>
      <c r="E1535" s="493"/>
      <c r="F1535" s="492"/>
      <c r="G1535" s="486" t="s">
        <v>651</v>
      </c>
      <c r="H1535" s="549"/>
      <c r="I1535" s="549"/>
      <c r="J1535" s="549"/>
      <c r="K1535" s="549"/>
      <c r="L1535" s="551"/>
    </row>
    <row r="1536" spans="1:12" ht="16.149999999999999" customHeight="1">
      <c r="A1536" s="735"/>
      <c r="B1536" s="736"/>
      <c r="C1536" s="490"/>
      <c r="D1536" s="489"/>
      <c r="E1536" s="491"/>
      <c r="F1536" s="487" t="s">
        <v>651</v>
      </c>
      <c r="G1536" s="486" t="s">
        <v>651</v>
      </c>
      <c r="H1536" s="549"/>
      <c r="I1536" s="549"/>
      <c r="J1536" s="549"/>
      <c r="K1536" s="549"/>
      <c r="L1536" s="551"/>
    </row>
    <row r="1537" spans="1:12" ht="16.149999999999999" customHeight="1">
      <c r="A1537" s="735" t="s">
        <v>691</v>
      </c>
      <c r="B1537" s="736"/>
      <c r="C1537" s="490" t="s">
        <v>697</v>
      </c>
      <c r="D1537" s="489">
        <v>1</v>
      </c>
      <c r="E1537" s="488"/>
      <c r="F1537" s="487"/>
      <c r="G1537" s="486" t="s">
        <v>651</v>
      </c>
      <c r="H1537" s="549"/>
      <c r="I1537" s="549"/>
      <c r="J1537" s="549"/>
      <c r="K1537" s="549"/>
      <c r="L1537" s="551"/>
    </row>
    <row r="1538" spans="1:12" ht="16.149999999999999" customHeight="1">
      <c r="A1538" s="737"/>
      <c r="B1538" s="738"/>
      <c r="C1538" s="485"/>
      <c r="D1538" s="484"/>
      <c r="E1538" s="483"/>
      <c r="F1538" s="482"/>
      <c r="G1538" s="481" t="s">
        <v>651</v>
      </c>
      <c r="H1538" s="476"/>
      <c r="I1538" s="476"/>
      <c r="J1538" s="476"/>
      <c r="K1538" s="476"/>
      <c r="L1538" s="475"/>
    </row>
    <row r="1541" spans="1:12" ht="16.149999999999999" customHeight="1">
      <c r="A1541" s="507" t="s">
        <v>651</v>
      </c>
      <c r="B1541" s="479" t="s">
        <v>788</v>
      </c>
      <c r="C1541" s="480"/>
      <c r="D1541" s="479"/>
      <c r="E1541" s="479"/>
      <c r="F1541" s="479"/>
      <c r="G1541" s="479"/>
      <c r="H1541" s="479" t="s">
        <v>617</v>
      </c>
      <c r="I1541" s="480" t="s">
        <v>861</v>
      </c>
      <c r="J1541" s="479" t="s">
        <v>689</v>
      </c>
      <c r="K1541" s="479" t="s">
        <v>688</v>
      </c>
      <c r="L1541" s="506"/>
    </row>
    <row r="1542" spans="1:12" ht="16.149999999999999" customHeight="1">
      <c r="A1542" s="505" t="s">
        <v>651</v>
      </c>
      <c r="B1542" s="549" t="s">
        <v>848</v>
      </c>
      <c r="C1542" s="550"/>
      <c r="D1542" s="549"/>
      <c r="E1542" s="549"/>
      <c r="F1542" s="549"/>
      <c r="G1542" s="478"/>
      <c r="H1542" s="549"/>
      <c r="I1542" s="504"/>
      <c r="J1542" s="503" t="s">
        <v>687</v>
      </c>
      <c r="K1542" s="502" t="s">
        <v>697</v>
      </c>
      <c r="L1542" s="501" t="s">
        <v>618</v>
      </c>
    </row>
    <row r="1543" spans="1:12" ht="16.149999999999999" customHeight="1">
      <c r="A1543" s="477" t="s">
        <v>651</v>
      </c>
      <c r="B1543" s="549"/>
      <c r="C1543" s="550"/>
      <c r="D1543" s="549"/>
      <c r="E1543" s="549"/>
      <c r="F1543" s="549"/>
      <c r="G1543" s="478"/>
      <c r="H1543" s="478"/>
      <c r="I1543" s="478"/>
      <c r="J1543" s="478"/>
      <c r="K1543" s="478"/>
      <c r="L1543" s="501"/>
    </row>
    <row r="1544" spans="1:12" ht="16.149999999999999" customHeight="1">
      <c r="A1544" s="498" t="s">
        <v>686</v>
      </c>
      <c r="B1544" s="500"/>
      <c r="C1544" s="499" t="s">
        <v>309</v>
      </c>
      <c r="D1544" s="499" t="s">
        <v>685</v>
      </c>
      <c r="E1544" s="499" t="s">
        <v>684</v>
      </c>
      <c r="F1544" s="499" t="s">
        <v>683</v>
      </c>
      <c r="G1544" s="498" t="s">
        <v>682</v>
      </c>
      <c r="H1544" s="497"/>
      <c r="I1544" s="497"/>
      <c r="J1544" s="497"/>
      <c r="K1544" s="497"/>
      <c r="L1544" s="496"/>
    </row>
    <row r="1545" spans="1:12" ht="16.149999999999999" customHeight="1">
      <c r="A1545" s="733" t="s">
        <v>651</v>
      </c>
      <c r="B1545" s="734"/>
      <c r="C1545" s="495"/>
      <c r="D1545" s="494"/>
      <c r="E1545" s="493"/>
      <c r="F1545" s="492"/>
      <c r="G1545" s="486" t="s">
        <v>651</v>
      </c>
      <c r="H1545" s="549"/>
      <c r="I1545" s="549"/>
      <c r="J1545" s="549"/>
      <c r="K1545" s="549"/>
      <c r="L1545" s="551"/>
    </row>
    <row r="1546" spans="1:12" ht="16.149999999999999" customHeight="1">
      <c r="A1546" s="735"/>
      <c r="B1546" s="736"/>
      <c r="C1546" s="490"/>
      <c r="D1546" s="489"/>
      <c r="E1546" s="491"/>
      <c r="F1546" s="487" t="s">
        <v>651</v>
      </c>
      <c r="G1546" s="486" t="s">
        <v>651</v>
      </c>
      <c r="H1546" s="549"/>
      <c r="I1546" s="549"/>
      <c r="J1546" s="549"/>
      <c r="K1546" s="549"/>
      <c r="L1546" s="551"/>
    </row>
    <row r="1547" spans="1:12" ht="16.149999999999999" customHeight="1">
      <c r="A1547" s="735" t="s">
        <v>681</v>
      </c>
      <c r="B1547" s="736"/>
      <c r="C1547" s="490" t="s">
        <v>697</v>
      </c>
      <c r="D1547" s="489">
        <v>1</v>
      </c>
      <c r="E1547" s="488" t="s">
        <v>618</v>
      </c>
      <c r="F1547" s="487"/>
      <c r="G1547" s="486" t="s">
        <v>651</v>
      </c>
      <c r="H1547" s="549"/>
      <c r="I1547" s="549"/>
      <c r="J1547" s="549"/>
      <c r="K1547" s="549"/>
      <c r="L1547" s="551"/>
    </row>
    <row r="1548" spans="1:12" ht="16.149999999999999" customHeight="1">
      <c r="A1548" s="737"/>
      <c r="B1548" s="738"/>
      <c r="C1548" s="485"/>
      <c r="D1548" s="484"/>
      <c r="E1548" s="483"/>
      <c r="F1548" s="482"/>
      <c r="G1548" s="481" t="s">
        <v>651</v>
      </c>
      <c r="H1548" s="476"/>
      <c r="I1548" s="476"/>
      <c r="J1548" s="476"/>
      <c r="K1548" s="476"/>
      <c r="L1548" s="475"/>
    </row>
    <row r="1550" spans="1:12" ht="16.149999999999999" customHeight="1">
      <c r="A1550" s="507" t="s">
        <v>651</v>
      </c>
      <c r="B1550" s="479" t="s">
        <v>783</v>
      </c>
      <c r="C1550" s="480"/>
      <c r="D1550" s="479"/>
      <c r="E1550" s="479"/>
      <c r="F1550" s="479"/>
      <c r="G1550" s="479"/>
      <c r="H1550" s="479" t="s">
        <v>617</v>
      </c>
      <c r="I1550" s="480" t="s">
        <v>859</v>
      </c>
      <c r="J1550" s="479" t="s">
        <v>689</v>
      </c>
      <c r="K1550" s="479" t="s">
        <v>688</v>
      </c>
      <c r="L1550" s="506"/>
    </row>
    <row r="1551" spans="1:12" ht="16.149999999999999" customHeight="1">
      <c r="A1551" s="505" t="s">
        <v>651</v>
      </c>
      <c r="B1551" s="549" t="s">
        <v>1668</v>
      </c>
      <c r="C1551" s="550"/>
      <c r="D1551" s="549"/>
      <c r="E1551" s="549"/>
      <c r="F1551" s="549"/>
      <c r="G1551" s="478"/>
      <c r="H1551" s="549"/>
      <c r="I1551" s="504"/>
      <c r="J1551" s="503" t="s">
        <v>687</v>
      </c>
      <c r="K1551" s="502" t="s">
        <v>242</v>
      </c>
      <c r="L1551" s="501" t="s">
        <v>618</v>
      </c>
    </row>
    <row r="1552" spans="1:12" ht="16.149999999999999" customHeight="1">
      <c r="A1552" s="477" t="s">
        <v>651</v>
      </c>
      <c r="B1552" s="549"/>
      <c r="C1552" s="550"/>
      <c r="D1552" s="549"/>
      <c r="E1552" s="549"/>
      <c r="F1552" s="549"/>
      <c r="G1552" s="478"/>
      <c r="H1552" s="478"/>
      <c r="I1552" s="478"/>
      <c r="J1552" s="478"/>
      <c r="K1552" s="478"/>
      <c r="L1552" s="501"/>
    </row>
    <row r="1553" spans="1:12" ht="16.149999999999999" customHeight="1">
      <c r="A1553" s="498" t="s">
        <v>686</v>
      </c>
      <c r="B1553" s="500"/>
      <c r="C1553" s="499" t="s">
        <v>309</v>
      </c>
      <c r="D1553" s="499" t="s">
        <v>685</v>
      </c>
      <c r="E1553" s="499" t="s">
        <v>684</v>
      </c>
      <c r="F1553" s="499" t="s">
        <v>683</v>
      </c>
      <c r="G1553" s="498" t="s">
        <v>682</v>
      </c>
      <c r="H1553" s="497"/>
      <c r="I1553" s="497"/>
      <c r="J1553" s="497"/>
      <c r="K1553" s="497"/>
      <c r="L1553" s="496"/>
    </row>
    <row r="1554" spans="1:12" ht="16.149999999999999" customHeight="1">
      <c r="A1554" s="733" t="s">
        <v>786</v>
      </c>
      <c r="B1554" s="734"/>
      <c r="C1554" s="495"/>
      <c r="D1554" s="494"/>
      <c r="E1554" s="493"/>
      <c r="F1554" s="492"/>
      <c r="G1554" s="486" t="s">
        <v>651</v>
      </c>
      <c r="H1554" s="549"/>
      <c r="I1554" s="549"/>
      <c r="J1554" s="549"/>
      <c r="K1554" s="549"/>
      <c r="L1554" s="551"/>
    </row>
    <row r="1555" spans="1:12" ht="16.149999999999999" customHeight="1">
      <c r="A1555" s="735"/>
      <c r="B1555" s="736"/>
      <c r="C1555" s="490"/>
      <c r="D1555" s="489"/>
      <c r="E1555" s="491"/>
      <c r="F1555" s="487" t="s">
        <v>651</v>
      </c>
      <c r="G1555" s="486" t="s">
        <v>651</v>
      </c>
      <c r="H1555" s="549"/>
      <c r="I1555" s="549"/>
      <c r="J1555" s="549"/>
      <c r="K1555" s="549"/>
      <c r="L1555" s="551"/>
    </row>
    <row r="1556" spans="1:12" ht="16.149999999999999" customHeight="1">
      <c r="A1556" s="735" t="s">
        <v>853</v>
      </c>
      <c r="B1556" s="736"/>
      <c r="C1556" s="490" t="s">
        <v>281</v>
      </c>
      <c r="D1556" s="489">
        <v>1</v>
      </c>
      <c r="E1556" s="488"/>
      <c r="F1556" s="487"/>
      <c r="G1556" s="486" t="s">
        <v>651</v>
      </c>
      <c r="H1556" s="549"/>
      <c r="I1556" s="549"/>
      <c r="J1556" s="549"/>
      <c r="K1556" s="549"/>
      <c r="L1556" s="551"/>
    </row>
    <row r="1557" spans="1:12" ht="16.149999999999999" customHeight="1">
      <c r="A1557" s="737"/>
      <c r="B1557" s="738"/>
      <c r="C1557" s="485"/>
      <c r="D1557" s="484"/>
      <c r="E1557" s="483"/>
      <c r="F1557" s="482"/>
      <c r="G1557" s="481" t="s">
        <v>651</v>
      </c>
      <c r="H1557" s="476"/>
      <c r="I1557" s="476"/>
      <c r="J1557" s="476"/>
      <c r="K1557" s="476"/>
      <c r="L1557" s="475"/>
    </row>
    <row r="1558" spans="1:12" ht="16.149999999999999" customHeight="1">
      <c r="A1558" s="733" t="s">
        <v>785</v>
      </c>
      <c r="B1558" s="734"/>
      <c r="C1558" s="495"/>
      <c r="D1558" s="494"/>
      <c r="E1558" s="493"/>
      <c r="F1558" s="492"/>
      <c r="G1558" s="486" t="s">
        <v>651</v>
      </c>
      <c r="H1558" s="549"/>
      <c r="I1558" s="549"/>
      <c r="J1558" s="549"/>
      <c r="K1558" s="549"/>
      <c r="L1558" s="551"/>
    </row>
    <row r="1559" spans="1:12" ht="16.149999999999999" customHeight="1">
      <c r="A1559" s="735"/>
      <c r="B1559" s="736"/>
      <c r="C1559" s="490"/>
      <c r="D1559" s="489"/>
      <c r="E1559" s="491"/>
      <c r="F1559" s="487" t="s">
        <v>651</v>
      </c>
      <c r="G1559" s="486" t="s">
        <v>651</v>
      </c>
      <c r="H1559" s="549"/>
      <c r="I1559" s="549"/>
      <c r="J1559" s="549"/>
      <c r="K1559" s="549"/>
      <c r="L1559" s="551"/>
    </row>
    <row r="1560" spans="1:12" ht="16.149999999999999" customHeight="1">
      <c r="A1560" s="735" t="s">
        <v>853</v>
      </c>
      <c r="B1560" s="736"/>
      <c r="C1560" s="490" t="s">
        <v>281</v>
      </c>
      <c r="D1560" s="489">
        <v>1</v>
      </c>
      <c r="E1560" s="488"/>
      <c r="F1560" s="487"/>
      <c r="G1560" s="486" t="s">
        <v>651</v>
      </c>
      <c r="H1560" s="549"/>
      <c r="I1560" s="549"/>
      <c r="J1560" s="549"/>
      <c r="K1560" s="549"/>
      <c r="L1560" s="551"/>
    </row>
    <row r="1561" spans="1:12" ht="16.149999999999999" customHeight="1">
      <c r="A1561" s="737"/>
      <c r="B1561" s="738"/>
      <c r="C1561" s="485"/>
      <c r="D1561" s="484"/>
      <c r="E1561" s="483"/>
      <c r="F1561" s="482"/>
      <c r="G1561" s="481" t="s">
        <v>651</v>
      </c>
      <c r="H1561" s="476"/>
      <c r="I1561" s="476"/>
      <c r="J1561" s="476"/>
      <c r="K1561" s="476"/>
      <c r="L1561" s="475"/>
    </row>
    <row r="1562" spans="1:12" ht="16.149999999999999" customHeight="1">
      <c r="A1562" s="733" t="s">
        <v>651</v>
      </c>
      <c r="B1562" s="734"/>
      <c r="C1562" s="495"/>
      <c r="D1562" s="494"/>
      <c r="E1562" s="493"/>
      <c r="F1562" s="492"/>
      <c r="G1562" s="486" t="s">
        <v>651</v>
      </c>
      <c r="H1562" s="549"/>
      <c r="I1562" s="549"/>
      <c r="J1562" s="549"/>
      <c r="K1562" s="549"/>
      <c r="L1562" s="551"/>
    </row>
    <row r="1563" spans="1:12" ht="16.149999999999999" customHeight="1">
      <c r="A1563" s="735"/>
      <c r="B1563" s="736"/>
      <c r="C1563" s="490"/>
      <c r="D1563" s="489"/>
      <c r="E1563" s="491"/>
      <c r="F1563" s="487" t="s">
        <v>651</v>
      </c>
      <c r="G1563" s="486" t="s">
        <v>651</v>
      </c>
      <c r="H1563" s="549"/>
      <c r="I1563" s="549"/>
      <c r="J1563" s="549"/>
      <c r="K1563" s="549"/>
      <c r="L1563" s="551"/>
    </row>
    <row r="1564" spans="1:12" ht="16.149999999999999" customHeight="1">
      <c r="A1564" s="735" t="s">
        <v>691</v>
      </c>
      <c r="B1564" s="736"/>
      <c r="C1564" s="490" t="s">
        <v>242</v>
      </c>
      <c r="D1564" s="489">
        <v>1</v>
      </c>
      <c r="E1564" s="488"/>
      <c r="F1564" s="487"/>
      <c r="G1564" s="486" t="s">
        <v>651</v>
      </c>
      <c r="H1564" s="549"/>
      <c r="I1564" s="549"/>
      <c r="J1564" s="549"/>
      <c r="K1564" s="549"/>
      <c r="L1564" s="551"/>
    </row>
    <row r="1565" spans="1:12" ht="16.149999999999999" customHeight="1">
      <c r="A1565" s="737"/>
      <c r="B1565" s="738"/>
      <c r="C1565" s="485"/>
      <c r="D1565" s="484"/>
      <c r="E1565" s="483"/>
      <c r="F1565" s="482"/>
      <c r="G1565" s="481" t="s">
        <v>651</v>
      </c>
      <c r="H1565" s="476"/>
      <c r="I1565" s="476"/>
      <c r="J1565" s="476"/>
      <c r="K1565" s="476"/>
      <c r="L1565" s="475"/>
    </row>
    <row r="1566" spans="1:12" ht="16.149999999999999" customHeight="1">
      <c r="A1566" s="733" t="s">
        <v>651</v>
      </c>
      <c r="B1566" s="734"/>
      <c r="C1566" s="495"/>
      <c r="D1566" s="494"/>
      <c r="E1566" s="493"/>
      <c r="F1566" s="492"/>
      <c r="G1566" s="486" t="s">
        <v>651</v>
      </c>
      <c r="H1566" s="549"/>
      <c r="I1566" s="549"/>
      <c r="J1566" s="549"/>
      <c r="K1566" s="549"/>
      <c r="L1566" s="551"/>
    </row>
    <row r="1567" spans="1:12" ht="16.149999999999999" customHeight="1">
      <c r="A1567" s="735"/>
      <c r="B1567" s="736"/>
      <c r="C1567" s="490"/>
      <c r="D1567" s="489"/>
      <c r="E1567" s="491"/>
      <c r="F1567" s="487" t="s">
        <v>651</v>
      </c>
      <c r="G1567" s="486" t="s">
        <v>651</v>
      </c>
      <c r="H1567" s="549"/>
      <c r="I1567" s="549"/>
      <c r="J1567" s="549"/>
      <c r="K1567" s="549"/>
      <c r="L1567" s="551"/>
    </row>
    <row r="1568" spans="1:12" ht="16.149999999999999" customHeight="1">
      <c r="A1568" s="735" t="s">
        <v>681</v>
      </c>
      <c r="B1568" s="736"/>
      <c r="C1568" s="490" t="s">
        <v>242</v>
      </c>
      <c r="D1568" s="489">
        <v>1</v>
      </c>
      <c r="E1568" s="488" t="s">
        <v>618</v>
      </c>
      <c r="F1568" s="487"/>
      <c r="G1568" s="486" t="s">
        <v>651</v>
      </c>
      <c r="H1568" s="549"/>
      <c r="I1568" s="549"/>
      <c r="J1568" s="549"/>
      <c r="K1568" s="549"/>
      <c r="L1568" s="551"/>
    </row>
    <row r="1569" spans="1:12" ht="16.149999999999999" customHeight="1">
      <c r="A1569" s="737"/>
      <c r="B1569" s="738"/>
      <c r="C1569" s="485"/>
      <c r="D1569" s="484"/>
      <c r="E1569" s="483"/>
      <c r="F1569" s="482"/>
      <c r="G1569" s="481" t="s">
        <v>651</v>
      </c>
      <c r="H1569" s="476"/>
      <c r="I1569" s="476"/>
      <c r="J1569" s="476"/>
      <c r="K1569" s="476"/>
      <c r="L1569" s="475"/>
    </row>
    <row r="1576" spans="1:12" ht="16.149999999999999" customHeight="1">
      <c r="A1576" s="507" t="s">
        <v>651</v>
      </c>
      <c r="B1576" s="479" t="s">
        <v>856</v>
      </c>
      <c r="C1576" s="480"/>
      <c r="D1576" s="479"/>
      <c r="E1576" s="479"/>
      <c r="F1576" s="479"/>
      <c r="G1576" s="479"/>
      <c r="H1576" s="479" t="s">
        <v>617</v>
      </c>
      <c r="I1576" s="480" t="s">
        <v>855</v>
      </c>
      <c r="J1576" s="479" t="s">
        <v>689</v>
      </c>
      <c r="K1576" s="479" t="s">
        <v>688</v>
      </c>
      <c r="L1576" s="506"/>
    </row>
    <row r="1577" spans="1:12" ht="16.149999999999999" customHeight="1">
      <c r="A1577" s="505" t="s">
        <v>651</v>
      </c>
      <c r="B1577" s="549" t="s">
        <v>854</v>
      </c>
      <c r="C1577" s="550"/>
      <c r="D1577" s="549"/>
      <c r="E1577" s="549"/>
      <c r="F1577" s="549"/>
      <c r="G1577" s="478"/>
      <c r="H1577" s="549"/>
      <c r="I1577" s="504"/>
      <c r="J1577" s="503" t="s">
        <v>687</v>
      </c>
      <c r="K1577" s="502" t="s">
        <v>697</v>
      </c>
      <c r="L1577" s="501" t="s">
        <v>618</v>
      </c>
    </row>
    <row r="1578" spans="1:12" ht="16.149999999999999" customHeight="1">
      <c r="A1578" s="477" t="s">
        <v>651</v>
      </c>
      <c r="B1578" s="549"/>
      <c r="C1578" s="550"/>
      <c r="D1578" s="549"/>
      <c r="E1578" s="549"/>
      <c r="F1578" s="549"/>
      <c r="G1578" s="478"/>
      <c r="H1578" s="478"/>
      <c r="I1578" s="478"/>
      <c r="J1578" s="478"/>
      <c r="K1578" s="478"/>
      <c r="L1578" s="501"/>
    </row>
    <row r="1579" spans="1:12" ht="16.149999999999999" customHeight="1">
      <c r="A1579" s="498" t="s">
        <v>686</v>
      </c>
      <c r="B1579" s="500"/>
      <c r="C1579" s="499" t="s">
        <v>309</v>
      </c>
      <c r="D1579" s="499" t="s">
        <v>685</v>
      </c>
      <c r="E1579" s="499" t="s">
        <v>684</v>
      </c>
      <c r="F1579" s="499" t="s">
        <v>683</v>
      </c>
      <c r="G1579" s="498" t="s">
        <v>682</v>
      </c>
      <c r="H1579" s="497"/>
      <c r="I1579" s="497"/>
      <c r="J1579" s="497"/>
      <c r="K1579" s="497"/>
      <c r="L1579" s="496"/>
    </row>
    <row r="1580" spans="1:12" ht="16.149999999999999" customHeight="1">
      <c r="A1580" s="733" t="s">
        <v>721</v>
      </c>
      <c r="B1580" s="734"/>
      <c r="C1580" s="495"/>
      <c r="D1580" s="494"/>
      <c r="E1580" s="493"/>
      <c r="F1580" s="492"/>
      <c r="G1580" s="486" t="s">
        <v>651</v>
      </c>
      <c r="H1580" s="549"/>
      <c r="I1580" s="549"/>
      <c r="J1580" s="549"/>
      <c r="K1580" s="549"/>
      <c r="L1580" s="551"/>
    </row>
    <row r="1581" spans="1:12" ht="16.149999999999999" customHeight="1">
      <c r="A1581" s="735"/>
      <c r="B1581" s="736"/>
      <c r="C1581" s="490"/>
      <c r="D1581" s="489"/>
      <c r="E1581" s="491"/>
      <c r="F1581" s="487" t="s">
        <v>651</v>
      </c>
      <c r="G1581" s="486" t="s">
        <v>651</v>
      </c>
      <c r="H1581" s="549"/>
      <c r="I1581" s="549"/>
      <c r="J1581" s="549"/>
      <c r="K1581" s="549"/>
      <c r="L1581" s="551"/>
    </row>
    <row r="1582" spans="1:12" ht="16.149999999999999" customHeight="1">
      <c r="A1582" s="735" t="s">
        <v>651</v>
      </c>
      <c r="B1582" s="736"/>
      <c r="C1582" s="490" t="s">
        <v>248</v>
      </c>
      <c r="D1582" s="489"/>
      <c r="E1582" s="488"/>
      <c r="F1582" s="487"/>
      <c r="G1582" s="486" t="s">
        <v>651</v>
      </c>
      <c r="H1582" s="549"/>
      <c r="I1582" s="549"/>
      <c r="J1582" s="549"/>
      <c r="K1582" s="549"/>
      <c r="L1582" s="551"/>
    </row>
    <row r="1583" spans="1:12" ht="16.149999999999999" customHeight="1">
      <c r="A1583" s="737"/>
      <c r="B1583" s="738"/>
      <c r="C1583" s="485"/>
      <c r="D1583" s="484"/>
      <c r="E1583" s="483"/>
      <c r="F1583" s="482"/>
      <c r="G1583" s="481" t="s">
        <v>651</v>
      </c>
      <c r="H1583" s="476"/>
      <c r="I1583" s="476"/>
      <c r="J1583" s="476"/>
      <c r="K1583" s="476"/>
      <c r="L1583" s="475"/>
    </row>
    <row r="1584" spans="1:12" ht="16.149999999999999" customHeight="1">
      <c r="A1584" s="733" t="s">
        <v>250</v>
      </c>
      <c r="B1584" s="734"/>
      <c r="C1584" s="495"/>
      <c r="D1584" s="494"/>
      <c r="E1584" s="493"/>
      <c r="F1584" s="492"/>
      <c r="G1584" s="486" t="s">
        <v>651</v>
      </c>
      <c r="H1584" s="549"/>
      <c r="I1584" s="549"/>
      <c r="J1584" s="549"/>
      <c r="K1584" s="549"/>
      <c r="L1584" s="551"/>
    </row>
    <row r="1585" spans="1:12" ht="16.149999999999999" customHeight="1">
      <c r="A1585" s="735"/>
      <c r="B1585" s="736"/>
      <c r="C1585" s="490"/>
      <c r="D1585" s="489"/>
      <c r="E1585" s="491"/>
      <c r="F1585" s="487" t="s">
        <v>651</v>
      </c>
      <c r="G1585" s="486" t="s">
        <v>651</v>
      </c>
      <c r="H1585" s="549"/>
      <c r="I1585" s="549"/>
      <c r="J1585" s="549"/>
      <c r="K1585" s="549"/>
      <c r="L1585" s="551"/>
    </row>
    <row r="1586" spans="1:12" ht="16.149999999999999" customHeight="1">
      <c r="A1586" s="735" t="s">
        <v>651</v>
      </c>
      <c r="B1586" s="736"/>
      <c r="C1586" s="490" t="s">
        <v>248</v>
      </c>
      <c r="D1586" s="489"/>
      <c r="E1586" s="488"/>
      <c r="F1586" s="487"/>
      <c r="G1586" s="486" t="s">
        <v>651</v>
      </c>
      <c r="H1586" s="549"/>
      <c r="I1586" s="549"/>
      <c r="J1586" s="549"/>
      <c r="K1586" s="549"/>
      <c r="L1586" s="551"/>
    </row>
    <row r="1587" spans="1:12" ht="16.149999999999999" customHeight="1">
      <c r="A1587" s="737"/>
      <c r="B1587" s="738"/>
      <c r="C1587" s="485"/>
      <c r="D1587" s="484"/>
      <c r="E1587" s="483"/>
      <c r="F1587" s="482"/>
      <c r="G1587" s="481" t="s">
        <v>651</v>
      </c>
      <c r="H1587" s="476"/>
      <c r="I1587" s="476"/>
      <c r="J1587" s="476"/>
      <c r="K1587" s="476"/>
      <c r="L1587" s="475"/>
    </row>
    <row r="1588" spans="1:12" ht="16.149999999999999" customHeight="1">
      <c r="A1588" s="733" t="s">
        <v>788</v>
      </c>
      <c r="B1588" s="734"/>
      <c r="C1588" s="495"/>
      <c r="D1588" s="494"/>
      <c r="E1588" s="493"/>
      <c r="F1588" s="492"/>
      <c r="G1588" s="486" t="s">
        <v>858</v>
      </c>
      <c r="H1588" s="549"/>
      <c r="I1588" s="549"/>
      <c r="J1588" s="549"/>
      <c r="K1588" s="549"/>
      <c r="L1588" s="551"/>
    </row>
    <row r="1589" spans="1:12" ht="16.149999999999999" customHeight="1">
      <c r="A1589" s="735"/>
      <c r="B1589" s="736"/>
      <c r="C1589" s="490"/>
      <c r="D1589" s="489"/>
      <c r="E1589" s="491"/>
      <c r="F1589" s="487" t="s">
        <v>651</v>
      </c>
      <c r="G1589" s="486" t="s">
        <v>651</v>
      </c>
      <c r="H1589" s="549"/>
      <c r="I1589" s="549"/>
      <c r="J1589" s="549"/>
      <c r="K1589" s="549"/>
      <c r="L1589" s="551"/>
    </row>
    <row r="1590" spans="1:12" ht="16.149999999999999" customHeight="1">
      <c r="A1590" s="735" t="s">
        <v>848</v>
      </c>
      <c r="B1590" s="736"/>
      <c r="C1590" s="490" t="s">
        <v>621</v>
      </c>
      <c r="D1590" s="489"/>
      <c r="E1590" s="488"/>
      <c r="F1590" s="487"/>
      <c r="G1590" s="486" t="s">
        <v>651</v>
      </c>
      <c r="H1590" s="549"/>
      <c r="I1590" s="549"/>
      <c r="J1590" s="549"/>
      <c r="K1590" s="549"/>
      <c r="L1590" s="551"/>
    </row>
    <row r="1591" spans="1:12" ht="16.149999999999999" customHeight="1">
      <c r="A1591" s="737"/>
      <c r="B1591" s="738"/>
      <c r="C1591" s="485"/>
      <c r="D1591" s="484"/>
      <c r="E1591" s="483"/>
      <c r="F1591" s="482"/>
      <c r="G1591" s="481" t="s">
        <v>651</v>
      </c>
      <c r="H1591" s="476"/>
      <c r="I1591" s="476"/>
      <c r="J1591" s="476"/>
      <c r="K1591" s="476"/>
      <c r="L1591" s="475"/>
    </row>
    <row r="1592" spans="1:12" ht="16.149999999999999" customHeight="1">
      <c r="A1592" s="733" t="s">
        <v>783</v>
      </c>
      <c r="B1592" s="734"/>
      <c r="C1592" s="495"/>
      <c r="D1592" s="494"/>
      <c r="E1592" s="493"/>
      <c r="F1592" s="492"/>
      <c r="G1592" s="486" t="s">
        <v>857</v>
      </c>
      <c r="H1592" s="549"/>
      <c r="I1592" s="549"/>
      <c r="J1592" s="549"/>
      <c r="K1592" s="549"/>
      <c r="L1592" s="551"/>
    </row>
    <row r="1593" spans="1:12" ht="16.149999999999999" customHeight="1">
      <c r="A1593" s="735"/>
      <c r="B1593" s="736"/>
      <c r="C1593" s="490"/>
      <c r="D1593" s="489"/>
      <c r="E1593" s="491"/>
      <c r="F1593" s="487" t="s">
        <v>651</v>
      </c>
      <c r="G1593" s="486" t="s">
        <v>651</v>
      </c>
      <c r="H1593" s="549"/>
      <c r="I1593" s="549"/>
      <c r="J1593" s="549"/>
      <c r="K1593" s="549"/>
      <c r="L1593" s="551"/>
    </row>
    <row r="1594" spans="1:12" ht="16.149999999999999" customHeight="1">
      <c r="A1594" s="735" t="s">
        <v>1667</v>
      </c>
      <c r="B1594" s="736"/>
      <c r="C1594" s="490" t="s">
        <v>242</v>
      </c>
      <c r="D1594" s="489">
        <v>1</v>
      </c>
      <c r="E1594" s="488"/>
      <c r="F1594" s="487"/>
      <c r="G1594" s="486" t="s">
        <v>651</v>
      </c>
      <c r="H1594" s="549"/>
      <c r="I1594" s="549"/>
      <c r="J1594" s="549"/>
      <c r="K1594" s="549"/>
      <c r="L1594" s="551"/>
    </row>
    <row r="1595" spans="1:12" ht="16.149999999999999" customHeight="1">
      <c r="A1595" s="737"/>
      <c r="B1595" s="738"/>
      <c r="C1595" s="485"/>
      <c r="D1595" s="484"/>
      <c r="E1595" s="483"/>
      <c r="F1595" s="482"/>
      <c r="G1595" s="481" t="s">
        <v>651</v>
      </c>
      <c r="H1595" s="476"/>
      <c r="I1595" s="476"/>
      <c r="J1595" s="476"/>
      <c r="K1595" s="476"/>
      <c r="L1595" s="475"/>
    </row>
    <row r="1596" spans="1:12" ht="16.149999999999999" customHeight="1">
      <c r="A1596" s="733" t="s">
        <v>700</v>
      </c>
      <c r="B1596" s="734"/>
      <c r="C1596" s="495"/>
      <c r="D1596" s="494"/>
      <c r="E1596" s="493"/>
      <c r="F1596" s="492"/>
      <c r="G1596" s="486" t="s">
        <v>651</v>
      </c>
      <c r="H1596" s="549"/>
      <c r="I1596" s="549"/>
      <c r="J1596" s="549"/>
      <c r="K1596" s="549"/>
      <c r="L1596" s="551"/>
    </row>
    <row r="1597" spans="1:12" ht="16.149999999999999" customHeight="1">
      <c r="A1597" s="735"/>
      <c r="B1597" s="736"/>
      <c r="C1597" s="490"/>
      <c r="D1597" s="489"/>
      <c r="E1597" s="491"/>
      <c r="F1597" s="487" t="s">
        <v>651</v>
      </c>
      <c r="G1597" s="486" t="s">
        <v>651</v>
      </c>
      <c r="H1597" s="549"/>
      <c r="I1597" s="549"/>
      <c r="J1597" s="549"/>
      <c r="K1597" s="549"/>
      <c r="L1597" s="551"/>
    </row>
    <row r="1598" spans="1:12" ht="16.149999999999999" customHeight="1">
      <c r="A1598" s="735" t="s">
        <v>651</v>
      </c>
      <c r="B1598" s="736"/>
      <c r="C1598" s="490" t="s">
        <v>242</v>
      </c>
      <c r="D1598" s="489">
        <v>1</v>
      </c>
      <c r="E1598" s="488"/>
      <c r="F1598" s="487"/>
      <c r="G1598" s="486" t="s">
        <v>651</v>
      </c>
      <c r="H1598" s="549"/>
      <c r="I1598" s="549"/>
      <c r="J1598" s="549"/>
      <c r="K1598" s="549"/>
      <c r="L1598" s="551"/>
    </row>
    <row r="1599" spans="1:12" ht="16.149999999999999" customHeight="1">
      <c r="A1599" s="737"/>
      <c r="B1599" s="738"/>
      <c r="C1599" s="485"/>
      <c r="D1599" s="484"/>
      <c r="E1599" s="483"/>
      <c r="F1599" s="482"/>
      <c r="G1599" s="481" t="s">
        <v>651</v>
      </c>
      <c r="H1599" s="476"/>
      <c r="I1599" s="476"/>
      <c r="J1599" s="476"/>
      <c r="K1599" s="476"/>
      <c r="L1599" s="475"/>
    </row>
    <row r="1600" spans="1:12" ht="16.149999999999999" customHeight="1">
      <c r="A1600" s="733" t="s">
        <v>651</v>
      </c>
      <c r="B1600" s="734"/>
      <c r="C1600" s="495"/>
      <c r="D1600" s="494"/>
      <c r="E1600" s="493"/>
      <c r="F1600" s="492"/>
      <c r="G1600" s="486" t="s">
        <v>651</v>
      </c>
      <c r="H1600" s="549"/>
      <c r="I1600" s="549"/>
      <c r="J1600" s="549"/>
      <c r="K1600" s="549"/>
      <c r="L1600" s="551"/>
    </row>
    <row r="1601" spans="1:12" ht="16.149999999999999" customHeight="1">
      <c r="A1601" s="735"/>
      <c r="B1601" s="736"/>
      <c r="C1601" s="490"/>
      <c r="D1601" s="489"/>
      <c r="E1601" s="491"/>
      <c r="F1601" s="487" t="s">
        <v>651</v>
      </c>
      <c r="G1601" s="486" t="s">
        <v>651</v>
      </c>
      <c r="H1601" s="549"/>
      <c r="I1601" s="549"/>
      <c r="J1601" s="549"/>
      <c r="K1601" s="549"/>
      <c r="L1601" s="551"/>
    </row>
    <row r="1602" spans="1:12" ht="16.149999999999999" customHeight="1">
      <c r="A1602" s="735" t="s">
        <v>691</v>
      </c>
      <c r="B1602" s="736"/>
      <c r="C1602" s="490" t="s">
        <v>697</v>
      </c>
      <c r="D1602" s="489">
        <v>1</v>
      </c>
      <c r="E1602" s="488"/>
      <c r="F1602" s="487"/>
      <c r="G1602" s="486" t="s">
        <v>651</v>
      </c>
      <c r="H1602" s="549"/>
      <c r="I1602" s="549"/>
      <c r="J1602" s="549"/>
      <c r="K1602" s="549"/>
      <c r="L1602" s="551"/>
    </row>
    <row r="1603" spans="1:12" ht="16.149999999999999" customHeight="1">
      <c r="A1603" s="737"/>
      <c r="B1603" s="738"/>
      <c r="C1603" s="485"/>
      <c r="D1603" s="484"/>
      <c r="E1603" s="483"/>
      <c r="F1603" s="482"/>
      <c r="G1603" s="481" t="s">
        <v>651</v>
      </c>
      <c r="H1603" s="476"/>
      <c r="I1603" s="476"/>
      <c r="J1603" s="476"/>
      <c r="K1603" s="476"/>
      <c r="L1603" s="475"/>
    </row>
    <row r="1604" spans="1:12" ht="16.149999999999999" customHeight="1">
      <c r="A1604" s="733" t="s">
        <v>651</v>
      </c>
      <c r="B1604" s="734"/>
      <c r="C1604" s="495"/>
      <c r="D1604" s="494"/>
      <c r="E1604" s="493"/>
      <c r="F1604" s="492"/>
      <c r="G1604" s="486" t="s">
        <v>651</v>
      </c>
      <c r="H1604" s="549"/>
      <c r="I1604" s="549"/>
      <c r="J1604" s="549"/>
      <c r="K1604" s="549"/>
      <c r="L1604" s="551"/>
    </row>
    <row r="1605" spans="1:12" ht="16.149999999999999" customHeight="1">
      <c r="A1605" s="735"/>
      <c r="B1605" s="736"/>
      <c r="C1605" s="490"/>
      <c r="D1605" s="489"/>
      <c r="E1605" s="491"/>
      <c r="F1605" s="487" t="s">
        <v>651</v>
      </c>
      <c r="G1605" s="486" t="s">
        <v>651</v>
      </c>
      <c r="H1605" s="549"/>
      <c r="I1605" s="549"/>
      <c r="J1605" s="549"/>
      <c r="K1605" s="549"/>
      <c r="L1605" s="551"/>
    </row>
    <row r="1606" spans="1:12" ht="16.149999999999999" customHeight="1">
      <c r="A1606" s="735" t="s">
        <v>681</v>
      </c>
      <c r="B1606" s="736"/>
      <c r="C1606" s="490" t="s">
        <v>697</v>
      </c>
      <c r="D1606" s="489">
        <v>1</v>
      </c>
      <c r="E1606" s="488" t="s">
        <v>618</v>
      </c>
      <c r="F1606" s="487"/>
      <c r="G1606" s="486" t="s">
        <v>651</v>
      </c>
      <c r="H1606" s="549"/>
      <c r="I1606" s="549"/>
      <c r="J1606" s="549"/>
      <c r="K1606" s="549"/>
      <c r="L1606" s="551"/>
    </row>
    <row r="1607" spans="1:12" ht="16.149999999999999" customHeight="1">
      <c r="A1607" s="737"/>
      <c r="B1607" s="738"/>
      <c r="C1607" s="485"/>
      <c r="D1607" s="484"/>
      <c r="E1607" s="483"/>
      <c r="F1607" s="482"/>
      <c r="G1607" s="481" t="s">
        <v>651</v>
      </c>
      <c r="H1607" s="476"/>
      <c r="I1607" s="476"/>
      <c r="J1607" s="476"/>
      <c r="K1607" s="476"/>
      <c r="L1607" s="475"/>
    </row>
    <row r="1611" spans="1:12" ht="16.149999999999999" customHeight="1">
      <c r="A1611" s="507" t="s">
        <v>651</v>
      </c>
      <c r="B1611" s="479" t="s">
        <v>783</v>
      </c>
      <c r="C1611" s="480"/>
      <c r="D1611" s="479"/>
      <c r="E1611" s="479"/>
      <c r="F1611" s="479"/>
      <c r="G1611" s="479"/>
      <c r="H1611" s="479" t="s">
        <v>617</v>
      </c>
      <c r="I1611" s="480" t="s">
        <v>852</v>
      </c>
      <c r="J1611" s="479" t="s">
        <v>689</v>
      </c>
      <c r="K1611" s="479" t="s">
        <v>688</v>
      </c>
      <c r="L1611" s="506"/>
    </row>
    <row r="1612" spans="1:12" ht="16.149999999999999" customHeight="1">
      <c r="A1612" s="505" t="s">
        <v>651</v>
      </c>
      <c r="B1612" s="549" t="s">
        <v>1667</v>
      </c>
      <c r="C1612" s="550"/>
      <c r="D1612" s="549"/>
      <c r="E1612" s="549"/>
      <c r="F1612" s="549"/>
      <c r="G1612" s="478"/>
      <c r="H1612" s="549"/>
      <c r="I1612" s="504"/>
      <c r="J1612" s="503" t="s">
        <v>687</v>
      </c>
      <c r="K1612" s="502" t="s">
        <v>242</v>
      </c>
      <c r="L1612" s="501" t="s">
        <v>618</v>
      </c>
    </row>
    <row r="1613" spans="1:12" ht="16.149999999999999" customHeight="1">
      <c r="A1613" s="477" t="s">
        <v>651</v>
      </c>
      <c r="B1613" s="549"/>
      <c r="C1613" s="550"/>
      <c r="D1613" s="549"/>
      <c r="E1613" s="549"/>
      <c r="F1613" s="549"/>
      <c r="G1613" s="478"/>
      <c r="H1613" s="478"/>
      <c r="I1613" s="478"/>
      <c r="J1613" s="478"/>
      <c r="K1613" s="478"/>
      <c r="L1613" s="501"/>
    </row>
    <row r="1614" spans="1:12" ht="16.149999999999999" customHeight="1">
      <c r="A1614" s="498" t="s">
        <v>686</v>
      </c>
      <c r="B1614" s="500"/>
      <c r="C1614" s="499" t="s">
        <v>309</v>
      </c>
      <c r="D1614" s="499" t="s">
        <v>685</v>
      </c>
      <c r="E1614" s="499" t="s">
        <v>684</v>
      </c>
      <c r="F1614" s="499" t="s">
        <v>683</v>
      </c>
      <c r="G1614" s="498" t="s">
        <v>682</v>
      </c>
      <c r="H1614" s="497"/>
      <c r="I1614" s="497"/>
      <c r="J1614" s="497"/>
      <c r="K1614" s="497"/>
      <c r="L1614" s="496"/>
    </row>
    <row r="1615" spans="1:12" ht="16.149999999999999" customHeight="1">
      <c r="A1615" s="733" t="s">
        <v>786</v>
      </c>
      <c r="B1615" s="734"/>
      <c r="C1615" s="495"/>
      <c r="D1615" s="494"/>
      <c r="E1615" s="493"/>
      <c r="F1615" s="492"/>
      <c r="G1615" s="486" t="s">
        <v>651</v>
      </c>
      <c r="H1615" s="549"/>
      <c r="I1615" s="549"/>
      <c r="J1615" s="549"/>
      <c r="K1615" s="549"/>
      <c r="L1615" s="551"/>
    </row>
    <row r="1616" spans="1:12" ht="16.149999999999999" customHeight="1">
      <c r="A1616" s="735"/>
      <c r="B1616" s="736"/>
      <c r="C1616" s="490"/>
      <c r="D1616" s="489"/>
      <c r="E1616" s="491"/>
      <c r="F1616" s="487" t="s">
        <v>651</v>
      </c>
      <c r="G1616" s="486" t="s">
        <v>651</v>
      </c>
      <c r="H1616" s="549"/>
      <c r="I1616" s="549"/>
      <c r="J1616" s="549"/>
      <c r="K1616" s="549"/>
      <c r="L1616" s="551"/>
    </row>
    <row r="1617" spans="1:12" ht="16.149999999999999" customHeight="1">
      <c r="A1617" s="735" t="s">
        <v>853</v>
      </c>
      <c r="B1617" s="736"/>
      <c r="C1617" s="490" t="s">
        <v>281</v>
      </c>
      <c r="D1617" s="489">
        <v>1</v>
      </c>
      <c r="E1617" s="488"/>
      <c r="F1617" s="487"/>
      <c r="G1617" s="486" t="s">
        <v>651</v>
      </c>
      <c r="H1617" s="549"/>
      <c r="I1617" s="549"/>
      <c r="J1617" s="549"/>
      <c r="K1617" s="549"/>
      <c r="L1617" s="551"/>
    </row>
    <row r="1618" spans="1:12" ht="16.149999999999999" customHeight="1">
      <c r="A1618" s="737"/>
      <c r="B1618" s="738"/>
      <c r="C1618" s="485"/>
      <c r="D1618" s="484"/>
      <c r="E1618" s="483"/>
      <c r="F1618" s="482"/>
      <c r="G1618" s="481" t="s">
        <v>651</v>
      </c>
      <c r="H1618" s="476"/>
      <c r="I1618" s="476"/>
      <c r="J1618" s="476"/>
      <c r="K1618" s="476"/>
      <c r="L1618" s="475"/>
    </row>
    <row r="1619" spans="1:12" ht="16.149999999999999" customHeight="1">
      <c r="A1619" s="733" t="s">
        <v>651</v>
      </c>
      <c r="B1619" s="734"/>
      <c r="C1619" s="495"/>
      <c r="D1619" s="494"/>
      <c r="E1619" s="493"/>
      <c r="F1619" s="492"/>
      <c r="G1619" s="486" t="s">
        <v>651</v>
      </c>
      <c r="H1619" s="549"/>
      <c r="I1619" s="549"/>
      <c r="J1619" s="549"/>
      <c r="K1619" s="549"/>
      <c r="L1619" s="551"/>
    </row>
    <row r="1620" spans="1:12" ht="16.149999999999999" customHeight="1">
      <c r="A1620" s="735"/>
      <c r="B1620" s="736"/>
      <c r="C1620" s="490"/>
      <c r="D1620" s="489"/>
      <c r="E1620" s="491"/>
      <c r="F1620" s="487" t="s">
        <v>651</v>
      </c>
      <c r="G1620" s="486" t="s">
        <v>651</v>
      </c>
      <c r="H1620" s="549"/>
      <c r="I1620" s="549"/>
      <c r="J1620" s="549"/>
      <c r="K1620" s="549"/>
      <c r="L1620" s="551"/>
    </row>
    <row r="1621" spans="1:12" ht="16.149999999999999" customHeight="1">
      <c r="A1621" s="735" t="s">
        <v>691</v>
      </c>
      <c r="B1621" s="736"/>
      <c r="C1621" s="490" t="s">
        <v>242</v>
      </c>
      <c r="D1621" s="489">
        <v>1</v>
      </c>
      <c r="E1621" s="488"/>
      <c r="F1621" s="487"/>
      <c r="G1621" s="486" t="s">
        <v>651</v>
      </c>
      <c r="H1621" s="549"/>
      <c r="I1621" s="549"/>
      <c r="J1621" s="549"/>
      <c r="K1621" s="549"/>
      <c r="L1621" s="551"/>
    </row>
    <row r="1622" spans="1:12" ht="16.149999999999999" customHeight="1">
      <c r="A1622" s="737"/>
      <c r="B1622" s="738"/>
      <c r="C1622" s="485"/>
      <c r="D1622" s="484"/>
      <c r="E1622" s="483"/>
      <c r="F1622" s="482"/>
      <c r="G1622" s="481" t="s">
        <v>651</v>
      </c>
      <c r="H1622" s="476"/>
      <c r="I1622" s="476"/>
      <c r="J1622" s="476"/>
      <c r="K1622" s="476"/>
      <c r="L1622" s="475"/>
    </row>
    <row r="1623" spans="1:12" ht="16.149999999999999" customHeight="1">
      <c r="A1623" s="733" t="s">
        <v>651</v>
      </c>
      <c r="B1623" s="734"/>
      <c r="C1623" s="495"/>
      <c r="D1623" s="494"/>
      <c r="E1623" s="493"/>
      <c r="F1623" s="492"/>
      <c r="G1623" s="486" t="s">
        <v>651</v>
      </c>
      <c r="H1623" s="549"/>
      <c r="I1623" s="549"/>
      <c r="J1623" s="549"/>
      <c r="K1623" s="549"/>
      <c r="L1623" s="551"/>
    </row>
    <row r="1624" spans="1:12" ht="16.149999999999999" customHeight="1">
      <c r="A1624" s="735"/>
      <c r="B1624" s="736"/>
      <c r="C1624" s="490"/>
      <c r="D1624" s="489"/>
      <c r="E1624" s="491"/>
      <c r="F1624" s="487" t="s">
        <v>651</v>
      </c>
      <c r="G1624" s="486" t="s">
        <v>651</v>
      </c>
      <c r="H1624" s="549"/>
      <c r="I1624" s="549"/>
      <c r="J1624" s="549"/>
      <c r="K1624" s="549"/>
      <c r="L1624" s="551"/>
    </row>
    <row r="1625" spans="1:12" ht="16.149999999999999" customHeight="1">
      <c r="A1625" s="735" t="s">
        <v>681</v>
      </c>
      <c r="B1625" s="736"/>
      <c r="C1625" s="490" t="s">
        <v>242</v>
      </c>
      <c r="D1625" s="489">
        <v>1</v>
      </c>
      <c r="E1625" s="488" t="s">
        <v>618</v>
      </c>
      <c r="F1625" s="487"/>
      <c r="G1625" s="486" t="s">
        <v>651</v>
      </c>
      <c r="H1625" s="549"/>
      <c r="I1625" s="549"/>
      <c r="J1625" s="549"/>
      <c r="K1625" s="549"/>
      <c r="L1625" s="551"/>
    </row>
    <row r="1626" spans="1:12" ht="16.149999999999999" customHeight="1">
      <c r="A1626" s="737"/>
      <c r="B1626" s="738"/>
      <c r="C1626" s="485"/>
      <c r="D1626" s="484"/>
      <c r="E1626" s="483"/>
      <c r="F1626" s="482"/>
      <c r="G1626" s="481" t="s">
        <v>651</v>
      </c>
      <c r="H1626" s="476"/>
      <c r="I1626" s="476"/>
      <c r="J1626" s="476"/>
      <c r="K1626" s="476"/>
      <c r="L1626" s="475"/>
    </row>
    <row r="1628" spans="1:12" ht="16.149999999999999" customHeight="1">
      <c r="A1628" s="507" t="s">
        <v>651</v>
      </c>
      <c r="B1628" s="479" t="s">
        <v>753</v>
      </c>
      <c r="C1628" s="480"/>
      <c r="D1628" s="479"/>
      <c r="E1628" s="479"/>
      <c r="F1628" s="479"/>
      <c r="G1628" s="479"/>
      <c r="H1628" s="479" t="s">
        <v>617</v>
      </c>
      <c r="I1628" s="480" t="s">
        <v>851</v>
      </c>
      <c r="J1628" s="479" t="s">
        <v>689</v>
      </c>
      <c r="K1628" s="479" t="s">
        <v>688</v>
      </c>
      <c r="L1628" s="506"/>
    </row>
    <row r="1629" spans="1:12" ht="16.149999999999999" customHeight="1">
      <c r="A1629" s="505" t="s">
        <v>651</v>
      </c>
      <c r="B1629" s="549" t="s">
        <v>848</v>
      </c>
      <c r="C1629" s="550"/>
      <c r="D1629" s="549"/>
      <c r="E1629" s="549"/>
      <c r="F1629" s="549"/>
      <c r="G1629" s="478"/>
      <c r="H1629" s="549"/>
      <c r="I1629" s="504"/>
      <c r="J1629" s="503" t="s">
        <v>687</v>
      </c>
      <c r="K1629" s="502" t="s">
        <v>697</v>
      </c>
      <c r="L1629" s="501" t="s">
        <v>618</v>
      </c>
    </row>
    <row r="1630" spans="1:12" ht="16.149999999999999" customHeight="1">
      <c r="A1630" s="477" t="s">
        <v>651</v>
      </c>
      <c r="B1630" s="549"/>
      <c r="C1630" s="550"/>
      <c r="D1630" s="549"/>
      <c r="E1630" s="549"/>
      <c r="F1630" s="549"/>
      <c r="G1630" s="478"/>
      <c r="H1630" s="478"/>
      <c r="I1630" s="478"/>
      <c r="J1630" s="478"/>
      <c r="K1630" s="478"/>
      <c r="L1630" s="501"/>
    </row>
    <row r="1631" spans="1:12" ht="16.149999999999999" customHeight="1">
      <c r="A1631" s="498" t="s">
        <v>686</v>
      </c>
      <c r="B1631" s="500"/>
      <c r="C1631" s="499" t="s">
        <v>309</v>
      </c>
      <c r="D1631" s="499" t="s">
        <v>685</v>
      </c>
      <c r="E1631" s="499" t="s">
        <v>684</v>
      </c>
      <c r="F1631" s="499" t="s">
        <v>683</v>
      </c>
      <c r="G1631" s="498" t="s">
        <v>682</v>
      </c>
      <c r="H1631" s="497"/>
      <c r="I1631" s="497"/>
      <c r="J1631" s="497"/>
      <c r="K1631" s="497"/>
      <c r="L1631" s="496"/>
    </row>
    <row r="1632" spans="1:12" ht="16.149999999999999" customHeight="1">
      <c r="A1632" s="733" t="s">
        <v>701</v>
      </c>
      <c r="B1632" s="734"/>
      <c r="C1632" s="495"/>
      <c r="D1632" s="494"/>
      <c r="E1632" s="493"/>
      <c r="F1632" s="492"/>
      <c r="G1632" s="486" t="s">
        <v>651</v>
      </c>
      <c r="H1632" s="549"/>
      <c r="I1632" s="549"/>
      <c r="J1632" s="549"/>
      <c r="K1632" s="549"/>
      <c r="L1632" s="551"/>
    </row>
    <row r="1633" spans="1:12" ht="16.149999999999999" customHeight="1">
      <c r="A1633" s="735"/>
      <c r="B1633" s="736"/>
      <c r="C1633" s="490"/>
      <c r="D1633" s="489"/>
      <c r="E1633" s="491"/>
      <c r="F1633" s="487" t="s">
        <v>651</v>
      </c>
      <c r="G1633" s="486" t="s">
        <v>651</v>
      </c>
      <c r="H1633" s="549"/>
      <c r="I1633" s="549"/>
      <c r="J1633" s="549"/>
      <c r="K1633" s="549"/>
      <c r="L1633" s="551"/>
    </row>
    <row r="1634" spans="1:12" ht="16.149999999999999" customHeight="1">
      <c r="A1634" s="735" t="s">
        <v>651</v>
      </c>
      <c r="B1634" s="736"/>
      <c r="C1634" s="490" t="s">
        <v>248</v>
      </c>
      <c r="D1634" s="489"/>
      <c r="E1634" s="488"/>
      <c r="F1634" s="487"/>
      <c r="G1634" s="486" t="s">
        <v>651</v>
      </c>
      <c r="H1634" s="549"/>
      <c r="I1634" s="549"/>
      <c r="J1634" s="549"/>
      <c r="K1634" s="549"/>
      <c r="L1634" s="551"/>
    </row>
    <row r="1635" spans="1:12" ht="16.149999999999999" customHeight="1">
      <c r="A1635" s="737"/>
      <c r="B1635" s="738"/>
      <c r="C1635" s="485"/>
      <c r="D1635" s="484"/>
      <c r="E1635" s="483"/>
      <c r="F1635" s="482"/>
      <c r="G1635" s="481" t="s">
        <v>651</v>
      </c>
      <c r="H1635" s="476"/>
      <c r="I1635" s="476"/>
      <c r="J1635" s="476"/>
      <c r="K1635" s="476"/>
      <c r="L1635" s="475"/>
    </row>
    <row r="1636" spans="1:12" ht="16.149999999999999" customHeight="1">
      <c r="A1636" s="733" t="s">
        <v>250</v>
      </c>
      <c r="B1636" s="734"/>
      <c r="C1636" s="495"/>
      <c r="D1636" s="494"/>
      <c r="E1636" s="493"/>
      <c r="F1636" s="492"/>
      <c r="G1636" s="486" t="s">
        <v>651</v>
      </c>
      <c r="H1636" s="549"/>
      <c r="I1636" s="549"/>
      <c r="J1636" s="549"/>
      <c r="K1636" s="549"/>
      <c r="L1636" s="551"/>
    </row>
    <row r="1637" spans="1:12" ht="16.149999999999999" customHeight="1">
      <c r="A1637" s="735"/>
      <c r="B1637" s="736"/>
      <c r="C1637" s="490"/>
      <c r="D1637" s="489"/>
      <c r="E1637" s="491"/>
      <c r="F1637" s="487" t="s">
        <v>651</v>
      </c>
      <c r="G1637" s="486" t="s">
        <v>651</v>
      </c>
      <c r="H1637" s="549"/>
      <c r="I1637" s="549"/>
      <c r="J1637" s="549"/>
      <c r="K1637" s="549"/>
      <c r="L1637" s="551"/>
    </row>
    <row r="1638" spans="1:12" ht="16.149999999999999" customHeight="1">
      <c r="A1638" s="735" t="s">
        <v>651</v>
      </c>
      <c r="B1638" s="736"/>
      <c r="C1638" s="490" t="s">
        <v>248</v>
      </c>
      <c r="D1638" s="489"/>
      <c r="E1638" s="488"/>
      <c r="F1638" s="487"/>
      <c r="G1638" s="486" t="s">
        <v>651</v>
      </c>
      <c r="H1638" s="549"/>
      <c r="I1638" s="549"/>
      <c r="J1638" s="549"/>
      <c r="K1638" s="549"/>
      <c r="L1638" s="551"/>
    </row>
    <row r="1639" spans="1:12" ht="16.149999999999999" customHeight="1">
      <c r="A1639" s="737"/>
      <c r="B1639" s="738"/>
      <c r="C1639" s="485"/>
      <c r="D1639" s="484"/>
      <c r="E1639" s="483"/>
      <c r="F1639" s="482"/>
      <c r="G1639" s="481" t="s">
        <v>651</v>
      </c>
      <c r="H1639" s="476"/>
      <c r="I1639" s="476"/>
      <c r="J1639" s="476"/>
      <c r="K1639" s="476"/>
      <c r="L1639" s="475"/>
    </row>
    <row r="1640" spans="1:12" ht="16.149999999999999" customHeight="1">
      <c r="A1640" s="733" t="s">
        <v>700</v>
      </c>
      <c r="B1640" s="734"/>
      <c r="C1640" s="495"/>
      <c r="D1640" s="494"/>
      <c r="E1640" s="493"/>
      <c r="F1640" s="492"/>
      <c r="G1640" s="486" t="s">
        <v>651</v>
      </c>
      <c r="H1640" s="549"/>
      <c r="I1640" s="549"/>
      <c r="J1640" s="549"/>
      <c r="K1640" s="549"/>
      <c r="L1640" s="551"/>
    </row>
    <row r="1641" spans="1:12" ht="16.149999999999999" customHeight="1">
      <c r="A1641" s="735"/>
      <c r="B1641" s="736"/>
      <c r="C1641" s="490"/>
      <c r="D1641" s="489"/>
      <c r="E1641" s="491"/>
      <c r="F1641" s="487" t="s">
        <v>651</v>
      </c>
      <c r="G1641" s="486" t="s">
        <v>651</v>
      </c>
      <c r="H1641" s="549"/>
      <c r="I1641" s="549"/>
      <c r="J1641" s="549"/>
      <c r="K1641" s="549"/>
      <c r="L1641" s="551"/>
    </row>
    <row r="1642" spans="1:12" ht="16.149999999999999" customHeight="1">
      <c r="A1642" s="735" t="s">
        <v>651</v>
      </c>
      <c r="B1642" s="736"/>
      <c r="C1642" s="490" t="s">
        <v>242</v>
      </c>
      <c r="D1642" s="489">
        <v>1</v>
      </c>
      <c r="E1642" s="488"/>
      <c r="F1642" s="487"/>
      <c r="G1642" s="486" t="s">
        <v>651</v>
      </c>
      <c r="H1642" s="549"/>
      <c r="I1642" s="549"/>
      <c r="J1642" s="549"/>
      <c r="K1642" s="549"/>
      <c r="L1642" s="551"/>
    </row>
    <row r="1643" spans="1:12" ht="16.149999999999999" customHeight="1">
      <c r="A1643" s="737"/>
      <c r="B1643" s="738"/>
      <c r="C1643" s="485"/>
      <c r="D1643" s="484"/>
      <c r="E1643" s="483"/>
      <c r="F1643" s="482"/>
      <c r="G1643" s="481" t="s">
        <v>651</v>
      </c>
      <c r="H1643" s="476"/>
      <c r="I1643" s="476"/>
      <c r="J1643" s="476"/>
      <c r="K1643" s="476"/>
      <c r="L1643" s="475"/>
    </row>
    <row r="1646" spans="1:12" ht="16.149999999999999" customHeight="1">
      <c r="A1646" s="507" t="s">
        <v>651</v>
      </c>
      <c r="B1646" s="479" t="s">
        <v>753</v>
      </c>
      <c r="C1646" s="480"/>
      <c r="D1646" s="479"/>
      <c r="E1646" s="479"/>
      <c r="F1646" s="479"/>
      <c r="G1646" s="479"/>
      <c r="H1646" s="479" t="s">
        <v>617</v>
      </c>
      <c r="I1646" s="480" t="s">
        <v>851</v>
      </c>
      <c r="J1646" s="479" t="s">
        <v>689</v>
      </c>
      <c r="K1646" s="479" t="s">
        <v>688</v>
      </c>
      <c r="L1646" s="506"/>
    </row>
    <row r="1647" spans="1:12" ht="16.149999999999999" customHeight="1">
      <c r="A1647" s="505" t="s">
        <v>651</v>
      </c>
      <c r="B1647" s="549" t="s">
        <v>848</v>
      </c>
      <c r="C1647" s="550"/>
      <c r="D1647" s="549"/>
      <c r="E1647" s="549"/>
      <c r="F1647" s="549"/>
      <c r="G1647" s="478"/>
      <c r="H1647" s="549"/>
      <c r="I1647" s="504"/>
      <c r="J1647" s="503" t="s">
        <v>687</v>
      </c>
      <c r="K1647" s="502" t="s">
        <v>697</v>
      </c>
      <c r="L1647" s="501" t="s">
        <v>618</v>
      </c>
    </row>
    <row r="1648" spans="1:12" ht="16.149999999999999" customHeight="1">
      <c r="A1648" s="477" t="s">
        <v>651</v>
      </c>
      <c r="B1648" s="549"/>
      <c r="C1648" s="550"/>
      <c r="D1648" s="549"/>
      <c r="E1648" s="549"/>
      <c r="F1648" s="549"/>
      <c r="G1648" s="478"/>
      <c r="H1648" s="478"/>
      <c r="I1648" s="478"/>
      <c r="J1648" s="478"/>
      <c r="K1648" s="478"/>
      <c r="L1648" s="501"/>
    </row>
    <row r="1649" spans="1:12" ht="16.149999999999999" customHeight="1">
      <c r="A1649" s="498" t="s">
        <v>686</v>
      </c>
      <c r="B1649" s="500"/>
      <c r="C1649" s="499" t="s">
        <v>309</v>
      </c>
      <c r="D1649" s="499" t="s">
        <v>685</v>
      </c>
      <c r="E1649" s="499" t="s">
        <v>684</v>
      </c>
      <c r="F1649" s="499" t="s">
        <v>683</v>
      </c>
      <c r="G1649" s="498" t="s">
        <v>682</v>
      </c>
      <c r="H1649" s="497"/>
      <c r="I1649" s="497"/>
      <c r="J1649" s="497"/>
      <c r="K1649" s="497"/>
      <c r="L1649" s="496"/>
    </row>
    <row r="1650" spans="1:12" ht="16.149999999999999" customHeight="1">
      <c r="A1650" s="733" t="s">
        <v>651</v>
      </c>
      <c r="B1650" s="734"/>
      <c r="C1650" s="495"/>
      <c r="D1650" s="494"/>
      <c r="E1650" s="493"/>
      <c r="F1650" s="492"/>
      <c r="G1650" s="486" t="s">
        <v>651</v>
      </c>
      <c r="H1650" s="549"/>
      <c r="I1650" s="549"/>
      <c r="J1650" s="549"/>
      <c r="K1650" s="549"/>
      <c r="L1650" s="551"/>
    </row>
    <row r="1651" spans="1:12" ht="16.149999999999999" customHeight="1">
      <c r="A1651" s="735"/>
      <c r="B1651" s="736"/>
      <c r="C1651" s="490"/>
      <c r="D1651" s="489"/>
      <c r="E1651" s="491"/>
      <c r="F1651" s="487" t="s">
        <v>651</v>
      </c>
      <c r="G1651" s="486" t="s">
        <v>651</v>
      </c>
      <c r="H1651" s="549"/>
      <c r="I1651" s="549"/>
      <c r="J1651" s="549"/>
      <c r="K1651" s="549"/>
      <c r="L1651" s="551"/>
    </row>
    <row r="1652" spans="1:12" ht="16.149999999999999" customHeight="1">
      <c r="A1652" s="735" t="s">
        <v>691</v>
      </c>
      <c r="B1652" s="736"/>
      <c r="C1652" s="490" t="s">
        <v>697</v>
      </c>
      <c r="D1652" s="489">
        <v>1</v>
      </c>
      <c r="E1652" s="488"/>
      <c r="F1652" s="487"/>
      <c r="G1652" s="486" t="s">
        <v>651</v>
      </c>
      <c r="H1652" s="549"/>
      <c r="I1652" s="549"/>
      <c r="J1652" s="549"/>
      <c r="K1652" s="549"/>
      <c r="L1652" s="551"/>
    </row>
    <row r="1653" spans="1:12" ht="16.149999999999999" customHeight="1">
      <c r="A1653" s="737"/>
      <c r="B1653" s="738"/>
      <c r="C1653" s="485"/>
      <c r="D1653" s="484"/>
      <c r="E1653" s="483"/>
      <c r="F1653" s="482"/>
      <c r="G1653" s="481" t="s">
        <v>651</v>
      </c>
      <c r="H1653" s="476"/>
      <c r="I1653" s="476"/>
      <c r="J1653" s="476"/>
      <c r="K1653" s="476"/>
      <c r="L1653" s="475"/>
    </row>
    <row r="1654" spans="1:12" ht="16.149999999999999" customHeight="1">
      <c r="A1654" s="733" t="s">
        <v>651</v>
      </c>
      <c r="B1654" s="734"/>
      <c r="C1654" s="495"/>
      <c r="D1654" s="494"/>
      <c r="E1654" s="493"/>
      <c r="F1654" s="492"/>
      <c r="G1654" s="486" t="s">
        <v>651</v>
      </c>
      <c r="H1654" s="549"/>
      <c r="I1654" s="549"/>
      <c r="J1654" s="549"/>
      <c r="K1654" s="549"/>
      <c r="L1654" s="551"/>
    </row>
    <row r="1655" spans="1:12" ht="16.149999999999999" customHeight="1">
      <c r="A1655" s="735"/>
      <c r="B1655" s="736"/>
      <c r="C1655" s="490"/>
      <c r="D1655" s="489"/>
      <c r="E1655" s="491"/>
      <c r="F1655" s="487" t="s">
        <v>651</v>
      </c>
      <c r="G1655" s="486" t="s">
        <v>651</v>
      </c>
      <c r="H1655" s="549"/>
      <c r="I1655" s="549"/>
      <c r="J1655" s="549"/>
      <c r="K1655" s="549"/>
      <c r="L1655" s="551"/>
    </row>
    <row r="1656" spans="1:12" ht="16.149999999999999" customHeight="1">
      <c r="A1656" s="735" t="s">
        <v>681</v>
      </c>
      <c r="B1656" s="736"/>
      <c r="C1656" s="490" t="s">
        <v>697</v>
      </c>
      <c r="D1656" s="489">
        <v>1</v>
      </c>
      <c r="E1656" s="488" t="s">
        <v>618</v>
      </c>
      <c r="F1656" s="487"/>
      <c r="G1656" s="486" t="s">
        <v>651</v>
      </c>
      <c r="H1656" s="549"/>
      <c r="I1656" s="549"/>
      <c r="J1656" s="549"/>
      <c r="K1656" s="549"/>
      <c r="L1656" s="551"/>
    </row>
    <row r="1657" spans="1:12" ht="16.149999999999999" customHeight="1">
      <c r="A1657" s="737"/>
      <c r="B1657" s="738"/>
      <c r="C1657" s="485"/>
      <c r="D1657" s="484"/>
      <c r="E1657" s="483"/>
      <c r="F1657" s="482"/>
      <c r="G1657" s="481" t="s">
        <v>651</v>
      </c>
      <c r="H1657" s="476"/>
      <c r="I1657" s="476"/>
      <c r="J1657" s="476"/>
      <c r="K1657" s="476"/>
      <c r="L1657" s="475"/>
    </row>
    <row r="1659" spans="1:12" ht="16.149999999999999" customHeight="1">
      <c r="A1659" s="507" t="s">
        <v>651</v>
      </c>
      <c r="B1659" s="479" t="s">
        <v>1662</v>
      </c>
      <c r="C1659" s="480"/>
      <c r="D1659" s="479"/>
      <c r="E1659" s="479"/>
      <c r="F1659" s="479"/>
      <c r="G1659" s="479"/>
      <c r="H1659" s="479" t="s">
        <v>617</v>
      </c>
      <c r="I1659" s="480" t="s">
        <v>850</v>
      </c>
      <c r="J1659" s="479" t="s">
        <v>689</v>
      </c>
      <c r="K1659" s="479" t="s">
        <v>688</v>
      </c>
      <c r="L1659" s="506"/>
    </row>
    <row r="1660" spans="1:12" ht="16.149999999999999" customHeight="1">
      <c r="A1660" s="505" t="s">
        <v>651</v>
      </c>
      <c r="B1660" s="549" t="s">
        <v>849</v>
      </c>
      <c r="C1660" s="550"/>
      <c r="D1660" s="549"/>
      <c r="E1660" s="549"/>
      <c r="F1660" s="549"/>
      <c r="G1660" s="478"/>
      <c r="H1660" s="549"/>
      <c r="I1660" s="504"/>
      <c r="J1660" s="503" t="s">
        <v>687</v>
      </c>
      <c r="K1660" s="502" t="s">
        <v>234</v>
      </c>
      <c r="L1660" s="501" t="s">
        <v>618</v>
      </c>
    </row>
    <row r="1661" spans="1:12" ht="16.149999999999999" customHeight="1">
      <c r="A1661" s="477" t="s">
        <v>651</v>
      </c>
      <c r="B1661" s="549"/>
      <c r="C1661" s="550"/>
      <c r="D1661" s="549"/>
      <c r="E1661" s="549"/>
      <c r="F1661" s="549"/>
      <c r="G1661" s="478"/>
      <c r="H1661" s="478"/>
      <c r="I1661" s="478"/>
      <c r="J1661" s="478"/>
      <c r="K1661" s="478"/>
      <c r="L1661" s="501"/>
    </row>
    <row r="1662" spans="1:12" ht="16.149999999999999" customHeight="1">
      <c r="A1662" s="498" t="s">
        <v>686</v>
      </c>
      <c r="B1662" s="500"/>
      <c r="C1662" s="499" t="s">
        <v>309</v>
      </c>
      <c r="D1662" s="499" t="s">
        <v>685</v>
      </c>
      <c r="E1662" s="499" t="s">
        <v>684</v>
      </c>
      <c r="F1662" s="499" t="s">
        <v>683</v>
      </c>
      <c r="G1662" s="498" t="s">
        <v>682</v>
      </c>
      <c r="H1662" s="497"/>
      <c r="I1662" s="497"/>
      <c r="J1662" s="497"/>
      <c r="K1662" s="497"/>
      <c r="L1662" s="496"/>
    </row>
    <row r="1663" spans="1:12" ht="16.149999999999999" customHeight="1">
      <c r="A1663" s="733" t="s">
        <v>701</v>
      </c>
      <c r="B1663" s="734"/>
      <c r="C1663" s="495"/>
      <c r="D1663" s="494"/>
      <c r="E1663" s="493"/>
      <c r="F1663" s="492"/>
      <c r="G1663" s="486" t="s">
        <v>651</v>
      </c>
      <c r="H1663" s="549"/>
      <c r="I1663" s="549"/>
      <c r="J1663" s="549"/>
      <c r="K1663" s="549"/>
      <c r="L1663" s="551"/>
    </row>
    <row r="1664" spans="1:12" ht="16.149999999999999" customHeight="1">
      <c r="A1664" s="735"/>
      <c r="B1664" s="736"/>
      <c r="C1664" s="490"/>
      <c r="D1664" s="489"/>
      <c r="E1664" s="491"/>
      <c r="F1664" s="487" t="s">
        <v>651</v>
      </c>
      <c r="G1664" s="486" t="s">
        <v>651</v>
      </c>
      <c r="H1664" s="549"/>
      <c r="I1664" s="549"/>
      <c r="J1664" s="549"/>
      <c r="K1664" s="549"/>
      <c r="L1664" s="551"/>
    </row>
    <row r="1665" spans="1:12" ht="16.149999999999999" customHeight="1">
      <c r="A1665" s="735" t="s">
        <v>651</v>
      </c>
      <c r="B1665" s="736"/>
      <c r="C1665" s="490" t="s">
        <v>248</v>
      </c>
      <c r="D1665" s="489"/>
      <c r="E1665" s="488"/>
      <c r="F1665" s="487"/>
      <c r="G1665" s="486" t="s">
        <v>651</v>
      </c>
      <c r="H1665" s="549"/>
      <c r="I1665" s="549"/>
      <c r="J1665" s="549"/>
      <c r="K1665" s="549"/>
      <c r="L1665" s="551"/>
    </row>
    <row r="1666" spans="1:12" ht="16.149999999999999" customHeight="1">
      <c r="A1666" s="737"/>
      <c r="B1666" s="738"/>
      <c r="C1666" s="485"/>
      <c r="D1666" s="484"/>
      <c r="E1666" s="483"/>
      <c r="F1666" s="482"/>
      <c r="G1666" s="481" t="s">
        <v>651</v>
      </c>
      <c r="H1666" s="476"/>
      <c r="I1666" s="476"/>
      <c r="J1666" s="476"/>
      <c r="K1666" s="476"/>
      <c r="L1666" s="475"/>
    </row>
    <row r="1667" spans="1:12" ht="16.149999999999999" customHeight="1">
      <c r="A1667" s="733" t="s">
        <v>250</v>
      </c>
      <c r="B1667" s="734"/>
      <c r="C1667" s="495"/>
      <c r="D1667" s="494"/>
      <c r="E1667" s="493"/>
      <c r="F1667" s="492"/>
      <c r="G1667" s="486" t="s">
        <v>651</v>
      </c>
      <c r="H1667" s="549"/>
      <c r="I1667" s="549"/>
      <c r="J1667" s="549"/>
      <c r="K1667" s="549"/>
      <c r="L1667" s="551"/>
    </row>
    <row r="1668" spans="1:12" ht="16.149999999999999" customHeight="1">
      <c r="A1668" s="735"/>
      <c r="B1668" s="736"/>
      <c r="C1668" s="490"/>
      <c r="D1668" s="489"/>
      <c r="E1668" s="491"/>
      <c r="F1668" s="487" t="s">
        <v>651</v>
      </c>
      <c r="G1668" s="486" t="s">
        <v>651</v>
      </c>
      <c r="H1668" s="549"/>
      <c r="I1668" s="549"/>
      <c r="J1668" s="549"/>
      <c r="K1668" s="549"/>
      <c r="L1668" s="551"/>
    </row>
    <row r="1669" spans="1:12" ht="16.149999999999999" customHeight="1">
      <c r="A1669" s="735" t="s">
        <v>651</v>
      </c>
      <c r="B1669" s="736"/>
      <c r="C1669" s="490" t="s">
        <v>248</v>
      </c>
      <c r="D1669" s="489"/>
      <c r="E1669" s="488"/>
      <c r="F1669" s="487"/>
      <c r="G1669" s="486" t="s">
        <v>651</v>
      </c>
      <c r="H1669" s="549"/>
      <c r="I1669" s="549"/>
      <c r="J1669" s="549"/>
      <c r="K1669" s="549"/>
      <c r="L1669" s="551"/>
    </row>
    <row r="1670" spans="1:12" ht="16.149999999999999" customHeight="1">
      <c r="A1670" s="737"/>
      <c r="B1670" s="738"/>
      <c r="C1670" s="485"/>
      <c r="D1670" s="484"/>
      <c r="E1670" s="483"/>
      <c r="F1670" s="482"/>
      <c r="G1670" s="481" t="s">
        <v>651</v>
      </c>
      <c r="H1670" s="476"/>
      <c r="I1670" s="476"/>
      <c r="J1670" s="476"/>
      <c r="K1670" s="476"/>
      <c r="L1670" s="475"/>
    </row>
    <row r="1671" spans="1:12" ht="16.149999999999999" customHeight="1">
      <c r="A1671" s="733" t="s">
        <v>742</v>
      </c>
      <c r="B1671" s="734"/>
      <c r="C1671" s="495"/>
      <c r="D1671" s="494"/>
      <c r="E1671" s="493"/>
      <c r="F1671" s="492"/>
      <c r="G1671" s="486" t="s">
        <v>741</v>
      </c>
      <c r="H1671" s="549"/>
      <c r="I1671" s="549"/>
      <c r="J1671" s="549"/>
      <c r="K1671" s="549"/>
      <c r="L1671" s="551"/>
    </row>
    <row r="1672" spans="1:12" ht="16.149999999999999" customHeight="1">
      <c r="A1672" s="735"/>
      <c r="B1672" s="736"/>
      <c r="C1672" s="490"/>
      <c r="D1672" s="489"/>
      <c r="E1672" s="491"/>
      <c r="F1672" s="487" t="s">
        <v>651</v>
      </c>
      <c r="G1672" s="486" t="s">
        <v>651</v>
      </c>
      <c r="H1672" s="549"/>
      <c r="I1672" s="549"/>
      <c r="J1672" s="549"/>
      <c r="K1672" s="549"/>
      <c r="L1672" s="551"/>
    </row>
    <row r="1673" spans="1:12" ht="16.149999999999999" customHeight="1">
      <c r="A1673" s="735" t="s">
        <v>1663</v>
      </c>
      <c r="B1673" s="736"/>
      <c r="C1673" s="490" t="s">
        <v>731</v>
      </c>
      <c r="D1673" s="489"/>
      <c r="E1673" s="488"/>
      <c r="F1673" s="487"/>
      <c r="G1673" s="486" t="s">
        <v>651</v>
      </c>
      <c r="H1673" s="549"/>
      <c r="I1673" s="549"/>
      <c r="J1673" s="549"/>
      <c r="K1673" s="549"/>
      <c r="L1673" s="551"/>
    </row>
    <row r="1674" spans="1:12" ht="16.149999999999999" customHeight="1">
      <c r="A1674" s="737"/>
      <c r="B1674" s="738"/>
      <c r="C1674" s="485"/>
      <c r="D1674" s="484"/>
      <c r="E1674" s="483"/>
      <c r="F1674" s="482"/>
      <c r="G1674" s="481" t="s">
        <v>651</v>
      </c>
      <c r="H1674" s="476"/>
      <c r="I1674" s="476"/>
      <c r="J1674" s="476"/>
      <c r="K1674" s="476"/>
      <c r="L1674" s="475"/>
    </row>
    <row r="1675" spans="1:12" ht="16.149999999999999" customHeight="1">
      <c r="A1675" s="733" t="s">
        <v>651</v>
      </c>
      <c r="B1675" s="734"/>
      <c r="C1675" s="495"/>
      <c r="D1675" s="494"/>
      <c r="E1675" s="493"/>
      <c r="F1675" s="492"/>
      <c r="G1675" s="486" t="s">
        <v>651</v>
      </c>
      <c r="H1675" s="549"/>
      <c r="I1675" s="549"/>
      <c r="J1675" s="549"/>
      <c r="K1675" s="549"/>
      <c r="L1675" s="551"/>
    </row>
    <row r="1676" spans="1:12" ht="16.149999999999999" customHeight="1">
      <c r="A1676" s="735"/>
      <c r="B1676" s="736"/>
      <c r="C1676" s="490"/>
      <c r="D1676" s="489"/>
      <c r="E1676" s="491"/>
      <c r="F1676" s="487" t="s">
        <v>651</v>
      </c>
      <c r="G1676" s="486" t="s">
        <v>651</v>
      </c>
      <c r="H1676" s="549"/>
      <c r="I1676" s="549"/>
      <c r="J1676" s="549"/>
      <c r="K1676" s="549"/>
      <c r="L1676" s="551"/>
    </row>
    <row r="1677" spans="1:12" ht="16.149999999999999" customHeight="1">
      <c r="A1677" s="735" t="s">
        <v>691</v>
      </c>
      <c r="B1677" s="736"/>
      <c r="C1677" s="490" t="s">
        <v>234</v>
      </c>
      <c r="D1677" s="489">
        <v>1</v>
      </c>
      <c r="E1677" s="488"/>
      <c r="F1677" s="487"/>
      <c r="G1677" s="486" t="s">
        <v>651</v>
      </c>
      <c r="H1677" s="549"/>
      <c r="I1677" s="549"/>
      <c r="J1677" s="549"/>
      <c r="K1677" s="549"/>
      <c r="L1677" s="551"/>
    </row>
    <row r="1678" spans="1:12" ht="16.149999999999999" customHeight="1">
      <c r="A1678" s="737"/>
      <c r="B1678" s="738"/>
      <c r="C1678" s="485"/>
      <c r="D1678" s="484"/>
      <c r="E1678" s="483"/>
      <c r="F1678" s="482"/>
      <c r="G1678" s="481" t="s">
        <v>651</v>
      </c>
      <c r="H1678" s="476"/>
      <c r="I1678" s="476"/>
      <c r="J1678" s="476"/>
      <c r="K1678" s="476"/>
      <c r="L1678" s="475"/>
    </row>
    <row r="1681" spans="1:12" ht="16.149999999999999" customHeight="1">
      <c r="A1681" s="507" t="s">
        <v>651</v>
      </c>
      <c r="B1681" s="479" t="s">
        <v>1662</v>
      </c>
      <c r="C1681" s="480"/>
      <c r="D1681" s="479"/>
      <c r="E1681" s="479"/>
      <c r="F1681" s="479"/>
      <c r="G1681" s="479"/>
      <c r="H1681" s="479" t="s">
        <v>617</v>
      </c>
      <c r="I1681" s="480" t="s">
        <v>850</v>
      </c>
      <c r="J1681" s="479" t="s">
        <v>689</v>
      </c>
      <c r="K1681" s="479" t="s">
        <v>688</v>
      </c>
      <c r="L1681" s="506"/>
    </row>
    <row r="1682" spans="1:12" ht="16.149999999999999" customHeight="1">
      <c r="A1682" s="505" t="s">
        <v>651</v>
      </c>
      <c r="B1682" s="549" t="s">
        <v>849</v>
      </c>
      <c r="C1682" s="550"/>
      <c r="D1682" s="549"/>
      <c r="E1682" s="549"/>
      <c r="F1682" s="549"/>
      <c r="G1682" s="478"/>
      <c r="H1682" s="549"/>
      <c r="I1682" s="504"/>
      <c r="J1682" s="503" t="s">
        <v>687</v>
      </c>
      <c r="K1682" s="502" t="s">
        <v>234</v>
      </c>
      <c r="L1682" s="501" t="s">
        <v>618</v>
      </c>
    </row>
    <row r="1683" spans="1:12" ht="16.149999999999999" customHeight="1">
      <c r="A1683" s="477" t="s">
        <v>651</v>
      </c>
      <c r="B1683" s="549"/>
      <c r="C1683" s="550"/>
      <c r="D1683" s="549"/>
      <c r="E1683" s="549"/>
      <c r="F1683" s="549"/>
      <c r="G1683" s="478"/>
      <c r="H1683" s="478"/>
      <c r="I1683" s="478"/>
      <c r="J1683" s="478"/>
      <c r="K1683" s="478"/>
      <c r="L1683" s="501"/>
    </row>
    <row r="1684" spans="1:12" ht="16.149999999999999" customHeight="1">
      <c r="A1684" s="498" t="s">
        <v>686</v>
      </c>
      <c r="B1684" s="500"/>
      <c r="C1684" s="499" t="s">
        <v>309</v>
      </c>
      <c r="D1684" s="499" t="s">
        <v>685</v>
      </c>
      <c r="E1684" s="499" t="s">
        <v>684</v>
      </c>
      <c r="F1684" s="499" t="s">
        <v>683</v>
      </c>
      <c r="G1684" s="498" t="s">
        <v>682</v>
      </c>
      <c r="H1684" s="497"/>
      <c r="I1684" s="497"/>
      <c r="J1684" s="497"/>
      <c r="K1684" s="497"/>
      <c r="L1684" s="496"/>
    </row>
    <row r="1685" spans="1:12" ht="16.149999999999999" customHeight="1">
      <c r="A1685" s="733" t="s">
        <v>651</v>
      </c>
      <c r="B1685" s="734"/>
      <c r="C1685" s="495"/>
      <c r="D1685" s="494"/>
      <c r="E1685" s="493"/>
      <c r="F1685" s="492"/>
      <c r="G1685" s="486" t="s">
        <v>651</v>
      </c>
      <c r="H1685" s="549"/>
      <c r="I1685" s="549"/>
      <c r="J1685" s="549"/>
      <c r="K1685" s="549"/>
      <c r="L1685" s="551"/>
    </row>
    <row r="1686" spans="1:12" ht="16.149999999999999" customHeight="1">
      <c r="A1686" s="735"/>
      <c r="B1686" s="736"/>
      <c r="C1686" s="490"/>
      <c r="D1686" s="489"/>
      <c r="E1686" s="491"/>
      <c r="F1686" s="487" t="s">
        <v>651</v>
      </c>
      <c r="G1686" s="486" t="s">
        <v>651</v>
      </c>
      <c r="H1686" s="549"/>
      <c r="I1686" s="549"/>
      <c r="J1686" s="549"/>
      <c r="K1686" s="549"/>
      <c r="L1686" s="551"/>
    </row>
    <row r="1687" spans="1:12" ht="16.149999999999999" customHeight="1">
      <c r="A1687" s="735" t="s">
        <v>681</v>
      </c>
      <c r="B1687" s="736"/>
      <c r="C1687" s="490" t="s">
        <v>234</v>
      </c>
      <c r="D1687" s="489">
        <v>1</v>
      </c>
      <c r="E1687" s="488" t="s">
        <v>618</v>
      </c>
      <c r="F1687" s="487"/>
      <c r="G1687" s="486" t="s">
        <v>651</v>
      </c>
      <c r="H1687" s="549"/>
      <c r="I1687" s="549"/>
      <c r="J1687" s="549"/>
      <c r="K1687" s="549"/>
      <c r="L1687" s="551"/>
    </row>
    <row r="1688" spans="1:12" ht="16.149999999999999" customHeight="1">
      <c r="A1688" s="737"/>
      <c r="B1688" s="738"/>
      <c r="C1688" s="485"/>
      <c r="D1688" s="484"/>
      <c r="E1688" s="483"/>
      <c r="F1688" s="482"/>
      <c r="G1688" s="481" t="s">
        <v>651</v>
      </c>
      <c r="H1688" s="476"/>
      <c r="I1688" s="476"/>
      <c r="J1688" s="476"/>
      <c r="K1688" s="476"/>
      <c r="L1688" s="475"/>
    </row>
    <row r="1690" spans="1:12" ht="16.149999999999999" customHeight="1">
      <c r="A1690" s="507" t="s">
        <v>651</v>
      </c>
      <c r="B1690" s="479" t="s">
        <v>1664</v>
      </c>
      <c r="C1690" s="480"/>
      <c r="D1690" s="479"/>
      <c r="E1690" s="479"/>
      <c r="F1690" s="479"/>
      <c r="G1690" s="479"/>
      <c r="H1690" s="479" t="s">
        <v>617</v>
      </c>
      <c r="I1690" s="480" t="s">
        <v>847</v>
      </c>
      <c r="J1690" s="479" t="s">
        <v>689</v>
      </c>
      <c r="K1690" s="479" t="s">
        <v>688</v>
      </c>
      <c r="L1690" s="506"/>
    </row>
    <row r="1691" spans="1:12" ht="16.149999999999999" customHeight="1">
      <c r="A1691" s="505" t="s">
        <v>651</v>
      </c>
      <c r="B1691" s="549" t="s">
        <v>816</v>
      </c>
      <c r="C1691" s="550"/>
      <c r="D1691" s="549"/>
      <c r="E1691" s="549"/>
      <c r="F1691" s="549"/>
      <c r="G1691" s="478"/>
      <c r="H1691" s="549"/>
      <c r="I1691" s="504"/>
      <c r="J1691" s="503" t="s">
        <v>708</v>
      </c>
      <c r="K1691" s="502" t="s">
        <v>240</v>
      </c>
      <c r="L1691" s="501" t="s">
        <v>618</v>
      </c>
    </row>
    <row r="1692" spans="1:12" ht="16.149999999999999" customHeight="1">
      <c r="A1692" s="477" t="s">
        <v>651</v>
      </c>
      <c r="B1692" s="549"/>
      <c r="C1692" s="550"/>
      <c r="D1692" s="549"/>
      <c r="E1692" s="549"/>
      <c r="F1692" s="549"/>
      <c r="G1692" s="478"/>
      <c r="H1692" s="478"/>
      <c r="I1692" s="478"/>
      <c r="J1692" s="478"/>
      <c r="K1692" s="478"/>
      <c r="L1692" s="501"/>
    </row>
    <row r="1693" spans="1:12" ht="16.149999999999999" customHeight="1">
      <c r="A1693" s="498" t="s">
        <v>686</v>
      </c>
      <c r="B1693" s="500"/>
      <c r="C1693" s="499" t="s">
        <v>309</v>
      </c>
      <c r="D1693" s="499" t="s">
        <v>685</v>
      </c>
      <c r="E1693" s="499" t="s">
        <v>684</v>
      </c>
      <c r="F1693" s="499" t="s">
        <v>683</v>
      </c>
      <c r="G1693" s="498" t="s">
        <v>682</v>
      </c>
      <c r="H1693" s="497"/>
      <c r="I1693" s="497"/>
      <c r="J1693" s="497"/>
      <c r="K1693" s="497"/>
      <c r="L1693" s="496"/>
    </row>
    <row r="1694" spans="1:12" ht="16.149999999999999" customHeight="1">
      <c r="A1694" s="733" t="s">
        <v>701</v>
      </c>
      <c r="B1694" s="734"/>
      <c r="C1694" s="495"/>
      <c r="D1694" s="494"/>
      <c r="E1694" s="493"/>
      <c r="F1694" s="492"/>
      <c r="G1694" s="486" t="s">
        <v>651</v>
      </c>
      <c r="H1694" s="549"/>
      <c r="I1694" s="549"/>
      <c r="J1694" s="549"/>
      <c r="K1694" s="549"/>
      <c r="L1694" s="551"/>
    </row>
    <row r="1695" spans="1:12" ht="16.149999999999999" customHeight="1">
      <c r="A1695" s="735"/>
      <c r="B1695" s="736"/>
      <c r="C1695" s="490"/>
      <c r="D1695" s="489"/>
      <c r="E1695" s="491"/>
      <c r="F1695" s="487" t="s">
        <v>651</v>
      </c>
      <c r="G1695" s="486" t="s">
        <v>651</v>
      </c>
      <c r="H1695" s="549"/>
      <c r="I1695" s="549"/>
      <c r="J1695" s="549"/>
      <c r="K1695" s="549"/>
      <c r="L1695" s="551"/>
    </row>
    <row r="1696" spans="1:12" ht="16.149999999999999" customHeight="1">
      <c r="A1696" s="735" t="s">
        <v>651</v>
      </c>
      <c r="B1696" s="736"/>
      <c r="C1696" s="490" t="s">
        <v>248</v>
      </c>
      <c r="D1696" s="489"/>
      <c r="E1696" s="488"/>
      <c r="F1696" s="487"/>
      <c r="G1696" s="486" t="s">
        <v>651</v>
      </c>
      <c r="H1696" s="549"/>
      <c r="I1696" s="549"/>
      <c r="J1696" s="549"/>
      <c r="K1696" s="549"/>
      <c r="L1696" s="551"/>
    </row>
    <row r="1697" spans="1:12" ht="16.149999999999999" customHeight="1">
      <c r="A1697" s="737"/>
      <c r="B1697" s="738"/>
      <c r="C1697" s="485"/>
      <c r="D1697" s="484"/>
      <c r="E1697" s="483"/>
      <c r="F1697" s="482"/>
      <c r="G1697" s="481" t="s">
        <v>651</v>
      </c>
      <c r="H1697" s="476"/>
      <c r="I1697" s="476"/>
      <c r="J1697" s="476"/>
      <c r="K1697" s="476"/>
      <c r="L1697" s="475"/>
    </row>
    <row r="1698" spans="1:12" ht="16.149999999999999" customHeight="1">
      <c r="A1698" s="733" t="s">
        <v>250</v>
      </c>
      <c r="B1698" s="734"/>
      <c r="C1698" s="495"/>
      <c r="D1698" s="494"/>
      <c r="E1698" s="493"/>
      <c r="F1698" s="492"/>
      <c r="G1698" s="486" t="s">
        <v>651</v>
      </c>
      <c r="H1698" s="549"/>
      <c r="I1698" s="549"/>
      <c r="J1698" s="549"/>
      <c r="K1698" s="549"/>
      <c r="L1698" s="551"/>
    </row>
    <row r="1699" spans="1:12" ht="16.149999999999999" customHeight="1">
      <c r="A1699" s="735"/>
      <c r="B1699" s="736"/>
      <c r="C1699" s="490"/>
      <c r="D1699" s="489"/>
      <c r="E1699" s="491"/>
      <c r="F1699" s="487" t="s">
        <v>651</v>
      </c>
      <c r="G1699" s="486" t="s">
        <v>651</v>
      </c>
      <c r="H1699" s="549"/>
      <c r="I1699" s="549"/>
      <c r="J1699" s="549"/>
      <c r="K1699" s="549"/>
      <c r="L1699" s="551"/>
    </row>
    <row r="1700" spans="1:12" ht="16.149999999999999" customHeight="1">
      <c r="A1700" s="735" t="s">
        <v>651</v>
      </c>
      <c r="B1700" s="736"/>
      <c r="C1700" s="490" t="s">
        <v>248</v>
      </c>
      <c r="D1700" s="489"/>
      <c r="E1700" s="488"/>
      <c r="F1700" s="487"/>
      <c r="G1700" s="486" t="s">
        <v>651</v>
      </c>
      <c r="H1700" s="549"/>
      <c r="I1700" s="549"/>
      <c r="J1700" s="549"/>
      <c r="K1700" s="549"/>
      <c r="L1700" s="551"/>
    </row>
    <row r="1701" spans="1:12" ht="16.149999999999999" customHeight="1">
      <c r="A1701" s="737"/>
      <c r="B1701" s="738"/>
      <c r="C1701" s="485"/>
      <c r="D1701" s="484"/>
      <c r="E1701" s="483"/>
      <c r="F1701" s="482"/>
      <c r="G1701" s="481" t="s">
        <v>651</v>
      </c>
      <c r="H1701" s="476"/>
      <c r="I1701" s="476"/>
      <c r="J1701" s="476"/>
      <c r="K1701" s="476"/>
      <c r="L1701" s="475"/>
    </row>
    <row r="1702" spans="1:12" ht="16.149999999999999" customHeight="1">
      <c r="A1702" s="733" t="s">
        <v>742</v>
      </c>
      <c r="B1702" s="734"/>
      <c r="C1702" s="495"/>
      <c r="D1702" s="494"/>
      <c r="E1702" s="493"/>
      <c r="F1702" s="492"/>
      <c r="G1702" s="486" t="s">
        <v>741</v>
      </c>
      <c r="H1702" s="549"/>
      <c r="I1702" s="549"/>
      <c r="J1702" s="549"/>
      <c r="K1702" s="549"/>
      <c r="L1702" s="551"/>
    </row>
    <row r="1703" spans="1:12" ht="16.149999999999999" customHeight="1">
      <c r="A1703" s="735"/>
      <c r="B1703" s="736"/>
      <c r="C1703" s="490"/>
      <c r="D1703" s="489"/>
      <c r="E1703" s="491"/>
      <c r="F1703" s="487" t="s">
        <v>651</v>
      </c>
      <c r="G1703" s="486" t="s">
        <v>651</v>
      </c>
      <c r="H1703" s="549"/>
      <c r="I1703" s="549"/>
      <c r="J1703" s="549"/>
      <c r="K1703" s="549"/>
      <c r="L1703" s="551"/>
    </row>
    <row r="1704" spans="1:12" ht="16.149999999999999" customHeight="1">
      <c r="A1704" s="735" t="s">
        <v>1663</v>
      </c>
      <c r="B1704" s="736"/>
      <c r="C1704" s="490" t="s">
        <v>731</v>
      </c>
      <c r="D1704" s="489"/>
      <c r="E1704" s="488"/>
      <c r="F1704" s="487"/>
      <c r="G1704" s="486" t="s">
        <v>651</v>
      </c>
      <c r="H1704" s="549"/>
      <c r="I1704" s="549"/>
      <c r="J1704" s="549"/>
      <c r="K1704" s="549"/>
      <c r="L1704" s="551"/>
    </row>
    <row r="1705" spans="1:12" ht="16.149999999999999" customHeight="1">
      <c r="A1705" s="737"/>
      <c r="B1705" s="738"/>
      <c r="C1705" s="485"/>
      <c r="D1705" s="484"/>
      <c r="E1705" s="483"/>
      <c r="F1705" s="482"/>
      <c r="G1705" s="481" t="s">
        <v>651</v>
      </c>
      <c r="H1705" s="476"/>
      <c r="I1705" s="476"/>
      <c r="J1705" s="476"/>
      <c r="K1705" s="476"/>
      <c r="L1705" s="475"/>
    </row>
    <row r="1706" spans="1:12" ht="16.149999999999999" customHeight="1">
      <c r="A1706" s="733" t="s">
        <v>651</v>
      </c>
      <c r="B1706" s="734"/>
      <c r="C1706" s="495"/>
      <c r="D1706" s="494"/>
      <c r="E1706" s="493"/>
      <c r="F1706" s="492"/>
      <c r="G1706" s="486" t="s">
        <v>651</v>
      </c>
      <c r="H1706" s="549"/>
      <c r="I1706" s="549"/>
      <c r="J1706" s="549"/>
      <c r="K1706" s="549"/>
      <c r="L1706" s="551"/>
    </row>
    <row r="1707" spans="1:12" ht="16.149999999999999" customHeight="1">
      <c r="A1707" s="735"/>
      <c r="B1707" s="736"/>
      <c r="C1707" s="490"/>
      <c r="D1707" s="489"/>
      <c r="E1707" s="491"/>
      <c r="F1707" s="487" t="s">
        <v>651</v>
      </c>
      <c r="G1707" s="486" t="s">
        <v>651</v>
      </c>
      <c r="H1707" s="549"/>
      <c r="I1707" s="549"/>
      <c r="J1707" s="549"/>
      <c r="K1707" s="549"/>
      <c r="L1707" s="551"/>
    </row>
    <row r="1708" spans="1:12" ht="16.149999999999999" customHeight="1">
      <c r="A1708" s="735" t="s">
        <v>691</v>
      </c>
      <c r="B1708" s="736"/>
      <c r="C1708" s="490" t="s">
        <v>240</v>
      </c>
      <c r="D1708" s="489">
        <v>10</v>
      </c>
      <c r="E1708" s="488"/>
      <c r="F1708" s="487"/>
      <c r="G1708" s="486" t="s">
        <v>651</v>
      </c>
      <c r="H1708" s="549"/>
      <c r="I1708" s="549"/>
      <c r="J1708" s="549"/>
      <c r="K1708" s="549"/>
      <c r="L1708" s="551"/>
    </row>
    <row r="1709" spans="1:12" ht="16.149999999999999" customHeight="1">
      <c r="A1709" s="737"/>
      <c r="B1709" s="738"/>
      <c r="C1709" s="485"/>
      <c r="D1709" s="484"/>
      <c r="E1709" s="483"/>
      <c r="F1709" s="482"/>
      <c r="G1709" s="481" t="s">
        <v>651</v>
      </c>
      <c r="H1709" s="476"/>
      <c r="I1709" s="476"/>
      <c r="J1709" s="476"/>
      <c r="K1709" s="476"/>
      <c r="L1709" s="475"/>
    </row>
    <row r="1710" spans="1:12" ht="16.149999999999999" customHeight="1">
      <c r="A1710" s="733" t="s">
        <v>651</v>
      </c>
      <c r="B1710" s="734"/>
      <c r="C1710" s="495"/>
      <c r="D1710" s="494"/>
      <c r="E1710" s="493"/>
      <c r="F1710" s="492"/>
      <c r="G1710" s="486" t="s">
        <v>651</v>
      </c>
      <c r="H1710" s="549"/>
      <c r="I1710" s="549"/>
      <c r="J1710" s="549"/>
      <c r="K1710" s="549"/>
      <c r="L1710" s="551"/>
    </row>
    <row r="1711" spans="1:12" ht="16.149999999999999" customHeight="1">
      <c r="A1711" s="735"/>
      <c r="B1711" s="736"/>
      <c r="C1711" s="490"/>
      <c r="D1711" s="489"/>
      <c r="E1711" s="491"/>
      <c r="F1711" s="487" t="s">
        <v>651</v>
      </c>
      <c r="G1711" s="486" t="s">
        <v>651</v>
      </c>
      <c r="H1711" s="549"/>
      <c r="I1711" s="549"/>
      <c r="J1711" s="549"/>
      <c r="K1711" s="549"/>
      <c r="L1711" s="551"/>
    </row>
    <row r="1712" spans="1:12" ht="16.149999999999999" customHeight="1">
      <c r="A1712" s="735" t="s">
        <v>681</v>
      </c>
      <c r="B1712" s="736"/>
      <c r="C1712" s="490" t="s">
        <v>240</v>
      </c>
      <c r="D1712" s="489">
        <v>1</v>
      </c>
      <c r="E1712" s="488" t="s">
        <v>618</v>
      </c>
      <c r="F1712" s="487"/>
      <c r="G1712" s="486" t="s">
        <v>651</v>
      </c>
      <c r="H1712" s="549"/>
      <c r="I1712" s="549"/>
      <c r="J1712" s="549"/>
      <c r="K1712" s="549"/>
      <c r="L1712" s="551"/>
    </row>
    <row r="1713" spans="1:12" ht="16.149999999999999" customHeight="1">
      <c r="A1713" s="737"/>
      <c r="B1713" s="738"/>
      <c r="C1713" s="485"/>
      <c r="D1713" s="484"/>
      <c r="E1713" s="483"/>
      <c r="F1713" s="482"/>
      <c r="G1713" s="481" t="s">
        <v>651</v>
      </c>
      <c r="H1713" s="476"/>
      <c r="I1713" s="476"/>
      <c r="J1713" s="476"/>
      <c r="K1713" s="476"/>
      <c r="L1713" s="475"/>
    </row>
    <row r="1716" spans="1:12" ht="16.149999999999999" customHeight="1">
      <c r="A1716" s="507" t="s">
        <v>651</v>
      </c>
      <c r="B1716" s="479" t="s">
        <v>768</v>
      </c>
      <c r="C1716" s="480"/>
      <c r="D1716" s="479"/>
      <c r="E1716" s="479"/>
      <c r="F1716" s="479"/>
      <c r="G1716" s="479"/>
      <c r="H1716" s="479" t="s">
        <v>617</v>
      </c>
      <c r="I1716" s="480" t="s">
        <v>845</v>
      </c>
      <c r="J1716" s="479" t="s">
        <v>689</v>
      </c>
      <c r="K1716" s="479" t="s">
        <v>688</v>
      </c>
      <c r="L1716" s="506"/>
    </row>
    <row r="1717" spans="1:12" ht="16.149999999999999" customHeight="1">
      <c r="A1717" s="505" t="s">
        <v>651</v>
      </c>
      <c r="B1717" s="549" t="s">
        <v>844</v>
      </c>
      <c r="C1717" s="550"/>
      <c r="D1717" s="549"/>
      <c r="E1717" s="549"/>
      <c r="F1717" s="549"/>
      <c r="G1717" s="478"/>
      <c r="H1717" s="549"/>
      <c r="I1717" s="504"/>
      <c r="J1717" s="503" t="s">
        <v>722</v>
      </c>
      <c r="K1717" s="502" t="s">
        <v>240</v>
      </c>
      <c r="L1717" s="501" t="s">
        <v>618</v>
      </c>
    </row>
    <row r="1718" spans="1:12" ht="16.149999999999999" customHeight="1">
      <c r="A1718" s="477" t="s">
        <v>651</v>
      </c>
      <c r="B1718" s="549"/>
      <c r="C1718" s="550"/>
      <c r="D1718" s="549"/>
      <c r="E1718" s="549"/>
      <c r="F1718" s="549"/>
      <c r="G1718" s="478"/>
      <c r="H1718" s="478"/>
      <c r="I1718" s="478"/>
      <c r="J1718" s="478"/>
      <c r="K1718" s="478"/>
      <c r="L1718" s="501"/>
    </row>
    <row r="1719" spans="1:12" ht="16.149999999999999" customHeight="1">
      <c r="A1719" s="498" t="s">
        <v>686</v>
      </c>
      <c r="B1719" s="500"/>
      <c r="C1719" s="499" t="s">
        <v>309</v>
      </c>
      <c r="D1719" s="499" t="s">
        <v>685</v>
      </c>
      <c r="E1719" s="499" t="s">
        <v>684</v>
      </c>
      <c r="F1719" s="499" t="s">
        <v>683</v>
      </c>
      <c r="G1719" s="498" t="s">
        <v>682</v>
      </c>
      <c r="H1719" s="497"/>
      <c r="I1719" s="497"/>
      <c r="J1719" s="497"/>
      <c r="K1719" s="497"/>
      <c r="L1719" s="496"/>
    </row>
    <row r="1720" spans="1:12" ht="16.149999999999999" customHeight="1">
      <c r="A1720" s="733" t="s">
        <v>701</v>
      </c>
      <c r="B1720" s="734"/>
      <c r="C1720" s="495"/>
      <c r="D1720" s="494"/>
      <c r="E1720" s="493"/>
      <c r="F1720" s="492"/>
      <c r="G1720" s="486" t="s">
        <v>651</v>
      </c>
      <c r="H1720" s="549"/>
      <c r="I1720" s="549"/>
      <c r="J1720" s="549"/>
      <c r="K1720" s="549"/>
      <c r="L1720" s="551"/>
    </row>
    <row r="1721" spans="1:12" ht="16.149999999999999" customHeight="1">
      <c r="A1721" s="735"/>
      <c r="B1721" s="736"/>
      <c r="C1721" s="490"/>
      <c r="D1721" s="489"/>
      <c r="E1721" s="491"/>
      <c r="F1721" s="487" t="s">
        <v>651</v>
      </c>
      <c r="G1721" s="486" t="s">
        <v>651</v>
      </c>
      <c r="H1721" s="549"/>
      <c r="I1721" s="549"/>
      <c r="J1721" s="549"/>
      <c r="K1721" s="549"/>
      <c r="L1721" s="551"/>
    </row>
    <row r="1722" spans="1:12" ht="16.149999999999999" customHeight="1">
      <c r="A1722" s="735" t="s">
        <v>651</v>
      </c>
      <c r="B1722" s="736"/>
      <c r="C1722" s="490" t="s">
        <v>248</v>
      </c>
      <c r="D1722" s="489"/>
      <c r="E1722" s="488"/>
      <c r="F1722" s="487"/>
      <c r="G1722" s="486" t="s">
        <v>651</v>
      </c>
      <c r="H1722" s="549"/>
      <c r="I1722" s="549"/>
      <c r="J1722" s="549"/>
      <c r="K1722" s="549"/>
      <c r="L1722" s="551"/>
    </row>
    <row r="1723" spans="1:12" ht="16.149999999999999" customHeight="1">
      <c r="A1723" s="737"/>
      <c r="B1723" s="738"/>
      <c r="C1723" s="485"/>
      <c r="D1723" s="484"/>
      <c r="E1723" s="483"/>
      <c r="F1723" s="482"/>
      <c r="G1723" s="481" t="s">
        <v>651</v>
      </c>
      <c r="H1723" s="476"/>
      <c r="I1723" s="476"/>
      <c r="J1723" s="476"/>
      <c r="K1723" s="476"/>
      <c r="L1723" s="475"/>
    </row>
    <row r="1724" spans="1:12" ht="16.149999999999999" customHeight="1">
      <c r="A1724" s="733" t="s">
        <v>250</v>
      </c>
      <c r="B1724" s="734"/>
      <c r="C1724" s="495"/>
      <c r="D1724" s="494"/>
      <c r="E1724" s="493"/>
      <c r="F1724" s="492"/>
      <c r="G1724" s="486" t="s">
        <v>651</v>
      </c>
      <c r="H1724" s="549"/>
      <c r="I1724" s="549"/>
      <c r="J1724" s="549"/>
      <c r="K1724" s="549"/>
      <c r="L1724" s="551"/>
    </row>
    <row r="1725" spans="1:12" ht="16.149999999999999" customHeight="1">
      <c r="A1725" s="735"/>
      <c r="B1725" s="736"/>
      <c r="C1725" s="490"/>
      <c r="D1725" s="489"/>
      <c r="E1725" s="491"/>
      <c r="F1725" s="487" t="s">
        <v>651</v>
      </c>
      <c r="G1725" s="486" t="s">
        <v>651</v>
      </c>
      <c r="H1725" s="549"/>
      <c r="I1725" s="549"/>
      <c r="J1725" s="549"/>
      <c r="K1725" s="549"/>
      <c r="L1725" s="551"/>
    </row>
    <row r="1726" spans="1:12" ht="16.149999999999999" customHeight="1">
      <c r="A1726" s="735" t="s">
        <v>651</v>
      </c>
      <c r="B1726" s="736"/>
      <c r="C1726" s="490" t="s">
        <v>248</v>
      </c>
      <c r="D1726" s="489"/>
      <c r="E1726" s="488"/>
      <c r="F1726" s="487"/>
      <c r="G1726" s="486" t="s">
        <v>651</v>
      </c>
      <c r="H1726" s="549"/>
      <c r="I1726" s="549"/>
      <c r="J1726" s="549"/>
      <c r="K1726" s="549"/>
      <c r="L1726" s="551"/>
    </row>
    <row r="1727" spans="1:12" ht="16.149999999999999" customHeight="1">
      <c r="A1727" s="737"/>
      <c r="B1727" s="738"/>
      <c r="C1727" s="485"/>
      <c r="D1727" s="484"/>
      <c r="E1727" s="483"/>
      <c r="F1727" s="482"/>
      <c r="G1727" s="481" t="s">
        <v>651</v>
      </c>
      <c r="H1727" s="476"/>
      <c r="I1727" s="476"/>
      <c r="J1727" s="476"/>
      <c r="K1727" s="476"/>
      <c r="L1727" s="475"/>
    </row>
    <row r="1728" spans="1:12" ht="16.149999999999999" customHeight="1">
      <c r="A1728" s="733" t="s">
        <v>771</v>
      </c>
      <c r="B1728" s="734"/>
      <c r="C1728" s="495"/>
      <c r="D1728" s="494"/>
      <c r="E1728" s="493"/>
      <c r="F1728" s="492"/>
      <c r="G1728" s="486" t="s">
        <v>651</v>
      </c>
      <c r="H1728" s="549"/>
      <c r="I1728" s="549"/>
      <c r="J1728" s="549"/>
      <c r="K1728" s="549"/>
      <c r="L1728" s="551"/>
    </row>
    <row r="1729" spans="1:12" ht="16.149999999999999" customHeight="1">
      <c r="A1729" s="735"/>
      <c r="B1729" s="736"/>
      <c r="C1729" s="490"/>
      <c r="D1729" s="489"/>
      <c r="E1729" s="491"/>
      <c r="F1729" s="487" t="s">
        <v>651</v>
      </c>
      <c r="G1729" s="486" t="s">
        <v>651</v>
      </c>
      <c r="H1729" s="549"/>
      <c r="I1729" s="549"/>
      <c r="J1729" s="549"/>
      <c r="K1729" s="549"/>
      <c r="L1729" s="551"/>
    </row>
    <row r="1730" spans="1:12" ht="16.149999999999999" customHeight="1">
      <c r="A1730" s="735" t="s">
        <v>846</v>
      </c>
      <c r="B1730" s="736"/>
      <c r="C1730" s="490" t="s">
        <v>240</v>
      </c>
      <c r="D1730" s="489">
        <v>120</v>
      </c>
      <c r="E1730" s="488"/>
      <c r="F1730" s="487"/>
      <c r="G1730" s="486" t="s">
        <v>651</v>
      </c>
      <c r="H1730" s="549"/>
      <c r="I1730" s="549"/>
      <c r="J1730" s="549"/>
      <c r="K1730" s="549"/>
      <c r="L1730" s="551"/>
    </row>
    <row r="1731" spans="1:12" ht="16.149999999999999" customHeight="1">
      <c r="A1731" s="737"/>
      <c r="B1731" s="738"/>
      <c r="C1731" s="485"/>
      <c r="D1731" s="484"/>
      <c r="E1731" s="483"/>
      <c r="F1731" s="482"/>
      <c r="G1731" s="481" t="s">
        <v>651</v>
      </c>
      <c r="H1731" s="476"/>
      <c r="I1731" s="476"/>
      <c r="J1731" s="476"/>
      <c r="K1731" s="476"/>
      <c r="L1731" s="475"/>
    </row>
    <row r="1732" spans="1:12" ht="16.149999999999999" customHeight="1">
      <c r="A1732" s="733" t="s">
        <v>769</v>
      </c>
      <c r="B1732" s="734"/>
      <c r="C1732" s="495"/>
      <c r="D1732" s="494"/>
      <c r="E1732" s="493"/>
      <c r="F1732" s="492"/>
      <c r="G1732" s="486" t="s">
        <v>651</v>
      </c>
      <c r="H1732" s="549"/>
      <c r="I1732" s="549"/>
      <c r="J1732" s="549"/>
      <c r="K1732" s="549"/>
      <c r="L1732" s="551"/>
    </row>
    <row r="1733" spans="1:12" ht="16.149999999999999" customHeight="1">
      <c r="A1733" s="735"/>
      <c r="B1733" s="736"/>
      <c r="C1733" s="490"/>
      <c r="D1733" s="489"/>
      <c r="E1733" s="491"/>
      <c r="F1733" s="487" t="s">
        <v>651</v>
      </c>
      <c r="G1733" s="486" t="s">
        <v>651</v>
      </c>
      <c r="H1733" s="549"/>
      <c r="I1733" s="549"/>
      <c r="J1733" s="549"/>
      <c r="K1733" s="549"/>
      <c r="L1733" s="551"/>
    </row>
    <row r="1734" spans="1:12" ht="16.149999999999999" customHeight="1">
      <c r="A1734" s="735" t="s">
        <v>844</v>
      </c>
      <c r="B1734" s="736"/>
      <c r="C1734" s="490" t="s">
        <v>237</v>
      </c>
      <c r="D1734" s="489">
        <v>160</v>
      </c>
      <c r="E1734" s="488"/>
      <c r="F1734" s="487"/>
      <c r="G1734" s="486" t="s">
        <v>651</v>
      </c>
      <c r="H1734" s="549"/>
      <c r="I1734" s="549"/>
      <c r="J1734" s="549"/>
      <c r="K1734" s="549"/>
      <c r="L1734" s="551"/>
    </row>
    <row r="1735" spans="1:12" ht="16.149999999999999" customHeight="1">
      <c r="A1735" s="737"/>
      <c r="B1735" s="738"/>
      <c r="C1735" s="485"/>
      <c r="D1735" s="484"/>
      <c r="E1735" s="483"/>
      <c r="F1735" s="482"/>
      <c r="G1735" s="481" t="s">
        <v>651</v>
      </c>
      <c r="H1735" s="476"/>
      <c r="I1735" s="476"/>
      <c r="J1735" s="476"/>
      <c r="K1735" s="476"/>
      <c r="L1735" s="475"/>
    </row>
    <row r="1736" spans="1:12" ht="16.149999999999999" customHeight="1">
      <c r="A1736" s="733" t="s">
        <v>651</v>
      </c>
      <c r="B1736" s="734"/>
      <c r="C1736" s="495"/>
      <c r="D1736" s="494"/>
      <c r="E1736" s="493"/>
      <c r="F1736" s="492"/>
      <c r="G1736" s="486" t="s">
        <v>651</v>
      </c>
      <c r="H1736" s="549"/>
      <c r="I1736" s="549"/>
      <c r="J1736" s="549"/>
      <c r="K1736" s="549"/>
      <c r="L1736" s="551"/>
    </row>
    <row r="1737" spans="1:12" ht="16.149999999999999" customHeight="1">
      <c r="A1737" s="735"/>
      <c r="B1737" s="736"/>
      <c r="C1737" s="490"/>
      <c r="D1737" s="489"/>
      <c r="E1737" s="491"/>
      <c r="F1737" s="487" t="s">
        <v>651</v>
      </c>
      <c r="G1737" s="486" t="s">
        <v>651</v>
      </c>
      <c r="H1737" s="549"/>
      <c r="I1737" s="549"/>
      <c r="J1737" s="549"/>
      <c r="K1737" s="549"/>
      <c r="L1737" s="551"/>
    </row>
    <row r="1738" spans="1:12" ht="16.149999999999999" customHeight="1">
      <c r="A1738" s="735" t="s">
        <v>691</v>
      </c>
      <c r="B1738" s="736"/>
      <c r="C1738" s="490" t="s">
        <v>240</v>
      </c>
      <c r="D1738" s="489">
        <v>100</v>
      </c>
      <c r="E1738" s="488"/>
      <c r="F1738" s="487"/>
      <c r="G1738" s="486" t="s">
        <v>651</v>
      </c>
      <c r="H1738" s="549"/>
      <c r="I1738" s="549"/>
      <c r="J1738" s="549"/>
      <c r="K1738" s="549"/>
      <c r="L1738" s="551"/>
    </row>
    <row r="1739" spans="1:12" ht="16.149999999999999" customHeight="1">
      <c r="A1739" s="737"/>
      <c r="B1739" s="738"/>
      <c r="C1739" s="485"/>
      <c r="D1739" s="484"/>
      <c r="E1739" s="483"/>
      <c r="F1739" s="482"/>
      <c r="G1739" s="481" t="s">
        <v>651</v>
      </c>
      <c r="H1739" s="476"/>
      <c r="I1739" s="476"/>
      <c r="J1739" s="476"/>
      <c r="K1739" s="476"/>
      <c r="L1739" s="475"/>
    </row>
    <row r="1740" spans="1:12" ht="16.149999999999999" customHeight="1">
      <c r="A1740" s="733" t="s">
        <v>651</v>
      </c>
      <c r="B1740" s="734"/>
      <c r="C1740" s="495"/>
      <c r="D1740" s="494"/>
      <c r="E1740" s="493"/>
      <c r="F1740" s="492"/>
      <c r="G1740" s="486" t="s">
        <v>651</v>
      </c>
      <c r="H1740" s="549"/>
      <c r="I1740" s="549"/>
      <c r="J1740" s="549"/>
      <c r="K1740" s="549"/>
      <c r="L1740" s="551"/>
    </row>
    <row r="1741" spans="1:12" ht="16.149999999999999" customHeight="1">
      <c r="A1741" s="735"/>
      <c r="B1741" s="736"/>
      <c r="C1741" s="490"/>
      <c r="D1741" s="489"/>
      <c r="E1741" s="491"/>
      <c r="F1741" s="487" t="s">
        <v>651</v>
      </c>
      <c r="G1741" s="486" t="s">
        <v>651</v>
      </c>
      <c r="H1741" s="549"/>
      <c r="I1741" s="549"/>
      <c r="J1741" s="549"/>
      <c r="K1741" s="549"/>
      <c r="L1741" s="551"/>
    </row>
    <row r="1742" spans="1:12" ht="16.149999999999999" customHeight="1">
      <c r="A1742" s="735" t="s">
        <v>681</v>
      </c>
      <c r="B1742" s="736"/>
      <c r="C1742" s="490" t="s">
        <v>240</v>
      </c>
      <c r="D1742" s="489">
        <v>1</v>
      </c>
      <c r="E1742" s="488" t="s">
        <v>618</v>
      </c>
      <c r="F1742" s="487"/>
      <c r="G1742" s="486" t="s">
        <v>651</v>
      </c>
      <c r="H1742" s="549"/>
      <c r="I1742" s="549"/>
      <c r="J1742" s="549"/>
      <c r="K1742" s="549"/>
      <c r="L1742" s="551"/>
    </row>
    <row r="1743" spans="1:12" ht="16.149999999999999" customHeight="1">
      <c r="A1743" s="737"/>
      <c r="B1743" s="738"/>
      <c r="C1743" s="485"/>
      <c r="D1743" s="484"/>
      <c r="E1743" s="483"/>
      <c r="F1743" s="482"/>
      <c r="G1743" s="481" t="s">
        <v>651</v>
      </c>
      <c r="H1743" s="476"/>
      <c r="I1743" s="476"/>
      <c r="J1743" s="476"/>
      <c r="K1743" s="476"/>
      <c r="L1743" s="475"/>
    </row>
    <row r="1751" spans="1:12" ht="16.149999999999999" customHeight="1">
      <c r="A1751" s="507" t="s">
        <v>651</v>
      </c>
      <c r="B1751" s="479" t="s">
        <v>764</v>
      </c>
      <c r="C1751" s="480"/>
      <c r="D1751" s="479"/>
      <c r="E1751" s="479"/>
      <c r="F1751" s="479"/>
      <c r="G1751" s="479"/>
      <c r="H1751" s="479" t="s">
        <v>617</v>
      </c>
      <c r="I1751" s="480" t="s">
        <v>843</v>
      </c>
      <c r="J1751" s="479" t="s">
        <v>689</v>
      </c>
      <c r="K1751" s="479" t="s">
        <v>688</v>
      </c>
      <c r="L1751" s="506"/>
    </row>
    <row r="1752" spans="1:12" ht="16.149999999999999" customHeight="1">
      <c r="A1752" s="505" t="s">
        <v>651</v>
      </c>
      <c r="B1752" s="549" t="s">
        <v>1215</v>
      </c>
      <c r="C1752" s="550"/>
      <c r="D1752" s="549"/>
      <c r="E1752" s="549"/>
      <c r="F1752" s="549"/>
      <c r="G1752" s="478"/>
      <c r="H1752" s="549"/>
      <c r="I1752" s="504"/>
      <c r="J1752" s="503" t="s">
        <v>687</v>
      </c>
      <c r="K1752" s="502" t="s">
        <v>697</v>
      </c>
      <c r="L1752" s="501" t="s">
        <v>618</v>
      </c>
    </row>
    <row r="1753" spans="1:12" ht="16.149999999999999" customHeight="1">
      <c r="A1753" s="477" t="s">
        <v>651</v>
      </c>
      <c r="B1753" s="549"/>
      <c r="C1753" s="550"/>
      <c r="D1753" s="549"/>
      <c r="E1753" s="549"/>
      <c r="F1753" s="549"/>
      <c r="G1753" s="478"/>
      <c r="H1753" s="478"/>
      <c r="I1753" s="478"/>
      <c r="J1753" s="478"/>
      <c r="K1753" s="478"/>
      <c r="L1753" s="501"/>
    </row>
    <row r="1754" spans="1:12" ht="16.149999999999999" customHeight="1">
      <c r="A1754" s="498" t="s">
        <v>686</v>
      </c>
      <c r="B1754" s="500"/>
      <c r="C1754" s="499" t="s">
        <v>309</v>
      </c>
      <c r="D1754" s="499" t="s">
        <v>685</v>
      </c>
      <c r="E1754" s="499" t="s">
        <v>684</v>
      </c>
      <c r="F1754" s="499" t="s">
        <v>683</v>
      </c>
      <c r="G1754" s="498" t="s">
        <v>682</v>
      </c>
      <c r="H1754" s="497"/>
      <c r="I1754" s="497"/>
      <c r="J1754" s="497"/>
      <c r="K1754" s="497"/>
      <c r="L1754" s="496"/>
    </row>
    <row r="1755" spans="1:12" ht="16.149999999999999" customHeight="1">
      <c r="A1755" s="733" t="s">
        <v>701</v>
      </c>
      <c r="B1755" s="734"/>
      <c r="C1755" s="495"/>
      <c r="D1755" s="494"/>
      <c r="E1755" s="493"/>
      <c r="F1755" s="492"/>
      <c r="G1755" s="486" t="s">
        <v>651</v>
      </c>
      <c r="H1755" s="549"/>
      <c r="I1755" s="549"/>
      <c r="J1755" s="549"/>
      <c r="K1755" s="549"/>
      <c r="L1755" s="551"/>
    </row>
    <row r="1756" spans="1:12" ht="16.149999999999999" customHeight="1">
      <c r="A1756" s="735"/>
      <c r="B1756" s="736"/>
      <c r="C1756" s="490"/>
      <c r="D1756" s="489"/>
      <c r="E1756" s="491"/>
      <c r="F1756" s="487" t="s">
        <v>651</v>
      </c>
      <c r="G1756" s="486" t="s">
        <v>651</v>
      </c>
      <c r="H1756" s="549"/>
      <c r="I1756" s="549"/>
      <c r="J1756" s="549"/>
      <c r="K1756" s="549"/>
      <c r="L1756" s="551"/>
    </row>
    <row r="1757" spans="1:12" ht="16.149999999999999" customHeight="1">
      <c r="A1757" s="735" t="s">
        <v>651</v>
      </c>
      <c r="B1757" s="736"/>
      <c r="C1757" s="490" t="s">
        <v>248</v>
      </c>
      <c r="D1757" s="489"/>
      <c r="E1757" s="488"/>
      <c r="F1757" s="487"/>
      <c r="G1757" s="486" t="s">
        <v>651</v>
      </c>
      <c r="H1757" s="549"/>
      <c r="I1757" s="549"/>
      <c r="J1757" s="549"/>
      <c r="K1757" s="549"/>
      <c r="L1757" s="551"/>
    </row>
    <row r="1758" spans="1:12" ht="16.149999999999999" customHeight="1">
      <c r="A1758" s="737"/>
      <c r="B1758" s="738"/>
      <c r="C1758" s="485"/>
      <c r="D1758" s="484"/>
      <c r="E1758" s="483"/>
      <c r="F1758" s="482"/>
      <c r="G1758" s="481" t="s">
        <v>651</v>
      </c>
      <c r="H1758" s="476"/>
      <c r="I1758" s="476"/>
      <c r="J1758" s="476"/>
      <c r="K1758" s="476"/>
      <c r="L1758" s="475"/>
    </row>
    <row r="1759" spans="1:12" ht="16.149999999999999" customHeight="1">
      <c r="A1759" s="733" t="s">
        <v>250</v>
      </c>
      <c r="B1759" s="734"/>
      <c r="C1759" s="495"/>
      <c r="D1759" s="494"/>
      <c r="E1759" s="493"/>
      <c r="F1759" s="492"/>
      <c r="G1759" s="486" t="s">
        <v>651</v>
      </c>
      <c r="H1759" s="549"/>
      <c r="I1759" s="549"/>
      <c r="J1759" s="549"/>
      <c r="K1759" s="549"/>
      <c r="L1759" s="551"/>
    </row>
    <row r="1760" spans="1:12" ht="16.149999999999999" customHeight="1">
      <c r="A1760" s="735"/>
      <c r="B1760" s="736"/>
      <c r="C1760" s="490"/>
      <c r="D1760" s="489"/>
      <c r="E1760" s="491"/>
      <c r="F1760" s="487" t="s">
        <v>651</v>
      </c>
      <c r="G1760" s="486" t="s">
        <v>651</v>
      </c>
      <c r="H1760" s="549"/>
      <c r="I1760" s="549"/>
      <c r="J1760" s="549"/>
      <c r="K1760" s="549"/>
      <c r="L1760" s="551"/>
    </row>
    <row r="1761" spans="1:12" ht="16.149999999999999" customHeight="1">
      <c r="A1761" s="735" t="s">
        <v>651</v>
      </c>
      <c r="B1761" s="736"/>
      <c r="C1761" s="490" t="s">
        <v>248</v>
      </c>
      <c r="D1761" s="489"/>
      <c r="E1761" s="488"/>
      <c r="F1761" s="487"/>
      <c r="G1761" s="486" t="s">
        <v>651</v>
      </c>
      <c r="H1761" s="549"/>
      <c r="I1761" s="549"/>
      <c r="J1761" s="549"/>
      <c r="K1761" s="549"/>
      <c r="L1761" s="551"/>
    </row>
    <row r="1762" spans="1:12" ht="16.149999999999999" customHeight="1">
      <c r="A1762" s="737"/>
      <c r="B1762" s="738"/>
      <c r="C1762" s="485"/>
      <c r="D1762" s="484"/>
      <c r="E1762" s="483"/>
      <c r="F1762" s="482"/>
      <c r="G1762" s="481" t="s">
        <v>651</v>
      </c>
      <c r="H1762" s="476"/>
      <c r="I1762" s="476"/>
      <c r="J1762" s="476"/>
      <c r="K1762" s="476"/>
      <c r="L1762" s="475"/>
    </row>
    <row r="1763" spans="1:12" ht="16.149999999999999" customHeight="1">
      <c r="A1763" s="733" t="s">
        <v>700</v>
      </c>
      <c r="B1763" s="734"/>
      <c r="C1763" s="495"/>
      <c r="D1763" s="494"/>
      <c r="E1763" s="493"/>
      <c r="F1763" s="492"/>
      <c r="G1763" s="486" t="s">
        <v>651</v>
      </c>
      <c r="H1763" s="549"/>
      <c r="I1763" s="549"/>
      <c r="J1763" s="549"/>
      <c r="K1763" s="549"/>
      <c r="L1763" s="551"/>
    </row>
    <row r="1764" spans="1:12" ht="16.149999999999999" customHeight="1">
      <c r="A1764" s="735"/>
      <c r="B1764" s="736"/>
      <c r="C1764" s="490"/>
      <c r="D1764" s="489"/>
      <c r="E1764" s="491"/>
      <c r="F1764" s="487" t="s">
        <v>651</v>
      </c>
      <c r="G1764" s="486" t="s">
        <v>651</v>
      </c>
      <c r="H1764" s="549"/>
      <c r="I1764" s="549"/>
      <c r="J1764" s="549"/>
      <c r="K1764" s="549"/>
      <c r="L1764" s="551"/>
    </row>
    <row r="1765" spans="1:12" ht="16.149999999999999" customHeight="1">
      <c r="A1765" s="735" t="s">
        <v>651</v>
      </c>
      <c r="B1765" s="736"/>
      <c r="C1765" s="490" t="s">
        <v>242</v>
      </c>
      <c r="D1765" s="489">
        <v>1</v>
      </c>
      <c r="E1765" s="488"/>
      <c r="F1765" s="487"/>
      <c r="G1765" s="486" t="s">
        <v>651</v>
      </c>
      <c r="H1765" s="549"/>
      <c r="I1765" s="549"/>
      <c r="J1765" s="549"/>
      <c r="K1765" s="549"/>
      <c r="L1765" s="551"/>
    </row>
    <row r="1766" spans="1:12" ht="16.149999999999999" customHeight="1">
      <c r="A1766" s="737"/>
      <c r="B1766" s="738"/>
      <c r="C1766" s="485"/>
      <c r="D1766" s="484"/>
      <c r="E1766" s="483"/>
      <c r="F1766" s="482"/>
      <c r="G1766" s="481" t="s">
        <v>651</v>
      </c>
      <c r="H1766" s="476"/>
      <c r="I1766" s="476"/>
      <c r="J1766" s="476"/>
      <c r="K1766" s="476"/>
      <c r="L1766" s="475"/>
    </row>
    <row r="1767" spans="1:12" ht="16.149999999999999" customHeight="1">
      <c r="A1767" s="733" t="s">
        <v>651</v>
      </c>
      <c r="B1767" s="734"/>
      <c r="C1767" s="495"/>
      <c r="D1767" s="494"/>
      <c r="E1767" s="493"/>
      <c r="F1767" s="492"/>
      <c r="G1767" s="486" t="s">
        <v>651</v>
      </c>
      <c r="H1767" s="549"/>
      <c r="I1767" s="549"/>
      <c r="J1767" s="549"/>
      <c r="K1767" s="549"/>
      <c r="L1767" s="551"/>
    </row>
    <row r="1768" spans="1:12" ht="16.149999999999999" customHeight="1">
      <c r="A1768" s="735"/>
      <c r="B1768" s="736"/>
      <c r="C1768" s="490"/>
      <c r="D1768" s="489"/>
      <c r="E1768" s="491"/>
      <c r="F1768" s="487" t="s">
        <v>651</v>
      </c>
      <c r="G1768" s="486" t="s">
        <v>651</v>
      </c>
      <c r="H1768" s="549"/>
      <c r="I1768" s="549"/>
      <c r="J1768" s="549"/>
      <c r="K1768" s="549"/>
      <c r="L1768" s="551"/>
    </row>
    <row r="1769" spans="1:12" ht="16.149999999999999" customHeight="1">
      <c r="A1769" s="735" t="s">
        <v>691</v>
      </c>
      <c r="B1769" s="736"/>
      <c r="C1769" s="490" t="s">
        <v>697</v>
      </c>
      <c r="D1769" s="489">
        <v>1</v>
      </c>
      <c r="E1769" s="488"/>
      <c r="F1769" s="487"/>
      <c r="G1769" s="486" t="s">
        <v>651</v>
      </c>
      <c r="H1769" s="549"/>
      <c r="I1769" s="549"/>
      <c r="J1769" s="549"/>
      <c r="K1769" s="549"/>
      <c r="L1769" s="551"/>
    </row>
    <row r="1770" spans="1:12" ht="16.149999999999999" customHeight="1">
      <c r="A1770" s="737"/>
      <c r="B1770" s="738"/>
      <c r="C1770" s="485"/>
      <c r="D1770" s="484"/>
      <c r="E1770" s="483"/>
      <c r="F1770" s="482"/>
      <c r="G1770" s="481" t="s">
        <v>651</v>
      </c>
      <c r="H1770" s="476"/>
      <c r="I1770" s="476"/>
      <c r="J1770" s="476"/>
      <c r="K1770" s="476"/>
      <c r="L1770" s="475"/>
    </row>
    <row r="1771" spans="1:12" ht="16.149999999999999" customHeight="1">
      <c r="A1771" s="733" t="s">
        <v>651</v>
      </c>
      <c r="B1771" s="734"/>
      <c r="C1771" s="495"/>
      <c r="D1771" s="494"/>
      <c r="E1771" s="493"/>
      <c r="F1771" s="492"/>
      <c r="G1771" s="486" t="s">
        <v>651</v>
      </c>
      <c r="H1771" s="549"/>
      <c r="I1771" s="549"/>
      <c r="J1771" s="549"/>
      <c r="K1771" s="549"/>
      <c r="L1771" s="551"/>
    </row>
    <row r="1772" spans="1:12" ht="16.149999999999999" customHeight="1">
      <c r="A1772" s="735"/>
      <c r="B1772" s="736"/>
      <c r="C1772" s="490"/>
      <c r="D1772" s="489"/>
      <c r="E1772" s="491"/>
      <c r="F1772" s="487" t="s">
        <v>651</v>
      </c>
      <c r="G1772" s="486" t="s">
        <v>651</v>
      </c>
      <c r="H1772" s="549"/>
      <c r="I1772" s="549"/>
      <c r="J1772" s="549"/>
      <c r="K1772" s="549"/>
      <c r="L1772" s="551"/>
    </row>
    <row r="1773" spans="1:12" ht="16.149999999999999" customHeight="1">
      <c r="A1773" s="735" t="s">
        <v>681</v>
      </c>
      <c r="B1773" s="736"/>
      <c r="C1773" s="490" t="s">
        <v>697</v>
      </c>
      <c r="D1773" s="489">
        <v>1</v>
      </c>
      <c r="E1773" s="488" t="s">
        <v>618</v>
      </c>
      <c r="F1773" s="487"/>
      <c r="G1773" s="486" t="s">
        <v>651</v>
      </c>
      <c r="H1773" s="549"/>
      <c r="I1773" s="549"/>
      <c r="J1773" s="549"/>
      <c r="K1773" s="549"/>
      <c r="L1773" s="551"/>
    </row>
    <row r="1774" spans="1:12" ht="16.149999999999999" customHeight="1">
      <c r="A1774" s="737"/>
      <c r="B1774" s="738"/>
      <c r="C1774" s="485"/>
      <c r="D1774" s="484"/>
      <c r="E1774" s="483"/>
      <c r="F1774" s="482"/>
      <c r="G1774" s="481" t="s">
        <v>651</v>
      </c>
      <c r="H1774" s="476"/>
      <c r="I1774" s="476"/>
      <c r="J1774" s="476"/>
      <c r="K1774" s="476"/>
      <c r="L1774" s="475"/>
    </row>
    <row r="1776" spans="1:12" ht="16.149999999999999" customHeight="1">
      <c r="A1776" s="507" t="s">
        <v>651</v>
      </c>
      <c r="B1776" s="479" t="s">
        <v>841</v>
      </c>
      <c r="C1776" s="480"/>
      <c r="D1776" s="479"/>
      <c r="E1776" s="479"/>
      <c r="F1776" s="479"/>
      <c r="G1776" s="479"/>
      <c r="H1776" s="479" t="s">
        <v>617</v>
      </c>
      <c r="I1776" s="480" t="s">
        <v>842</v>
      </c>
      <c r="J1776" s="479" t="s">
        <v>689</v>
      </c>
      <c r="K1776" s="479" t="s">
        <v>688</v>
      </c>
      <c r="L1776" s="506"/>
    </row>
    <row r="1777" spans="1:12" ht="16.149999999999999" customHeight="1">
      <c r="A1777" s="505" t="s">
        <v>651</v>
      </c>
      <c r="B1777" s="549" t="s">
        <v>837</v>
      </c>
      <c r="C1777" s="550"/>
      <c r="D1777" s="549"/>
      <c r="E1777" s="549"/>
      <c r="F1777" s="549"/>
      <c r="G1777" s="478"/>
      <c r="H1777" s="549"/>
      <c r="I1777" s="504"/>
      <c r="J1777" s="503" t="s">
        <v>687</v>
      </c>
      <c r="K1777" s="502" t="s">
        <v>697</v>
      </c>
      <c r="L1777" s="501" t="s">
        <v>618</v>
      </c>
    </row>
    <row r="1778" spans="1:12" ht="16.149999999999999" customHeight="1">
      <c r="A1778" s="477" t="s">
        <v>651</v>
      </c>
      <c r="B1778" s="549"/>
      <c r="C1778" s="550"/>
      <c r="D1778" s="549"/>
      <c r="E1778" s="549"/>
      <c r="F1778" s="549"/>
      <c r="G1778" s="478"/>
      <c r="H1778" s="478"/>
      <c r="I1778" s="478"/>
      <c r="J1778" s="478"/>
      <c r="K1778" s="478"/>
      <c r="L1778" s="501"/>
    </row>
    <row r="1779" spans="1:12" ht="16.149999999999999" customHeight="1">
      <c r="A1779" s="498" t="s">
        <v>686</v>
      </c>
      <c r="B1779" s="500"/>
      <c r="C1779" s="499" t="s">
        <v>309</v>
      </c>
      <c r="D1779" s="499" t="s">
        <v>685</v>
      </c>
      <c r="E1779" s="499" t="s">
        <v>684</v>
      </c>
      <c r="F1779" s="499" t="s">
        <v>683</v>
      </c>
      <c r="G1779" s="498" t="s">
        <v>682</v>
      </c>
      <c r="H1779" s="497"/>
      <c r="I1779" s="497"/>
      <c r="J1779" s="497"/>
      <c r="K1779" s="497"/>
      <c r="L1779" s="496"/>
    </row>
    <row r="1780" spans="1:12" ht="16.149999999999999" customHeight="1">
      <c r="A1780" s="733" t="s">
        <v>701</v>
      </c>
      <c r="B1780" s="734"/>
      <c r="C1780" s="495"/>
      <c r="D1780" s="494"/>
      <c r="E1780" s="493"/>
      <c r="F1780" s="492"/>
      <c r="G1780" s="486" t="s">
        <v>651</v>
      </c>
      <c r="H1780" s="549"/>
      <c r="I1780" s="549"/>
      <c r="J1780" s="549"/>
      <c r="K1780" s="549"/>
      <c r="L1780" s="551"/>
    </row>
    <row r="1781" spans="1:12" ht="16.149999999999999" customHeight="1">
      <c r="A1781" s="735"/>
      <c r="B1781" s="736"/>
      <c r="C1781" s="490"/>
      <c r="D1781" s="489"/>
      <c r="E1781" s="491"/>
      <c r="F1781" s="487" t="s">
        <v>651</v>
      </c>
      <c r="G1781" s="486" t="s">
        <v>651</v>
      </c>
      <c r="H1781" s="549"/>
      <c r="I1781" s="549"/>
      <c r="J1781" s="549"/>
      <c r="K1781" s="549"/>
      <c r="L1781" s="551"/>
    </row>
    <row r="1782" spans="1:12" ht="16.149999999999999" customHeight="1">
      <c r="A1782" s="735" t="s">
        <v>651</v>
      </c>
      <c r="B1782" s="736"/>
      <c r="C1782" s="490" t="s">
        <v>248</v>
      </c>
      <c r="D1782" s="489"/>
      <c r="E1782" s="488"/>
      <c r="F1782" s="487"/>
      <c r="G1782" s="486" t="s">
        <v>651</v>
      </c>
      <c r="H1782" s="549"/>
      <c r="I1782" s="549"/>
      <c r="J1782" s="549"/>
      <c r="K1782" s="549"/>
      <c r="L1782" s="551"/>
    </row>
    <row r="1783" spans="1:12" ht="16.149999999999999" customHeight="1">
      <c r="A1783" s="737"/>
      <c r="B1783" s="738"/>
      <c r="C1783" s="485"/>
      <c r="D1783" s="484"/>
      <c r="E1783" s="483"/>
      <c r="F1783" s="482"/>
      <c r="G1783" s="481" t="s">
        <v>651</v>
      </c>
      <c r="H1783" s="476"/>
      <c r="I1783" s="476"/>
      <c r="J1783" s="476"/>
      <c r="K1783" s="476"/>
      <c r="L1783" s="475"/>
    </row>
    <row r="1786" spans="1:12" ht="16.149999999999999" customHeight="1">
      <c r="A1786" s="507" t="s">
        <v>651</v>
      </c>
      <c r="B1786" s="479" t="s">
        <v>841</v>
      </c>
      <c r="C1786" s="480"/>
      <c r="D1786" s="479"/>
      <c r="E1786" s="479"/>
      <c r="F1786" s="479"/>
      <c r="G1786" s="479"/>
      <c r="H1786" s="479" t="s">
        <v>617</v>
      </c>
      <c r="I1786" s="480" t="s">
        <v>842</v>
      </c>
      <c r="J1786" s="479" t="s">
        <v>689</v>
      </c>
      <c r="K1786" s="479" t="s">
        <v>688</v>
      </c>
      <c r="L1786" s="506"/>
    </row>
    <row r="1787" spans="1:12" ht="16.149999999999999" customHeight="1">
      <c r="A1787" s="505" t="s">
        <v>651</v>
      </c>
      <c r="B1787" s="549" t="s">
        <v>837</v>
      </c>
      <c r="C1787" s="550"/>
      <c r="D1787" s="549"/>
      <c r="E1787" s="549"/>
      <c r="F1787" s="549"/>
      <c r="G1787" s="478"/>
      <c r="H1787" s="549"/>
      <c r="I1787" s="504"/>
      <c r="J1787" s="503" t="s">
        <v>687</v>
      </c>
      <c r="K1787" s="502" t="s">
        <v>697</v>
      </c>
      <c r="L1787" s="501" t="s">
        <v>618</v>
      </c>
    </row>
    <row r="1788" spans="1:12" ht="16.149999999999999" customHeight="1">
      <c r="A1788" s="477" t="s">
        <v>651</v>
      </c>
      <c r="B1788" s="549"/>
      <c r="C1788" s="550"/>
      <c r="D1788" s="549"/>
      <c r="E1788" s="549"/>
      <c r="F1788" s="549"/>
      <c r="G1788" s="478"/>
      <c r="H1788" s="478"/>
      <c r="I1788" s="478"/>
      <c r="J1788" s="478"/>
      <c r="K1788" s="478"/>
      <c r="L1788" s="501"/>
    </row>
    <row r="1789" spans="1:12" ht="16.149999999999999" customHeight="1">
      <c r="A1789" s="498" t="s">
        <v>686</v>
      </c>
      <c r="B1789" s="500"/>
      <c r="C1789" s="499" t="s">
        <v>309</v>
      </c>
      <c r="D1789" s="499" t="s">
        <v>685</v>
      </c>
      <c r="E1789" s="499" t="s">
        <v>684</v>
      </c>
      <c r="F1789" s="499" t="s">
        <v>683</v>
      </c>
      <c r="G1789" s="498" t="s">
        <v>682</v>
      </c>
      <c r="H1789" s="497"/>
      <c r="I1789" s="497"/>
      <c r="J1789" s="497"/>
      <c r="K1789" s="497"/>
      <c r="L1789" s="496"/>
    </row>
    <row r="1790" spans="1:12" ht="16.149999999999999" customHeight="1">
      <c r="A1790" s="733" t="s">
        <v>250</v>
      </c>
      <c r="B1790" s="734"/>
      <c r="C1790" s="495"/>
      <c r="D1790" s="494"/>
      <c r="E1790" s="493"/>
      <c r="F1790" s="492"/>
      <c r="G1790" s="486" t="s">
        <v>651</v>
      </c>
      <c r="H1790" s="549"/>
      <c r="I1790" s="549"/>
      <c r="J1790" s="549"/>
      <c r="K1790" s="549"/>
      <c r="L1790" s="551"/>
    </row>
    <row r="1791" spans="1:12" ht="16.149999999999999" customHeight="1">
      <c r="A1791" s="735"/>
      <c r="B1791" s="736"/>
      <c r="C1791" s="490"/>
      <c r="D1791" s="489"/>
      <c r="E1791" s="491"/>
      <c r="F1791" s="487" t="s">
        <v>651</v>
      </c>
      <c r="G1791" s="486" t="s">
        <v>651</v>
      </c>
      <c r="H1791" s="549"/>
      <c r="I1791" s="549"/>
      <c r="J1791" s="549"/>
      <c r="K1791" s="549"/>
      <c r="L1791" s="551"/>
    </row>
    <row r="1792" spans="1:12" ht="16.149999999999999" customHeight="1">
      <c r="A1792" s="735" t="s">
        <v>651</v>
      </c>
      <c r="B1792" s="736"/>
      <c r="C1792" s="490" t="s">
        <v>248</v>
      </c>
      <c r="D1792" s="489"/>
      <c r="E1792" s="488"/>
      <c r="F1792" s="487"/>
      <c r="G1792" s="486" t="s">
        <v>651</v>
      </c>
      <c r="H1792" s="549"/>
      <c r="I1792" s="549"/>
      <c r="J1792" s="549"/>
      <c r="K1792" s="549"/>
      <c r="L1792" s="551"/>
    </row>
    <row r="1793" spans="1:12" ht="16.149999999999999" customHeight="1">
      <c r="A1793" s="737"/>
      <c r="B1793" s="738"/>
      <c r="C1793" s="485"/>
      <c r="D1793" s="484"/>
      <c r="E1793" s="483"/>
      <c r="F1793" s="482"/>
      <c r="G1793" s="481" t="s">
        <v>651</v>
      </c>
      <c r="H1793" s="476"/>
      <c r="I1793" s="476"/>
      <c r="J1793" s="476"/>
      <c r="K1793" s="476"/>
      <c r="L1793" s="475"/>
    </row>
    <row r="1794" spans="1:12" ht="16.149999999999999" customHeight="1">
      <c r="A1794" s="733" t="s">
        <v>700</v>
      </c>
      <c r="B1794" s="734"/>
      <c r="C1794" s="495"/>
      <c r="D1794" s="494"/>
      <c r="E1794" s="493"/>
      <c r="F1794" s="492"/>
      <c r="G1794" s="486" t="s">
        <v>651</v>
      </c>
      <c r="H1794" s="549"/>
      <c r="I1794" s="549"/>
      <c r="J1794" s="549"/>
      <c r="K1794" s="549"/>
      <c r="L1794" s="551"/>
    </row>
    <row r="1795" spans="1:12" ht="16.149999999999999" customHeight="1">
      <c r="A1795" s="735"/>
      <c r="B1795" s="736"/>
      <c r="C1795" s="490"/>
      <c r="D1795" s="489"/>
      <c r="E1795" s="491"/>
      <c r="F1795" s="487" t="s">
        <v>651</v>
      </c>
      <c r="G1795" s="486" t="s">
        <v>651</v>
      </c>
      <c r="H1795" s="549"/>
      <c r="I1795" s="549"/>
      <c r="J1795" s="549"/>
      <c r="K1795" s="549"/>
      <c r="L1795" s="551"/>
    </row>
    <row r="1796" spans="1:12" ht="16.149999999999999" customHeight="1">
      <c r="A1796" s="735" t="s">
        <v>651</v>
      </c>
      <c r="B1796" s="736"/>
      <c r="C1796" s="490" t="s">
        <v>242</v>
      </c>
      <c r="D1796" s="489">
        <v>1</v>
      </c>
      <c r="E1796" s="488"/>
      <c r="F1796" s="487"/>
      <c r="G1796" s="486" t="s">
        <v>651</v>
      </c>
      <c r="H1796" s="549"/>
      <c r="I1796" s="549"/>
      <c r="J1796" s="549"/>
      <c r="K1796" s="549"/>
      <c r="L1796" s="551"/>
    </row>
    <row r="1797" spans="1:12" ht="16.149999999999999" customHeight="1">
      <c r="A1797" s="737"/>
      <c r="B1797" s="738"/>
      <c r="C1797" s="485"/>
      <c r="D1797" s="484"/>
      <c r="E1797" s="483"/>
      <c r="F1797" s="482"/>
      <c r="G1797" s="481" t="s">
        <v>651</v>
      </c>
      <c r="H1797" s="476"/>
      <c r="I1797" s="476"/>
      <c r="J1797" s="476"/>
      <c r="K1797" s="476"/>
      <c r="L1797" s="475"/>
    </row>
    <row r="1798" spans="1:12" ht="16.149999999999999" customHeight="1">
      <c r="A1798" s="733" t="s">
        <v>651</v>
      </c>
      <c r="B1798" s="734"/>
      <c r="C1798" s="495"/>
      <c r="D1798" s="494"/>
      <c r="E1798" s="493"/>
      <c r="F1798" s="492"/>
      <c r="G1798" s="486" t="s">
        <v>651</v>
      </c>
      <c r="H1798" s="549"/>
      <c r="I1798" s="549"/>
      <c r="J1798" s="549"/>
      <c r="K1798" s="549"/>
      <c r="L1798" s="551"/>
    </row>
    <row r="1799" spans="1:12" ht="16.149999999999999" customHeight="1">
      <c r="A1799" s="735"/>
      <c r="B1799" s="736"/>
      <c r="C1799" s="490"/>
      <c r="D1799" s="489"/>
      <c r="E1799" s="491"/>
      <c r="F1799" s="487" t="s">
        <v>651</v>
      </c>
      <c r="G1799" s="486" t="s">
        <v>651</v>
      </c>
      <c r="H1799" s="549"/>
      <c r="I1799" s="549"/>
      <c r="J1799" s="549"/>
      <c r="K1799" s="549"/>
      <c r="L1799" s="551"/>
    </row>
    <row r="1800" spans="1:12" ht="16.149999999999999" customHeight="1">
      <c r="A1800" s="735" t="s">
        <v>691</v>
      </c>
      <c r="B1800" s="736"/>
      <c r="C1800" s="490" t="s">
        <v>697</v>
      </c>
      <c r="D1800" s="489">
        <v>1</v>
      </c>
      <c r="E1800" s="488"/>
      <c r="F1800" s="487"/>
      <c r="G1800" s="486" t="s">
        <v>651</v>
      </c>
      <c r="H1800" s="549"/>
      <c r="I1800" s="549"/>
      <c r="J1800" s="549"/>
      <c r="K1800" s="549"/>
      <c r="L1800" s="551"/>
    </row>
    <row r="1801" spans="1:12" ht="16.149999999999999" customHeight="1">
      <c r="A1801" s="737"/>
      <c r="B1801" s="738"/>
      <c r="C1801" s="485"/>
      <c r="D1801" s="484"/>
      <c r="E1801" s="483"/>
      <c r="F1801" s="482"/>
      <c r="G1801" s="481" t="s">
        <v>651</v>
      </c>
      <c r="H1801" s="476"/>
      <c r="I1801" s="476"/>
      <c r="J1801" s="476"/>
      <c r="K1801" s="476"/>
      <c r="L1801" s="475"/>
    </row>
    <row r="1802" spans="1:12" ht="16.149999999999999" customHeight="1">
      <c r="A1802" s="733" t="s">
        <v>651</v>
      </c>
      <c r="B1802" s="734"/>
      <c r="C1802" s="495"/>
      <c r="D1802" s="494"/>
      <c r="E1802" s="493"/>
      <c r="F1802" s="492"/>
      <c r="G1802" s="486" t="s">
        <v>651</v>
      </c>
      <c r="H1802" s="549"/>
      <c r="I1802" s="549"/>
      <c r="J1802" s="549"/>
      <c r="K1802" s="549"/>
      <c r="L1802" s="551"/>
    </row>
    <row r="1803" spans="1:12" ht="16.149999999999999" customHeight="1">
      <c r="A1803" s="735"/>
      <c r="B1803" s="736"/>
      <c r="C1803" s="490"/>
      <c r="D1803" s="489"/>
      <c r="E1803" s="491"/>
      <c r="F1803" s="487" t="s">
        <v>651</v>
      </c>
      <c r="G1803" s="486" t="s">
        <v>651</v>
      </c>
      <c r="H1803" s="549"/>
      <c r="I1803" s="549"/>
      <c r="J1803" s="549"/>
      <c r="K1803" s="549"/>
      <c r="L1803" s="551"/>
    </row>
    <row r="1804" spans="1:12" ht="16.149999999999999" customHeight="1">
      <c r="A1804" s="735" t="s">
        <v>681</v>
      </c>
      <c r="B1804" s="736"/>
      <c r="C1804" s="490" t="s">
        <v>697</v>
      </c>
      <c r="D1804" s="489">
        <v>1</v>
      </c>
      <c r="E1804" s="488" t="s">
        <v>618</v>
      </c>
      <c r="F1804" s="487"/>
      <c r="G1804" s="486" t="s">
        <v>651</v>
      </c>
      <c r="H1804" s="549"/>
      <c r="I1804" s="549"/>
      <c r="J1804" s="549"/>
      <c r="K1804" s="549"/>
      <c r="L1804" s="551"/>
    </row>
    <row r="1805" spans="1:12" ht="16.149999999999999" customHeight="1">
      <c r="A1805" s="737"/>
      <c r="B1805" s="738"/>
      <c r="C1805" s="485"/>
      <c r="D1805" s="484"/>
      <c r="E1805" s="483"/>
      <c r="F1805" s="482"/>
      <c r="G1805" s="481" t="s">
        <v>651</v>
      </c>
      <c r="H1805" s="476"/>
      <c r="I1805" s="476"/>
      <c r="J1805" s="476"/>
      <c r="K1805" s="476"/>
      <c r="L1805" s="475"/>
    </row>
    <row r="1807" spans="1:12" ht="16.149999999999999" customHeight="1">
      <c r="A1807" s="507" t="s">
        <v>651</v>
      </c>
      <c r="B1807" s="479" t="s">
        <v>841</v>
      </c>
      <c r="C1807" s="480"/>
      <c r="D1807" s="479"/>
      <c r="E1807" s="479"/>
      <c r="F1807" s="479"/>
      <c r="G1807" s="479"/>
      <c r="H1807" s="479" t="s">
        <v>617</v>
      </c>
      <c r="I1807" s="480" t="s">
        <v>840</v>
      </c>
      <c r="J1807" s="479" t="s">
        <v>689</v>
      </c>
      <c r="K1807" s="479" t="s">
        <v>688</v>
      </c>
      <c r="L1807" s="506"/>
    </row>
    <row r="1808" spans="1:12" ht="16.149999999999999" customHeight="1">
      <c r="A1808" s="505" t="s">
        <v>651</v>
      </c>
      <c r="B1808" s="549" t="s">
        <v>839</v>
      </c>
      <c r="C1808" s="550"/>
      <c r="D1808" s="549"/>
      <c r="E1808" s="549"/>
      <c r="F1808" s="549"/>
      <c r="G1808" s="478"/>
      <c r="H1808" s="549"/>
      <c r="I1808" s="504"/>
      <c r="J1808" s="503" t="s">
        <v>687</v>
      </c>
      <c r="K1808" s="502" t="s">
        <v>697</v>
      </c>
      <c r="L1808" s="501" t="s">
        <v>618</v>
      </c>
    </row>
    <row r="1809" spans="1:12" ht="16.149999999999999" customHeight="1">
      <c r="A1809" s="477" t="s">
        <v>651</v>
      </c>
      <c r="B1809" s="549"/>
      <c r="C1809" s="550"/>
      <c r="D1809" s="549"/>
      <c r="E1809" s="549"/>
      <c r="F1809" s="549"/>
      <c r="G1809" s="478"/>
      <c r="H1809" s="478"/>
      <c r="I1809" s="478"/>
      <c r="J1809" s="478"/>
      <c r="K1809" s="478"/>
      <c r="L1809" s="501"/>
    </row>
    <row r="1810" spans="1:12" ht="16.149999999999999" customHeight="1">
      <c r="A1810" s="498" t="s">
        <v>686</v>
      </c>
      <c r="B1810" s="500"/>
      <c r="C1810" s="499" t="s">
        <v>309</v>
      </c>
      <c r="D1810" s="499" t="s">
        <v>685</v>
      </c>
      <c r="E1810" s="499" t="s">
        <v>684</v>
      </c>
      <c r="F1810" s="499" t="s">
        <v>683</v>
      </c>
      <c r="G1810" s="498" t="s">
        <v>682</v>
      </c>
      <c r="H1810" s="497"/>
      <c r="I1810" s="497"/>
      <c r="J1810" s="497"/>
      <c r="K1810" s="497"/>
      <c r="L1810" s="496"/>
    </row>
    <row r="1811" spans="1:12" ht="16.149999999999999" customHeight="1">
      <c r="A1811" s="733" t="s">
        <v>701</v>
      </c>
      <c r="B1811" s="734"/>
      <c r="C1811" s="495"/>
      <c r="D1811" s="494"/>
      <c r="E1811" s="493"/>
      <c r="F1811" s="492"/>
      <c r="G1811" s="486" t="s">
        <v>651</v>
      </c>
      <c r="H1811" s="549"/>
      <c r="I1811" s="549"/>
      <c r="J1811" s="549"/>
      <c r="K1811" s="549"/>
      <c r="L1811" s="551"/>
    </row>
    <row r="1812" spans="1:12" ht="16.149999999999999" customHeight="1">
      <c r="A1812" s="735"/>
      <c r="B1812" s="736"/>
      <c r="C1812" s="490"/>
      <c r="D1812" s="489"/>
      <c r="E1812" s="491"/>
      <c r="F1812" s="487" t="s">
        <v>651</v>
      </c>
      <c r="G1812" s="486" t="s">
        <v>651</v>
      </c>
      <c r="H1812" s="549"/>
      <c r="I1812" s="549"/>
      <c r="J1812" s="549"/>
      <c r="K1812" s="549"/>
      <c r="L1812" s="551"/>
    </row>
    <row r="1813" spans="1:12" ht="16.149999999999999" customHeight="1">
      <c r="A1813" s="735" t="s">
        <v>651</v>
      </c>
      <c r="B1813" s="736"/>
      <c r="C1813" s="490" t="s">
        <v>248</v>
      </c>
      <c r="D1813" s="489"/>
      <c r="E1813" s="488"/>
      <c r="F1813" s="487"/>
      <c r="G1813" s="486" t="s">
        <v>651</v>
      </c>
      <c r="H1813" s="549"/>
      <c r="I1813" s="549"/>
      <c r="J1813" s="549"/>
      <c r="K1813" s="549"/>
      <c r="L1813" s="551"/>
    </row>
    <row r="1814" spans="1:12" ht="16.149999999999999" customHeight="1">
      <c r="A1814" s="737"/>
      <c r="B1814" s="738"/>
      <c r="C1814" s="485"/>
      <c r="D1814" s="484"/>
      <c r="E1814" s="483"/>
      <c r="F1814" s="482"/>
      <c r="G1814" s="481" t="s">
        <v>651</v>
      </c>
      <c r="H1814" s="476"/>
      <c r="I1814" s="476"/>
      <c r="J1814" s="476"/>
      <c r="K1814" s="476"/>
      <c r="L1814" s="475"/>
    </row>
    <row r="1815" spans="1:12" ht="16.149999999999999" customHeight="1">
      <c r="A1815" s="733" t="s">
        <v>250</v>
      </c>
      <c r="B1815" s="734"/>
      <c r="C1815" s="495"/>
      <c r="D1815" s="494"/>
      <c r="E1815" s="493"/>
      <c r="F1815" s="492"/>
      <c r="G1815" s="486" t="s">
        <v>651</v>
      </c>
      <c r="H1815" s="549"/>
      <c r="I1815" s="549"/>
      <c r="J1815" s="549"/>
      <c r="K1815" s="549"/>
      <c r="L1815" s="551"/>
    </row>
    <row r="1816" spans="1:12" ht="16.149999999999999" customHeight="1">
      <c r="A1816" s="735"/>
      <c r="B1816" s="736"/>
      <c r="C1816" s="490"/>
      <c r="D1816" s="489"/>
      <c r="E1816" s="491"/>
      <c r="F1816" s="487" t="s">
        <v>651</v>
      </c>
      <c r="G1816" s="486" t="s">
        <v>651</v>
      </c>
      <c r="H1816" s="549"/>
      <c r="I1816" s="549"/>
      <c r="J1816" s="549"/>
      <c r="K1816" s="549"/>
      <c r="L1816" s="551"/>
    </row>
    <row r="1817" spans="1:12" ht="16.149999999999999" customHeight="1">
      <c r="A1817" s="735" t="s">
        <v>651</v>
      </c>
      <c r="B1817" s="736"/>
      <c r="C1817" s="490" t="s">
        <v>248</v>
      </c>
      <c r="D1817" s="489"/>
      <c r="E1817" s="488"/>
      <c r="F1817" s="487"/>
      <c r="G1817" s="486" t="s">
        <v>651</v>
      </c>
      <c r="H1817" s="549"/>
      <c r="I1817" s="549"/>
      <c r="J1817" s="549"/>
      <c r="K1817" s="549"/>
      <c r="L1817" s="551"/>
    </row>
    <row r="1818" spans="1:12" ht="16.149999999999999" customHeight="1">
      <c r="A1818" s="737"/>
      <c r="B1818" s="738"/>
      <c r="C1818" s="485"/>
      <c r="D1818" s="484"/>
      <c r="E1818" s="483"/>
      <c r="F1818" s="482"/>
      <c r="G1818" s="481" t="s">
        <v>651</v>
      </c>
      <c r="H1818" s="476"/>
      <c r="I1818" s="476"/>
      <c r="J1818" s="476"/>
      <c r="K1818" s="476"/>
      <c r="L1818" s="475"/>
    </row>
    <row r="1821" spans="1:12" ht="16.149999999999999" customHeight="1">
      <c r="A1821" s="507" t="s">
        <v>651</v>
      </c>
      <c r="B1821" s="479" t="s">
        <v>841</v>
      </c>
      <c r="C1821" s="480"/>
      <c r="D1821" s="479"/>
      <c r="E1821" s="479"/>
      <c r="F1821" s="479"/>
      <c r="G1821" s="479"/>
      <c r="H1821" s="479" t="s">
        <v>617</v>
      </c>
      <c r="I1821" s="480" t="s">
        <v>840</v>
      </c>
      <c r="J1821" s="479" t="s">
        <v>689</v>
      </c>
      <c r="K1821" s="479" t="s">
        <v>688</v>
      </c>
      <c r="L1821" s="506"/>
    </row>
    <row r="1822" spans="1:12" ht="16.149999999999999" customHeight="1">
      <c r="A1822" s="505" t="s">
        <v>651</v>
      </c>
      <c r="B1822" s="549" t="s">
        <v>839</v>
      </c>
      <c r="C1822" s="550"/>
      <c r="D1822" s="549"/>
      <c r="E1822" s="549"/>
      <c r="F1822" s="549"/>
      <c r="G1822" s="478"/>
      <c r="H1822" s="549"/>
      <c r="I1822" s="504"/>
      <c r="J1822" s="503" t="s">
        <v>687</v>
      </c>
      <c r="K1822" s="502" t="s">
        <v>697</v>
      </c>
      <c r="L1822" s="501" t="s">
        <v>618</v>
      </c>
    </row>
    <row r="1823" spans="1:12" ht="16.149999999999999" customHeight="1">
      <c r="A1823" s="477" t="s">
        <v>651</v>
      </c>
      <c r="B1823" s="549"/>
      <c r="C1823" s="550"/>
      <c r="D1823" s="549"/>
      <c r="E1823" s="549"/>
      <c r="F1823" s="549"/>
      <c r="G1823" s="478"/>
      <c r="H1823" s="478"/>
      <c r="I1823" s="478"/>
      <c r="J1823" s="478"/>
      <c r="K1823" s="478"/>
      <c r="L1823" s="501"/>
    </row>
    <row r="1824" spans="1:12" ht="16.149999999999999" customHeight="1">
      <c r="A1824" s="498" t="s">
        <v>686</v>
      </c>
      <c r="B1824" s="500"/>
      <c r="C1824" s="499" t="s">
        <v>309</v>
      </c>
      <c r="D1824" s="499" t="s">
        <v>685</v>
      </c>
      <c r="E1824" s="499" t="s">
        <v>684</v>
      </c>
      <c r="F1824" s="499" t="s">
        <v>683</v>
      </c>
      <c r="G1824" s="498" t="s">
        <v>682</v>
      </c>
      <c r="H1824" s="497"/>
      <c r="I1824" s="497"/>
      <c r="J1824" s="497"/>
      <c r="K1824" s="497"/>
      <c r="L1824" s="496"/>
    </row>
    <row r="1825" spans="1:12" ht="16.149999999999999" customHeight="1">
      <c r="A1825" s="733" t="s">
        <v>700</v>
      </c>
      <c r="B1825" s="734"/>
      <c r="C1825" s="495"/>
      <c r="D1825" s="494"/>
      <c r="E1825" s="493"/>
      <c r="F1825" s="492"/>
      <c r="G1825" s="486" t="s">
        <v>651</v>
      </c>
      <c r="H1825" s="549"/>
      <c r="I1825" s="549"/>
      <c r="J1825" s="549"/>
      <c r="K1825" s="549"/>
      <c r="L1825" s="551"/>
    </row>
    <row r="1826" spans="1:12" ht="16.149999999999999" customHeight="1">
      <c r="A1826" s="735"/>
      <c r="B1826" s="736"/>
      <c r="C1826" s="490"/>
      <c r="D1826" s="489"/>
      <c r="E1826" s="491"/>
      <c r="F1826" s="487" t="s">
        <v>651</v>
      </c>
      <c r="G1826" s="486" t="s">
        <v>651</v>
      </c>
      <c r="H1826" s="549"/>
      <c r="I1826" s="549"/>
      <c r="J1826" s="549"/>
      <c r="K1826" s="549"/>
      <c r="L1826" s="551"/>
    </row>
    <row r="1827" spans="1:12" ht="16.149999999999999" customHeight="1">
      <c r="A1827" s="735" t="s">
        <v>651</v>
      </c>
      <c r="B1827" s="736"/>
      <c r="C1827" s="490" t="s">
        <v>242</v>
      </c>
      <c r="D1827" s="489">
        <v>1</v>
      </c>
      <c r="E1827" s="488"/>
      <c r="F1827" s="487"/>
      <c r="G1827" s="486" t="s">
        <v>651</v>
      </c>
      <c r="H1827" s="549"/>
      <c r="I1827" s="549"/>
      <c r="J1827" s="549"/>
      <c r="K1827" s="549"/>
      <c r="L1827" s="551"/>
    </row>
    <row r="1828" spans="1:12" ht="16.149999999999999" customHeight="1">
      <c r="A1828" s="737"/>
      <c r="B1828" s="738"/>
      <c r="C1828" s="485"/>
      <c r="D1828" s="484"/>
      <c r="E1828" s="483"/>
      <c r="F1828" s="482"/>
      <c r="G1828" s="481" t="s">
        <v>651</v>
      </c>
      <c r="H1828" s="476"/>
      <c r="I1828" s="476"/>
      <c r="J1828" s="476"/>
      <c r="K1828" s="476"/>
      <c r="L1828" s="475"/>
    </row>
    <row r="1829" spans="1:12" ht="16.149999999999999" customHeight="1">
      <c r="A1829" s="733" t="s">
        <v>651</v>
      </c>
      <c r="B1829" s="734"/>
      <c r="C1829" s="495"/>
      <c r="D1829" s="494"/>
      <c r="E1829" s="493"/>
      <c r="F1829" s="492"/>
      <c r="G1829" s="486" t="s">
        <v>651</v>
      </c>
      <c r="H1829" s="549"/>
      <c r="I1829" s="549"/>
      <c r="J1829" s="549"/>
      <c r="K1829" s="549"/>
      <c r="L1829" s="551"/>
    </row>
    <row r="1830" spans="1:12" ht="16.149999999999999" customHeight="1">
      <c r="A1830" s="735"/>
      <c r="B1830" s="736"/>
      <c r="C1830" s="490"/>
      <c r="D1830" s="489"/>
      <c r="E1830" s="491"/>
      <c r="F1830" s="487" t="s">
        <v>651</v>
      </c>
      <c r="G1830" s="486" t="s">
        <v>651</v>
      </c>
      <c r="H1830" s="549"/>
      <c r="I1830" s="549"/>
      <c r="J1830" s="549"/>
      <c r="K1830" s="549"/>
      <c r="L1830" s="551"/>
    </row>
    <row r="1831" spans="1:12" ht="16.149999999999999" customHeight="1">
      <c r="A1831" s="735" t="s">
        <v>691</v>
      </c>
      <c r="B1831" s="736"/>
      <c r="C1831" s="490" t="s">
        <v>697</v>
      </c>
      <c r="D1831" s="489">
        <v>1</v>
      </c>
      <c r="E1831" s="488"/>
      <c r="F1831" s="487"/>
      <c r="G1831" s="486" t="s">
        <v>651</v>
      </c>
      <c r="H1831" s="549"/>
      <c r="I1831" s="549"/>
      <c r="J1831" s="549"/>
      <c r="K1831" s="549"/>
      <c r="L1831" s="551"/>
    </row>
    <row r="1832" spans="1:12" ht="16.149999999999999" customHeight="1">
      <c r="A1832" s="737"/>
      <c r="B1832" s="738"/>
      <c r="C1832" s="485"/>
      <c r="D1832" s="484"/>
      <c r="E1832" s="483"/>
      <c r="F1832" s="482"/>
      <c r="G1832" s="481" t="s">
        <v>651</v>
      </c>
      <c r="H1832" s="476"/>
      <c r="I1832" s="476"/>
      <c r="J1832" s="476"/>
      <c r="K1832" s="476"/>
      <c r="L1832" s="475"/>
    </row>
    <row r="1833" spans="1:12" ht="16.149999999999999" customHeight="1">
      <c r="A1833" s="733" t="s">
        <v>651</v>
      </c>
      <c r="B1833" s="734"/>
      <c r="C1833" s="495"/>
      <c r="D1833" s="494"/>
      <c r="E1833" s="493"/>
      <c r="F1833" s="492"/>
      <c r="G1833" s="486" t="s">
        <v>651</v>
      </c>
      <c r="H1833" s="549"/>
      <c r="I1833" s="549"/>
      <c r="J1833" s="549"/>
      <c r="K1833" s="549"/>
      <c r="L1833" s="551"/>
    </row>
    <row r="1834" spans="1:12" ht="16.149999999999999" customHeight="1">
      <c r="A1834" s="735"/>
      <c r="B1834" s="736"/>
      <c r="C1834" s="490"/>
      <c r="D1834" s="489"/>
      <c r="E1834" s="491"/>
      <c r="F1834" s="487" t="s">
        <v>651</v>
      </c>
      <c r="G1834" s="486" t="s">
        <v>651</v>
      </c>
      <c r="H1834" s="549"/>
      <c r="I1834" s="549"/>
      <c r="J1834" s="549"/>
      <c r="K1834" s="549"/>
      <c r="L1834" s="551"/>
    </row>
    <row r="1835" spans="1:12" ht="16.149999999999999" customHeight="1">
      <c r="A1835" s="735" t="s">
        <v>681</v>
      </c>
      <c r="B1835" s="736"/>
      <c r="C1835" s="490" t="s">
        <v>697</v>
      </c>
      <c r="D1835" s="489">
        <v>1</v>
      </c>
      <c r="E1835" s="488" t="s">
        <v>618</v>
      </c>
      <c r="F1835" s="487"/>
      <c r="G1835" s="486" t="s">
        <v>651</v>
      </c>
      <c r="H1835" s="549"/>
      <c r="I1835" s="549"/>
      <c r="J1835" s="549"/>
      <c r="K1835" s="549"/>
      <c r="L1835" s="551"/>
    </row>
    <row r="1836" spans="1:12" ht="16.149999999999999" customHeight="1">
      <c r="A1836" s="737"/>
      <c r="B1836" s="738"/>
      <c r="C1836" s="485"/>
      <c r="D1836" s="484"/>
      <c r="E1836" s="483"/>
      <c r="F1836" s="482"/>
      <c r="G1836" s="481" t="s">
        <v>651</v>
      </c>
      <c r="H1836" s="476"/>
      <c r="I1836" s="476"/>
      <c r="J1836" s="476"/>
      <c r="K1836" s="476"/>
      <c r="L1836" s="475"/>
    </row>
    <row r="1838" spans="1:12" ht="16.149999999999999" customHeight="1">
      <c r="A1838" s="507" t="s">
        <v>651</v>
      </c>
      <c r="B1838" s="479" t="s">
        <v>756</v>
      </c>
      <c r="C1838" s="480"/>
      <c r="D1838" s="479"/>
      <c r="E1838" s="479"/>
      <c r="F1838" s="479"/>
      <c r="G1838" s="479"/>
      <c r="H1838" s="479" t="s">
        <v>617</v>
      </c>
      <c r="I1838" s="480" t="s">
        <v>838</v>
      </c>
      <c r="J1838" s="479" t="s">
        <v>689</v>
      </c>
      <c r="K1838" s="479" t="s">
        <v>688</v>
      </c>
      <c r="L1838" s="506"/>
    </row>
    <row r="1839" spans="1:12" ht="16.149999999999999" customHeight="1">
      <c r="A1839" s="505" t="s">
        <v>651</v>
      </c>
      <c r="B1839" s="549" t="s">
        <v>837</v>
      </c>
      <c r="C1839" s="550"/>
      <c r="D1839" s="549"/>
      <c r="E1839" s="549"/>
      <c r="F1839" s="549"/>
      <c r="G1839" s="478"/>
      <c r="H1839" s="549"/>
      <c r="I1839" s="504"/>
      <c r="J1839" s="503" t="s">
        <v>687</v>
      </c>
      <c r="K1839" s="502" t="s">
        <v>697</v>
      </c>
      <c r="L1839" s="501" t="s">
        <v>618</v>
      </c>
    </row>
    <row r="1840" spans="1:12" ht="16.149999999999999" customHeight="1">
      <c r="A1840" s="477" t="s">
        <v>651</v>
      </c>
      <c r="B1840" s="549"/>
      <c r="C1840" s="550"/>
      <c r="D1840" s="549"/>
      <c r="E1840" s="549"/>
      <c r="F1840" s="549"/>
      <c r="G1840" s="478"/>
      <c r="H1840" s="478"/>
      <c r="I1840" s="478"/>
      <c r="J1840" s="478"/>
      <c r="K1840" s="478"/>
      <c r="L1840" s="501"/>
    </row>
    <row r="1841" spans="1:12" ht="16.149999999999999" customHeight="1">
      <c r="A1841" s="498" t="s">
        <v>686</v>
      </c>
      <c r="B1841" s="500"/>
      <c r="C1841" s="499" t="s">
        <v>309</v>
      </c>
      <c r="D1841" s="499" t="s">
        <v>685</v>
      </c>
      <c r="E1841" s="499" t="s">
        <v>684</v>
      </c>
      <c r="F1841" s="499" t="s">
        <v>683</v>
      </c>
      <c r="G1841" s="498" t="s">
        <v>682</v>
      </c>
      <c r="H1841" s="497"/>
      <c r="I1841" s="497"/>
      <c r="J1841" s="497"/>
      <c r="K1841" s="497"/>
      <c r="L1841" s="496"/>
    </row>
    <row r="1842" spans="1:12" ht="16.149999999999999" customHeight="1">
      <c r="A1842" s="733" t="s">
        <v>701</v>
      </c>
      <c r="B1842" s="734"/>
      <c r="C1842" s="495"/>
      <c r="D1842" s="494"/>
      <c r="E1842" s="493"/>
      <c r="F1842" s="492"/>
      <c r="G1842" s="486" t="s">
        <v>651</v>
      </c>
      <c r="H1842" s="549"/>
      <c r="I1842" s="549"/>
      <c r="J1842" s="549"/>
      <c r="K1842" s="549"/>
      <c r="L1842" s="551"/>
    </row>
    <row r="1843" spans="1:12" ht="16.149999999999999" customHeight="1">
      <c r="A1843" s="735"/>
      <c r="B1843" s="736"/>
      <c r="C1843" s="490"/>
      <c r="D1843" s="489"/>
      <c r="E1843" s="491"/>
      <c r="F1843" s="487" t="s">
        <v>651</v>
      </c>
      <c r="G1843" s="486" t="s">
        <v>651</v>
      </c>
      <c r="H1843" s="549"/>
      <c r="I1843" s="549"/>
      <c r="J1843" s="549"/>
      <c r="K1843" s="549"/>
      <c r="L1843" s="551"/>
    </row>
    <row r="1844" spans="1:12" ht="16.149999999999999" customHeight="1">
      <c r="A1844" s="735" t="s">
        <v>651</v>
      </c>
      <c r="B1844" s="736"/>
      <c r="C1844" s="490" t="s">
        <v>248</v>
      </c>
      <c r="D1844" s="489"/>
      <c r="E1844" s="488"/>
      <c r="F1844" s="487"/>
      <c r="G1844" s="486" t="s">
        <v>651</v>
      </c>
      <c r="H1844" s="549"/>
      <c r="I1844" s="549"/>
      <c r="J1844" s="549"/>
      <c r="K1844" s="549"/>
      <c r="L1844" s="551"/>
    </row>
    <row r="1845" spans="1:12" ht="16.149999999999999" customHeight="1">
      <c r="A1845" s="737"/>
      <c r="B1845" s="738"/>
      <c r="C1845" s="485"/>
      <c r="D1845" s="484"/>
      <c r="E1845" s="483"/>
      <c r="F1845" s="482"/>
      <c r="G1845" s="481" t="s">
        <v>651</v>
      </c>
      <c r="H1845" s="476"/>
      <c r="I1845" s="476"/>
      <c r="J1845" s="476"/>
      <c r="K1845" s="476"/>
      <c r="L1845" s="475"/>
    </row>
    <row r="1846" spans="1:12" ht="16.149999999999999" customHeight="1">
      <c r="A1846" s="733" t="s">
        <v>250</v>
      </c>
      <c r="B1846" s="734"/>
      <c r="C1846" s="495"/>
      <c r="D1846" s="494"/>
      <c r="E1846" s="493"/>
      <c r="F1846" s="492"/>
      <c r="G1846" s="486" t="s">
        <v>651</v>
      </c>
      <c r="H1846" s="549"/>
      <c r="I1846" s="549"/>
      <c r="J1846" s="549"/>
      <c r="K1846" s="549"/>
      <c r="L1846" s="551"/>
    </row>
    <row r="1847" spans="1:12" ht="16.149999999999999" customHeight="1">
      <c r="A1847" s="735"/>
      <c r="B1847" s="736"/>
      <c r="C1847" s="490"/>
      <c r="D1847" s="489"/>
      <c r="E1847" s="491"/>
      <c r="F1847" s="487" t="s">
        <v>651</v>
      </c>
      <c r="G1847" s="486" t="s">
        <v>651</v>
      </c>
      <c r="H1847" s="549"/>
      <c r="I1847" s="549"/>
      <c r="J1847" s="549"/>
      <c r="K1847" s="549"/>
      <c r="L1847" s="551"/>
    </row>
    <row r="1848" spans="1:12" ht="16.149999999999999" customHeight="1">
      <c r="A1848" s="735" t="s">
        <v>651</v>
      </c>
      <c r="B1848" s="736"/>
      <c r="C1848" s="490" t="s">
        <v>248</v>
      </c>
      <c r="D1848" s="489"/>
      <c r="E1848" s="488"/>
      <c r="F1848" s="487"/>
      <c r="G1848" s="486" t="s">
        <v>651</v>
      </c>
      <c r="H1848" s="549"/>
      <c r="I1848" s="549"/>
      <c r="J1848" s="549"/>
      <c r="K1848" s="549"/>
      <c r="L1848" s="551"/>
    </row>
    <row r="1849" spans="1:12" ht="16.149999999999999" customHeight="1">
      <c r="A1849" s="737"/>
      <c r="B1849" s="738"/>
      <c r="C1849" s="485"/>
      <c r="D1849" s="484"/>
      <c r="E1849" s="483"/>
      <c r="F1849" s="482"/>
      <c r="G1849" s="481" t="s">
        <v>651</v>
      </c>
      <c r="H1849" s="476"/>
      <c r="I1849" s="476"/>
      <c r="J1849" s="476"/>
      <c r="K1849" s="476"/>
      <c r="L1849" s="475"/>
    </row>
    <row r="1850" spans="1:12" ht="16.149999999999999" customHeight="1">
      <c r="A1850" s="733" t="s">
        <v>700</v>
      </c>
      <c r="B1850" s="734"/>
      <c r="C1850" s="495"/>
      <c r="D1850" s="494"/>
      <c r="E1850" s="493"/>
      <c r="F1850" s="492"/>
      <c r="G1850" s="486" t="s">
        <v>651</v>
      </c>
      <c r="H1850" s="549"/>
      <c r="I1850" s="549"/>
      <c r="J1850" s="549"/>
      <c r="K1850" s="549"/>
      <c r="L1850" s="551"/>
    </row>
    <row r="1851" spans="1:12" ht="16.149999999999999" customHeight="1">
      <c r="A1851" s="735"/>
      <c r="B1851" s="736"/>
      <c r="C1851" s="490"/>
      <c r="D1851" s="489"/>
      <c r="E1851" s="491"/>
      <c r="F1851" s="487" t="s">
        <v>651</v>
      </c>
      <c r="G1851" s="486" t="s">
        <v>651</v>
      </c>
      <c r="H1851" s="549"/>
      <c r="I1851" s="549"/>
      <c r="J1851" s="549"/>
      <c r="K1851" s="549"/>
      <c r="L1851" s="551"/>
    </row>
    <row r="1852" spans="1:12" ht="16.149999999999999" customHeight="1">
      <c r="A1852" s="735" t="s">
        <v>651</v>
      </c>
      <c r="B1852" s="736"/>
      <c r="C1852" s="490" t="s">
        <v>242</v>
      </c>
      <c r="D1852" s="489">
        <v>1</v>
      </c>
      <c r="E1852" s="488"/>
      <c r="F1852" s="487"/>
      <c r="G1852" s="486" t="s">
        <v>651</v>
      </c>
      <c r="H1852" s="549"/>
      <c r="I1852" s="549"/>
      <c r="J1852" s="549"/>
      <c r="K1852" s="549"/>
      <c r="L1852" s="551"/>
    </row>
    <row r="1853" spans="1:12" ht="16.149999999999999" customHeight="1">
      <c r="A1853" s="737"/>
      <c r="B1853" s="738"/>
      <c r="C1853" s="485"/>
      <c r="D1853" s="484"/>
      <c r="E1853" s="483"/>
      <c r="F1853" s="482"/>
      <c r="G1853" s="481" t="s">
        <v>651</v>
      </c>
      <c r="H1853" s="476"/>
      <c r="I1853" s="476"/>
      <c r="J1853" s="476"/>
      <c r="K1853" s="476"/>
      <c r="L1853" s="475"/>
    </row>
    <row r="1856" spans="1:12" ht="16.149999999999999" customHeight="1">
      <c r="A1856" s="507" t="s">
        <v>651</v>
      </c>
      <c r="B1856" s="479" t="s">
        <v>756</v>
      </c>
      <c r="C1856" s="480"/>
      <c r="D1856" s="479"/>
      <c r="E1856" s="479"/>
      <c r="F1856" s="479"/>
      <c r="G1856" s="479"/>
      <c r="H1856" s="479" t="s">
        <v>617</v>
      </c>
      <c r="I1856" s="480" t="s">
        <v>838</v>
      </c>
      <c r="J1856" s="479" t="s">
        <v>689</v>
      </c>
      <c r="K1856" s="479" t="s">
        <v>688</v>
      </c>
      <c r="L1856" s="506"/>
    </row>
    <row r="1857" spans="1:12" ht="16.149999999999999" customHeight="1">
      <c r="A1857" s="505" t="s">
        <v>651</v>
      </c>
      <c r="B1857" s="549" t="s">
        <v>837</v>
      </c>
      <c r="C1857" s="550"/>
      <c r="D1857" s="549"/>
      <c r="E1857" s="549"/>
      <c r="F1857" s="549"/>
      <c r="G1857" s="478"/>
      <c r="H1857" s="549"/>
      <c r="I1857" s="504"/>
      <c r="J1857" s="503" t="s">
        <v>687</v>
      </c>
      <c r="K1857" s="502" t="s">
        <v>697</v>
      </c>
      <c r="L1857" s="501" t="s">
        <v>618</v>
      </c>
    </row>
    <row r="1858" spans="1:12" ht="16.149999999999999" customHeight="1">
      <c r="A1858" s="477" t="s">
        <v>651</v>
      </c>
      <c r="B1858" s="549"/>
      <c r="C1858" s="550"/>
      <c r="D1858" s="549"/>
      <c r="E1858" s="549"/>
      <c r="F1858" s="549"/>
      <c r="G1858" s="478"/>
      <c r="H1858" s="478"/>
      <c r="I1858" s="478"/>
      <c r="J1858" s="478"/>
      <c r="K1858" s="478"/>
      <c r="L1858" s="501"/>
    </row>
    <row r="1859" spans="1:12" ht="16.149999999999999" customHeight="1">
      <c r="A1859" s="498" t="s">
        <v>686</v>
      </c>
      <c r="B1859" s="500"/>
      <c r="C1859" s="499" t="s">
        <v>309</v>
      </c>
      <c r="D1859" s="499" t="s">
        <v>685</v>
      </c>
      <c r="E1859" s="499" t="s">
        <v>684</v>
      </c>
      <c r="F1859" s="499" t="s">
        <v>683</v>
      </c>
      <c r="G1859" s="498" t="s">
        <v>682</v>
      </c>
      <c r="H1859" s="497"/>
      <c r="I1859" s="497"/>
      <c r="J1859" s="497"/>
      <c r="K1859" s="497"/>
      <c r="L1859" s="496"/>
    </row>
    <row r="1860" spans="1:12" ht="16.149999999999999" customHeight="1">
      <c r="A1860" s="733" t="s">
        <v>651</v>
      </c>
      <c r="B1860" s="734"/>
      <c r="C1860" s="495"/>
      <c r="D1860" s="494"/>
      <c r="E1860" s="493"/>
      <c r="F1860" s="492"/>
      <c r="G1860" s="486" t="s">
        <v>651</v>
      </c>
      <c r="H1860" s="549"/>
      <c r="I1860" s="549"/>
      <c r="J1860" s="549"/>
      <c r="K1860" s="549"/>
      <c r="L1860" s="551"/>
    </row>
    <row r="1861" spans="1:12" ht="16.149999999999999" customHeight="1">
      <c r="A1861" s="735"/>
      <c r="B1861" s="736"/>
      <c r="C1861" s="490"/>
      <c r="D1861" s="489"/>
      <c r="E1861" s="491"/>
      <c r="F1861" s="487" t="s">
        <v>651</v>
      </c>
      <c r="G1861" s="486" t="s">
        <v>651</v>
      </c>
      <c r="H1861" s="549"/>
      <c r="I1861" s="549"/>
      <c r="J1861" s="549"/>
      <c r="K1861" s="549"/>
      <c r="L1861" s="551"/>
    </row>
    <row r="1862" spans="1:12" ht="16.149999999999999" customHeight="1">
      <c r="A1862" s="735" t="s">
        <v>691</v>
      </c>
      <c r="B1862" s="736"/>
      <c r="C1862" s="490" t="s">
        <v>697</v>
      </c>
      <c r="D1862" s="489">
        <v>1</v>
      </c>
      <c r="E1862" s="488"/>
      <c r="F1862" s="487"/>
      <c r="G1862" s="486" t="s">
        <v>651</v>
      </c>
      <c r="H1862" s="549"/>
      <c r="I1862" s="549"/>
      <c r="J1862" s="549"/>
      <c r="K1862" s="549"/>
      <c r="L1862" s="551"/>
    </row>
    <row r="1863" spans="1:12" ht="16.149999999999999" customHeight="1">
      <c r="A1863" s="737"/>
      <c r="B1863" s="738"/>
      <c r="C1863" s="485"/>
      <c r="D1863" s="484"/>
      <c r="E1863" s="483"/>
      <c r="F1863" s="482"/>
      <c r="G1863" s="481" t="s">
        <v>651</v>
      </c>
      <c r="H1863" s="476"/>
      <c r="I1863" s="476"/>
      <c r="J1863" s="476"/>
      <c r="K1863" s="476"/>
      <c r="L1863" s="475"/>
    </row>
    <row r="1864" spans="1:12" ht="16.149999999999999" customHeight="1">
      <c r="A1864" s="733" t="s">
        <v>651</v>
      </c>
      <c r="B1864" s="734"/>
      <c r="C1864" s="495"/>
      <c r="D1864" s="494"/>
      <c r="E1864" s="493"/>
      <c r="F1864" s="492"/>
      <c r="G1864" s="486" t="s">
        <v>651</v>
      </c>
      <c r="H1864" s="549"/>
      <c r="I1864" s="549"/>
      <c r="J1864" s="549"/>
      <c r="K1864" s="549"/>
      <c r="L1864" s="551"/>
    </row>
    <row r="1865" spans="1:12" ht="16.149999999999999" customHeight="1">
      <c r="A1865" s="735"/>
      <c r="B1865" s="736"/>
      <c r="C1865" s="490"/>
      <c r="D1865" s="489"/>
      <c r="E1865" s="491"/>
      <c r="F1865" s="487" t="s">
        <v>651</v>
      </c>
      <c r="G1865" s="486" t="s">
        <v>651</v>
      </c>
      <c r="H1865" s="549"/>
      <c r="I1865" s="549"/>
      <c r="J1865" s="549"/>
      <c r="K1865" s="549"/>
      <c r="L1865" s="551"/>
    </row>
    <row r="1866" spans="1:12" ht="16.149999999999999" customHeight="1">
      <c r="A1866" s="735" t="s">
        <v>681</v>
      </c>
      <c r="B1866" s="736"/>
      <c r="C1866" s="490" t="s">
        <v>697</v>
      </c>
      <c r="D1866" s="489">
        <v>1</v>
      </c>
      <c r="E1866" s="488" t="s">
        <v>618</v>
      </c>
      <c r="F1866" s="487"/>
      <c r="G1866" s="486" t="s">
        <v>651</v>
      </c>
      <c r="H1866" s="549"/>
      <c r="I1866" s="549"/>
      <c r="J1866" s="549"/>
      <c r="K1866" s="549"/>
      <c r="L1866" s="551"/>
    </row>
    <row r="1867" spans="1:12" ht="16.149999999999999" customHeight="1">
      <c r="A1867" s="737"/>
      <c r="B1867" s="738"/>
      <c r="C1867" s="485"/>
      <c r="D1867" s="484"/>
      <c r="E1867" s="483"/>
      <c r="F1867" s="482"/>
      <c r="G1867" s="481" t="s">
        <v>651</v>
      </c>
      <c r="H1867" s="476"/>
      <c r="I1867" s="476"/>
      <c r="J1867" s="476"/>
      <c r="K1867" s="476"/>
      <c r="L1867" s="475"/>
    </row>
    <row r="1869" spans="1:12" ht="16.149999999999999" customHeight="1">
      <c r="A1869" s="507" t="s">
        <v>651</v>
      </c>
      <c r="B1869" s="479" t="s">
        <v>756</v>
      </c>
      <c r="C1869" s="480"/>
      <c r="D1869" s="479"/>
      <c r="E1869" s="479"/>
      <c r="F1869" s="479"/>
      <c r="G1869" s="479"/>
      <c r="H1869" s="479" t="s">
        <v>617</v>
      </c>
      <c r="I1869" s="480" t="s">
        <v>836</v>
      </c>
      <c r="J1869" s="479" t="s">
        <v>689</v>
      </c>
      <c r="K1869" s="479" t="s">
        <v>688</v>
      </c>
      <c r="L1869" s="506"/>
    </row>
    <row r="1870" spans="1:12" ht="16.149999999999999" customHeight="1">
      <c r="A1870" s="505" t="s">
        <v>651</v>
      </c>
      <c r="B1870" s="549" t="s">
        <v>835</v>
      </c>
      <c r="C1870" s="550"/>
      <c r="D1870" s="549"/>
      <c r="E1870" s="549"/>
      <c r="F1870" s="549"/>
      <c r="G1870" s="478"/>
      <c r="H1870" s="549"/>
      <c r="I1870" s="504"/>
      <c r="J1870" s="503" t="s">
        <v>687</v>
      </c>
      <c r="K1870" s="502" t="s">
        <v>697</v>
      </c>
      <c r="L1870" s="501" t="s">
        <v>618</v>
      </c>
    </row>
    <row r="1871" spans="1:12" ht="16.149999999999999" customHeight="1">
      <c r="A1871" s="477" t="s">
        <v>651</v>
      </c>
      <c r="B1871" s="549"/>
      <c r="C1871" s="550"/>
      <c r="D1871" s="549"/>
      <c r="E1871" s="549"/>
      <c r="F1871" s="549"/>
      <c r="G1871" s="478"/>
      <c r="H1871" s="478"/>
      <c r="I1871" s="478"/>
      <c r="J1871" s="478"/>
      <c r="K1871" s="478"/>
      <c r="L1871" s="501"/>
    </row>
    <row r="1872" spans="1:12" ht="16.149999999999999" customHeight="1">
      <c r="A1872" s="498" t="s">
        <v>686</v>
      </c>
      <c r="B1872" s="500"/>
      <c r="C1872" s="499" t="s">
        <v>309</v>
      </c>
      <c r="D1872" s="499" t="s">
        <v>685</v>
      </c>
      <c r="E1872" s="499" t="s">
        <v>684</v>
      </c>
      <c r="F1872" s="499" t="s">
        <v>683</v>
      </c>
      <c r="G1872" s="498" t="s">
        <v>682</v>
      </c>
      <c r="H1872" s="497"/>
      <c r="I1872" s="497"/>
      <c r="J1872" s="497"/>
      <c r="K1872" s="497"/>
      <c r="L1872" s="496"/>
    </row>
    <row r="1873" spans="1:12" ht="16.149999999999999" customHeight="1">
      <c r="A1873" s="733" t="s">
        <v>701</v>
      </c>
      <c r="B1873" s="734"/>
      <c r="C1873" s="495"/>
      <c r="D1873" s="494"/>
      <c r="E1873" s="493"/>
      <c r="F1873" s="492"/>
      <c r="G1873" s="486" t="s">
        <v>651</v>
      </c>
      <c r="H1873" s="549"/>
      <c r="I1873" s="549"/>
      <c r="J1873" s="549"/>
      <c r="K1873" s="549"/>
      <c r="L1873" s="551"/>
    </row>
    <row r="1874" spans="1:12" ht="16.149999999999999" customHeight="1">
      <c r="A1874" s="735"/>
      <c r="B1874" s="736"/>
      <c r="C1874" s="490"/>
      <c r="D1874" s="489"/>
      <c r="E1874" s="491"/>
      <c r="F1874" s="487" t="s">
        <v>651</v>
      </c>
      <c r="G1874" s="486" t="s">
        <v>651</v>
      </c>
      <c r="H1874" s="549"/>
      <c r="I1874" s="549"/>
      <c r="J1874" s="549"/>
      <c r="K1874" s="549"/>
      <c r="L1874" s="551"/>
    </row>
    <row r="1875" spans="1:12" ht="16.149999999999999" customHeight="1">
      <c r="A1875" s="735" t="s">
        <v>651</v>
      </c>
      <c r="B1875" s="736"/>
      <c r="C1875" s="490" t="s">
        <v>248</v>
      </c>
      <c r="D1875" s="489"/>
      <c r="E1875" s="488"/>
      <c r="F1875" s="487"/>
      <c r="G1875" s="486" t="s">
        <v>651</v>
      </c>
      <c r="H1875" s="549"/>
      <c r="I1875" s="549"/>
      <c r="J1875" s="549"/>
      <c r="K1875" s="549"/>
      <c r="L1875" s="551"/>
    </row>
    <row r="1876" spans="1:12" ht="16.149999999999999" customHeight="1">
      <c r="A1876" s="737"/>
      <c r="B1876" s="738"/>
      <c r="C1876" s="485"/>
      <c r="D1876" s="484"/>
      <c r="E1876" s="483"/>
      <c r="F1876" s="482"/>
      <c r="G1876" s="481" t="s">
        <v>651</v>
      </c>
      <c r="H1876" s="476"/>
      <c r="I1876" s="476"/>
      <c r="J1876" s="476"/>
      <c r="K1876" s="476"/>
      <c r="L1876" s="475"/>
    </row>
    <row r="1877" spans="1:12" ht="16.149999999999999" customHeight="1">
      <c r="A1877" s="733" t="s">
        <v>250</v>
      </c>
      <c r="B1877" s="734"/>
      <c r="C1877" s="495"/>
      <c r="D1877" s="494"/>
      <c r="E1877" s="493"/>
      <c r="F1877" s="492"/>
      <c r="G1877" s="486" t="s">
        <v>651</v>
      </c>
      <c r="H1877" s="549"/>
      <c r="I1877" s="549"/>
      <c r="J1877" s="549"/>
      <c r="K1877" s="549"/>
      <c r="L1877" s="551"/>
    </row>
    <row r="1878" spans="1:12" ht="16.149999999999999" customHeight="1">
      <c r="A1878" s="735"/>
      <c r="B1878" s="736"/>
      <c r="C1878" s="490"/>
      <c r="D1878" s="489"/>
      <c r="E1878" s="491"/>
      <c r="F1878" s="487" t="s">
        <v>651</v>
      </c>
      <c r="G1878" s="486" t="s">
        <v>651</v>
      </c>
      <c r="H1878" s="549"/>
      <c r="I1878" s="549"/>
      <c r="J1878" s="549"/>
      <c r="K1878" s="549"/>
      <c r="L1878" s="551"/>
    </row>
    <row r="1879" spans="1:12" ht="16.149999999999999" customHeight="1">
      <c r="A1879" s="735" t="s">
        <v>651</v>
      </c>
      <c r="B1879" s="736"/>
      <c r="C1879" s="490" t="s">
        <v>248</v>
      </c>
      <c r="D1879" s="489"/>
      <c r="E1879" s="488"/>
      <c r="F1879" s="487"/>
      <c r="G1879" s="486" t="s">
        <v>651</v>
      </c>
      <c r="H1879" s="549"/>
      <c r="I1879" s="549"/>
      <c r="J1879" s="549"/>
      <c r="K1879" s="549"/>
      <c r="L1879" s="551"/>
    </row>
    <row r="1880" spans="1:12" ht="16.149999999999999" customHeight="1">
      <c r="A1880" s="737"/>
      <c r="B1880" s="738"/>
      <c r="C1880" s="485"/>
      <c r="D1880" s="484"/>
      <c r="E1880" s="483"/>
      <c r="F1880" s="482"/>
      <c r="G1880" s="481" t="s">
        <v>651</v>
      </c>
      <c r="H1880" s="476"/>
      <c r="I1880" s="476"/>
      <c r="J1880" s="476"/>
      <c r="K1880" s="476"/>
      <c r="L1880" s="475"/>
    </row>
    <row r="1881" spans="1:12" ht="16.149999999999999" customHeight="1">
      <c r="A1881" s="733" t="s">
        <v>700</v>
      </c>
      <c r="B1881" s="734"/>
      <c r="C1881" s="495"/>
      <c r="D1881" s="494"/>
      <c r="E1881" s="493"/>
      <c r="F1881" s="492"/>
      <c r="G1881" s="486" t="s">
        <v>651</v>
      </c>
      <c r="H1881" s="549"/>
      <c r="I1881" s="549"/>
      <c r="J1881" s="549"/>
      <c r="K1881" s="549"/>
      <c r="L1881" s="551"/>
    </row>
    <row r="1882" spans="1:12" ht="16.149999999999999" customHeight="1">
      <c r="A1882" s="735"/>
      <c r="B1882" s="736"/>
      <c r="C1882" s="490"/>
      <c r="D1882" s="489"/>
      <c r="E1882" s="491"/>
      <c r="F1882" s="487" t="s">
        <v>651</v>
      </c>
      <c r="G1882" s="486" t="s">
        <v>651</v>
      </c>
      <c r="H1882" s="549"/>
      <c r="I1882" s="549"/>
      <c r="J1882" s="549"/>
      <c r="K1882" s="549"/>
      <c r="L1882" s="551"/>
    </row>
    <row r="1883" spans="1:12" ht="16.149999999999999" customHeight="1">
      <c r="A1883" s="735" t="s">
        <v>651</v>
      </c>
      <c r="B1883" s="736"/>
      <c r="C1883" s="490" t="s">
        <v>242</v>
      </c>
      <c r="D1883" s="489">
        <v>1</v>
      </c>
      <c r="E1883" s="488"/>
      <c r="F1883" s="487"/>
      <c r="G1883" s="486" t="s">
        <v>651</v>
      </c>
      <c r="H1883" s="549"/>
      <c r="I1883" s="549"/>
      <c r="J1883" s="549"/>
      <c r="K1883" s="549"/>
      <c r="L1883" s="551"/>
    </row>
    <row r="1884" spans="1:12" ht="16.149999999999999" customHeight="1">
      <c r="A1884" s="737"/>
      <c r="B1884" s="738"/>
      <c r="C1884" s="485"/>
      <c r="D1884" s="484"/>
      <c r="E1884" s="483"/>
      <c r="F1884" s="482"/>
      <c r="G1884" s="481" t="s">
        <v>651</v>
      </c>
      <c r="H1884" s="476"/>
      <c r="I1884" s="476"/>
      <c r="J1884" s="476"/>
      <c r="K1884" s="476"/>
      <c r="L1884" s="475"/>
    </row>
    <row r="1885" spans="1:12" ht="16.149999999999999" customHeight="1">
      <c r="A1885" s="733" t="s">
        <v>651</v>
      </c>
      <c r="B1885" s="734"/>
      <c r="C1885" s="495"/>
      <c r="D1885" s="494"/>
      <c r="E1885" s="493"/>
      <c r="F1885" s="492"/>
      <c r="G1885" s="486" t="s">
        <v>651</v>
      </c>
      <c r="H1885" s="549"/>
      <c r="I1885" s="549"/>
      <c r="J1885" s="549"/>
      <c r="K1885" s="549"/>
      <c r="L1885" s="551"/>
    </row>
    <row r="1886" spans="1:12" ht="16.149999999999999" customHeight="1">
      <c r="A1886" s="735"/>
      <c r="B1886" s="736"/>
      <c r="C1886" s="490"/>
      <c r="D1886" s="489"/>
      <c r="E1886" s="491"/>
      <c r="F1886" s="487" t="s">
        <v>651</v>
      </c>
      <c r="G1886" s="486" t="s">
        <v>651</v>
      </c>
      <c r="H1886" s="549"/>
      <c r="I1886" s="549"/>
      <c r="J1886" s="549"/>
      <c r="K1886" s="549"/>
      <c r="L1886" s="551"/>
    </row>
    <row r="1887" spans="1:12" ht="16.149999999999999" customHeight="1">
      <c r="A1887" s="735" t="s">
        <v>691</v>
      </c>
      <c r="B1887" s="736"/>
      <c r="C1887" s="490" t="s">
        <v>697</v>
      </c>
      <c r="D1887" s="489">
        <v>1</v>
      </c>
      <c r="E1887" s="488"/>
      <c r="F1887" s="487"/>
      <c r="G1887" s="486" t="s">
        <v>651</v>
      </c>
      <c r="H1887" s="549"/>
      <c r="I1887" s="549"/>
      <c r="J1887" s="549"/>
      <c r="K1887" s="549"/>
      <c r="L1887" s="551"/>
    </row>
    <row r="1888" spans="1:12" ht="16.149999999999999" customHeight="1">
      <c r="A1888" s="737"/>
      <c r="B1888" s="738"/>
      <c r="C1888" s="485"/>
      <c r="D1888" s="484"/>
      <c r="E1888" s="483"/>
      <c r="F1888" s="482"/>
      <c r="G1888" s="481" t="s">
        <v>651</v>
      </c>
      <c r="H1888" s="476"/>
      <c r="I1888" s="476"/>
      <c r="J1888" s="476"/>
      <c r="K1888" s="476"/>
      <c r="L1888" s="475"/>
    </row>
    <row r="1891" spans="1:12" ht="16.149999999999999" customHeight="1">
      <c r="A1891" s="507" t="s">
        <v>651</v>
      </c>
      <c r="B1891" s="479" t="s">
        <v>756</v>
      </c>
      <c r="C1891" s="480"/>
      <c r="D1891" s="479"/>
      <c r="E1891" s="479"/>
      <c r="F1891" s="479"/>
      <c r="G1891" s="479"/>
      <c r="H1891" s="479" t="s">
        <v>617</v>
      </c>
      <c r="I1891" s="480" t="s">
        <v>836</v>
      </c>
      <c r="J1891" s="479" t="s">
        <v>689</v>
      </c>
      <c r="K1891" s="479" t="s">
        <v>688</v>
      </c>
      <c r="L1891" s="506"/>
    </row>
    <row r="1892" spans="1:12" ht="16.149999999999999" customHeight="1">
      <c r="A1892" s="505" t="s">
        <v>651</v>
      </c>
      <c r="B1892" s="549" t="s">
        <v>835</v>
      </c>
      <c r="C1892" s="550"/>
      <c r="D1892" s="549"/>
      <c r="E1892" s="549"/>
      <c r="F1892" s="549"/>
      <c r="G1892" s="478"/>
      <c r="H1892" s="549"/>
      <c r="I1892" s="504"/>
      <c r="J1892" s="503" t="s">
        <v>687</v>
      </c>
      <c r="K1892" s="502" t="s">
        <v>697</v>
      </c>
      <c r="L1892" s="501" t="s">
        <v>618</v>
      </c>
    </row>
    <row r="1893" spans="1:12" ht="16.149999999999999" customHeight="1">
      <c r="A1893" s="477" t="s">
        <v>651</v>
      </c>
      <c r="B1893" s="549"/>
      <c r="C1893" s="550"/>
      <c r="D1893" s="549"/>
      <c r="E1893" s="549"/>
      <c r="F1893" s="549"/>
      <c r="G1893" s="478"/>
      <c r="H1893" s="478"/>
      <c r="I1893" s="478"/>
      <c r="J1893" s="478"/>
      <c r="K1893" s="478"/>
      <c r="L1893" s="501"/>
    </row>
    <row r="1894" spans="1:12" ht="16.149999999999999" customHeight="1">
      <c r="A1894" s="498" t="s">
        <v>686</v>
      </c>
      <c r="B1894" s="500"/>
      <c r="C1894" s="499" t="s">
        <v>309</v>
      </c>
      <c r="D1894" s="499" t="s">
        <v>685</v>
      </c>
      <c r="E1894" s="499" t="s">
        <v>684</v>
      </c>
      <c r="F1894" s="499" t="s">
        <v>683</v>
      </c>
      <c r="G1894" s="498" t="s">
        <v>682</v>
      </c>
      <c r="H1894" s="497"/>
      <c r="I1894" s="497"/>
      <c r="J1894" s="497"/>
      <c r="K1894" s="497"/>
      <c r="L1894" s="496"/>
    </row>
    <row r="1895" spans="1:12" ht="16.149999999999999" customHeight="1">
      <c r="A1895" s="733" t="s">
        <v>651</v>
      </c>
      <c r="B1895" s="734"/>
      <c r="C1895" s="495"/>
      <c r="D1895" s="494"/>
      <c r="E1895" s="493"/>
      <c r="F1895" s="492"/>
      <c r="G1895" s="486" t="s">
        <v>651</v>
      </c>
      <c r="H1895" s="549"/>
      <c r="I1895" s="549"/>
      <c r="J1895" s="549"/>
      <c r="K1895" s="549"/>
      <c r="L1895" s="551"/>
    </row>
    <row r="1896" spans="1:12" ht="16.149999999999999" customHeight="1">
      <c r="A1896" s="735"/>
      <c r="B1896" s="736"/>
      <c r="C1896" s="490"/>
      <c r="D1896" s="489"/>
      <c r="E1896" s="491"/>
      <c r="F1896" s="487" t="s">
        <v>651</v>
      </c>
      <c r="G1896" s="486" t="s">
        <v>651</v>
      </c>
      <c r="H1896" s="549"/>
      <c r="I1896" s="549"/>
      <c r="J1896" s="549"/>
      <c r="K1896" s="549"/>
      <c r="L1896" s="551"/>
    </row>
    <row r="1897" spans="1:12" ht="16.149999999999999" customHeight="1">
      <c r="A1897" s="735" t="s">
        <v>681</v>
      </c>
      <c r="B1897" s="736"/>
      <c r="C1897" s="490" t="s">
        <v>697</v>
      </c>
      <c r="D1897" s="489">
        <v>1</v>
      </c>
      <c r="E1897" s="488" t="s">
        <v>618</v>
      </c>
      <c r="F1897" s="487"/>
      <c r="G1897" s="486" t="s">
        <v>651</v>
      </c>
      <c r="H1897" s="549"/>
      <c r="I1897" s="549"/>
      <c r="J1897" s="549"/>
      <c r="K1897" s="549"/>
      <c r="L1897" s="551"/>
    </row>
    <row r="1898" spans="1:12" ht="16.149999999999999" customHeight="1">
      <c r="A1898" s="737"/>
      <c r="B1898" s="738"/>
      <c r="C1898" s="485"/>
      <c r="D1898" s="484"/>
      <c r="E1898" s="483"/>
      <c r="F1898" s="482"/>
      <c r="G1898" s="481" t="s">
        <v>651</v>
      </c>
      <c r="H1898" s="476"/>
      <c r="I1898" s="476"/>
      <c r="J1898" s="476"/>
      <c r="K1898" s="476"/>
      <c r="L1898" s="475"/>
    </row>
    <row r="1900" spans="1:12" ht="16.149999999999999" customHeight="1">
      <c r="A1900" s="507" t="s">
        <v>651</v>
      </c>
      <c r="B1900" s="479" t="s">
        <v>756</v>
      </c>
      <c r="C1900" s="480"/>
      <c r="D1900" s="479"/>
      <c r="E1900" s="479"/>
      <c r="F1900" s="479"/>
      <c r="G1900" s="479"/>
      <c r="H1900" s="479" t="s">
        <v>617</v>
      </c>
      <c r="I1900" s="480" t="s">
        <v>834</v>
      </c>
      <c r="J1900" s="479" t="s">
        <v>689</v>
      </c>
      <c r="K1900" s="479" t="s">
        <v>688</v>
      </c>
      <c r="L1900" s="506"/>
    </row>
    <row r="1901" spans="1:12" ht="16.149999999999999" customHeight="1">
      <c r="A1901" s="505" t="s">
        <v>651</v>
      </c>
      <c r="B1901" s="549" t="s">
        <v>1209</v>
      </c>
      <c r="C1901" s="550"/>
      <c r="D1901" s="549"/>
      <c r="E1901" s="549"/>
      <c r="F1901" s="549"/>
      <c r="G1901" s="478"/>
      <c r="H1901" s="549"/>
      <c r="I1901" s="504"/>
      <c r="J1901" s="503" t="s">
        <v>687</v>
      </c>
      <c r="K1901" s="502" t="s">
        <v>697</v>
      </c>
      <c r="L1901" s="501" t="s">
        <v>618</v>
      </c>
    </row>
    <row r="1902" spans="1:12" ht="16.149999999999999" customHeight="1">
      <c r="A1902" s="477" t="s">
        <v>651</v>
      </c>
      <c r="B1902" s="549"/>
      <c r="C1902" s="550"/>
      <c r="D1902" s="549"/>
      <c r="E1902" s="549"/>
      <c r="F1902" s="549"/>
      <c r="G1902" s="478"/>
      <c r="H1902" s="478"/>
      <c r="I1902" s="478"/>
      <c r="J1902" s="478"/>
      <c r="K1902" s="478"/>
      <c r="L1902" s="501"/>
    </row>
    <row r="1903" spans="1:12" ht="16.149999999999999" customHeight="1">
      <c r="A1903" s="498" t="s">
        <v>686</v>
      </c>
      <c r="B1903" s="500"/>
      <c r="C1903" s="499" t="s">
        <v>309</v>
      </c>
      <c r="D1903" s="499" t="s">
        <v>685</v>
      </c>
      <c r="E1903" s="499" t="s">
        <v>684</v>
      </c>
      <c r="F1903" s="499" t="s">
        <v>683</v>
      </c>
      <c r="G1903" s="498" t="s">
        <v>682</v>
      </c>
      <c r="H1903" s="497"/>
      <c r="I1903" s="497"/>
      <c r="J1903" s="497"/>
      <c r="K1903" s="497"/>
      <c r="L1903" s="496"/>
    </row>
    <row r="1904" spans="1:12" ht="16.149999999999999" customHeight="1">
      <c r="A1904" s="733" t="s">
        <v>701</v>
      </c>
      <c r="B1904" s="734"/>
      <c r="C1904" s="495"/>
      <c r="D1904" s="494"/>
      <c r="E1904" s="493"/>
      <c r="F1904" s="492"/>
      <c r="G1904" s="486" t="s">
        <v>651</v>
      </c>
      <c r="H1904" s="549"/>
      <c r="I1904" s="549"/>
      <c r="J1904" s="549"/>
      <c r="K1904" s="549"/>
      <c r="L1904" s="551"/>
    </row>
    <row r="1905" spans="1:12" ht="16.149999999999999" customHeight="1">
      <c r="A1905" s="735"/>
      <c r="B1905" s="736"/>
      <c r="C1905" s="490"/>
      <c r="D1905" s="489"/>
      <c r="E1905" s="491"/>
      <c r="F1905" s="487" t="s">
        <v>651</v>
      </c>
      <c r="G1905" s="486" t="s">
        <v>651</v>
      </c>
      <c r="H1905" s="549"/>
      <c r="I1905" s="549"/>
      <c r="J1905" s="549"/>
      <c r="K1905" s="549"/>
      <c r="L1905" s="551"/>
    </row>
    <row r="1906" spans="1:12" ht="16.149999999999999" customHeight="1">
      <c r="A1906" s="735" t="s">
        <v>651</v>
      </c>
      <c r="B1906" s="736"/>
      <c r="C1906" s="490" t="s">
        <v>248</v>
      </c>
      <c r="D1906" s="489"/>
      <c r="E1906" s="488"/>
      <c r="F1906" s="487"/>
      <c r="G1906" s="486" t="s">
        <v>651</v>
      </c>
      <c r="H1906" s="549"/>
      <c r="I1906" s="549"/>
      <c r="J1906" s="549"/>
      <c r="K1906" s="549"/>
      <c r="L1906" s="551"/>
    </row>
    <row r="1907" spans="1:12" ht="16.149999999999999" customHeight="1">
      <c r="A1907" s="737"/>
      <c r="B1907" s="738"/>
      <c r="C1907" s="485"/>
      <c r="D1907" s="484"/>
      <c r="E1907" s="483"/>
      <c r="F1907" s="482"/>
      <c r="G1907" s="481" t="s">
        <v>651</v>
      </c>
      <c r="H1907" s="476"/>
      <c r="I1907" s="476"/>
      <c r="J1907" s="476"/>
      <c r="K1907" s="476"/>
      <c r="L1907" s="475"/>
    </row>
    <row r="1908" spans="1:12" ht="16.149999999999999" customHeight="1">
      <c r="A1908" s="733" t="s">
        <v>250</v>
      </c>
      <c r="B1908" s="734"/>
      <c r="C1908" s="495"/>
      <c r="D1908" s="494"/>
      <c r="E1908" s="493"/>
      <c r="F1908" s="492"/>
      <c r="G1908" s="486" t="s">
        <v>651</v>
      </c>
      <c r="H1908" s="549"/>
      <c r="I1908" s="549"/>
      <c r="J1908" s="549"/>
      <c r="K1908" s="549"/>
      <c r="L1908" s="551"/>
    </row>
    <row r="1909" spans="1:12" ht="16.149999999999999" customHeight="1">
      <c r="A1909" s="735"/>
      <c r="B1909" s="736"/>
      <c r="C1909" s="490"/>
      <c r="D1909" s="489"/>
      <c r="E1909" s="491"/>
      <c r="F1909" s="487" t="s">
        <v>651</v>
      </c>
      <c r="G1909" s="486" t="s">
        <v>651</v>
      </c>
      <c r="H1909" s="549"/>
      <c r="I1909" s="549"/>
      <c r="J1909" s="549"/>
      <c r="K1909" s="549"/>
      <c r="L1909" s="551"/>
    </row>
    <row r="1910" spans="1:12" ht="16.149999999999999" customHeight="1">
      <c r="A1910" s="735" t="s">
        <v>651</v>
      </c>
      <c r="B1910" s="736"/>
      <c r="C1910" s="490" t="s">
        <v>248</v>
      </c>
      <c r="D1910" s="489"/>
      <c r="E1910" s="488"/>
      <c r="F1910" s="487"/>
      <c r="G1910" s="486" t="s">
        <v>651</v>
      </c>
      <c r="H1910" s="549"/>
      <c r="I1910" s="549"/>
      <c r="J1910" s="549"/>
      <c r="K1910" s="549"/>
      <c r="L1910" s="551"/>
    </row>
    <row r="1911" spans="1:12" ht="16.149999999999999" customHeight="1">
      <c r="A1911" s="737"/>
      <c r="B1911" s="738"/>
      <c r="C1911" s="485"/>
      <c r="D1911" s="484"/>
      <c r="E1911" s="483"/>
      <c r="F1911" s="482"/>
      <c r="G1911" s="481" t="s">
        <v>651</v>
      </c>
      <c r="H1911" s="476"/>
      <c r="I1911" s="476"/>
      <c r="J1911" s="476"/>
      <c r="K1911" s="476"/>
      <c r="L1911" s="475"/>
    </row>
    <row r="1912" spans="1:12" ht="16.149999999999999" customHeight="1">
      <c r="A1912" s="733" t="s">
        <v>700</v>
      </c>
      <c r="B1912" s="734"/>
      <c r="C1912" s="495"/>
      <c r="D1912" s="494"/>
      <c r="E1912" s="493"/>
      <c r="F1912" s="492"/>
      <c r="G1912" s="486" t="s">
        <v>651</v>
      </c>
      <c r="H1912" s="549"/>
      <c r="I1912" s="549"/>
      <c r="J1912" s="549"/>
      <c r="K1912" s="549"/>
      <c r="L1912" s="551"/>
    </row>
    <row r="1913" spans="1:12" ht="16.149999999999999" customHeight="1">
      <c r="A1913" s="735"/>
      <c r="B1913" s="736"/>
      <c r="C1913" s="490"/>
      <c r="D1913" s="489"/>
      <c r="E1913" s="491"/>
      <c r="F1913" s="487" t="s">
        <v>651</v>
      </c>
      <c r="G1913" s="486" t="s">
        <v>651</v>
      </c>
      <c r="H1913" s="549"/>
      <c r="I1913" s="549"/>
      <c r="J1913" s="549"/>
      <c r="K1913" s="549"/>
      <c r="L1913" s="551"/>
    </row>
    <row r="1914" spans="1:12" ht="16.149999999999999" customHeight="1">
      <c r="A1914" s="735" t="s">
        <v>651</v>
      </c>
      <c r="B1914" s="736"/>
      <c r="C1914" s="490" t="s">
        <v>242</v>
      </c>
      <c r="D1914" s="489">
        <v>1</v>
      </c>
      <c r="E1914" s="488"/>
      <c r="F1914" s="487"/>
      <c r="G1914" s="486" t="s">
        <v>651</v>
      </c>
      <c r="H1914" s="549"/>
      <c r="I1914" s="549"/>
      <c r="J1914" s="549"/>
      <c r="K1914" s="549"/>
      <c r="L1914" s="551"/>
    </row>
    <row r="1915" spans="1:12" ht="16.149999999999999" customHeight="1">
      <c r="A1915" s="737"/>
      <c r="B1915" s="738"/>
      <c r="C1915" s="485"/>
      <c r="D1915" s="484"/>
      <c r="E1915" s="483"/>
      <c r="F1915" s="482"/>
      <c r="G1915" s="481" t="s">
        <v>651</v>
      </c>
      <c r="H1915" s="476"/>
      <c r="I1915" s="476"/>
      <c r="J1915" s="476"/>
      <c r="K1915" s="476"/>
      <c r="L1915" s="475"/>
    </row>
    <row r="1916" spans="1:12" ht="16.149999999999999" customHeight="1">
      <c r="A1916" s="733" t="s">
        <v>651</v>
      </c>
      <c r="B1916" s="734"/>
      <c r="C1916" s="495"/>
      <c r="D1916" s="494"/>
      <c r="E1916" s="493"/>
      <c r="F1916" s="492"/>
      <c r="G1916" s="486" t="s">
        <v>651</v>
      </c>
      <c r="H1916" s="549"/>
      <c r="I1916" s="549"/>
      <c r="J1916" s="549"/>
      <c r="K1916" s="549"/>
      <c r="L1916" s="551"/>
    </row>
    <row r="1917" spans="1:12" ht="16.149999999999999" customHeight="1">
      <c r="A1917" s="735"/>
      <c r="B1917" s="736"/>
      <c r="C1917" s="490"/>
      <c r="D1917" s="489"/>
      <c r="E1917" s="491"/>
      <c r="F1917" s="487" t="s">
        <v>651</v>
      </c>
      <c r="G1917" s="486" t="s">
        <v>651</v>
      </c>
      <c r="H1917" s="549"/>
      <c r="I1917" s="549"/>
      <c r="J1917" s="549"/>
      <c r="K1917" s="549"/>
      <c r="L1917" s="551"/>
    </row>
    <row r="1918" spans="1:12" ht="16.149999999999999" customHeight="1">
      <c r="A1918" s="735" t="s">
        <v>691</v>
      </c>
      <c r="B1918" s="736"/>
      <c r="C1918" s="490" t="s">
        <v>697</v>
      </c>
      <c r="D1918" s="489">
        <v>1</v>
      </c>
      <c r="E1918" s="488"/>
      <c r="F1918" s="487"/>
      <c r="G1918" s="486" t="s">
        <v>651</v>
      </c>
      <c r="H1918" s="549"/>
      <c r="I1918" s="549"/>
      <c r="J1918" s="549"/>
      <c r="K1918" s="549"/>
      <c r="L1918" s="551"/>
    </row>
    <row r="1919" spans="1:12" ht="16.149999999999999" customHeight="1">
      <c r="A1919" s="737"/>
      <c r="B1919" s="738"/>
      <c r="C1919" s="485"/>
      <c r="D1919" s="484"/>
      <c r="E1919" s="483"/>
      <c r="F1919" s="482"/>
      <c r="G1919" s="481" t="s">
        <v>651</v>
      </c>
      <c r="H1919" s="476"/>
      <c r="I1919" s="476"/>
      <c r="J1919" s="476"/>
      <c r="K1919" s="476"/>
      <c r="L1919" s="475"/>
    </row>
    <row r="1920" spans="1:12" ht="16.149999999999999" customHeight="1">
      <c r="A1920" s="733" t="s">
        <v>651</v>
      </c>
      <c r="B1920" s="734"/>
      <c r="C1920" s="495"/>
      <c r="D1920" s="494"/>
      <c r="E1920" s="493"/>
      <c r="F1920" s="492"/>
      <c r="G1920" s="486" t="s">
        <v>651</v>
      </c>
      <c r="H1920" s="549"/>
      <c r="I1920" s="549"/>
      <c r="J1920" s="549"/>
      <c r="K1920" s="549"/>
      <c r="L1920" s="551"/>
    </row>
    <row r="1921" spans="1:12" ht="16.149999999999999" customHeight="1">
      <c r="A1921" s="735"/>
      <c r="B1921" s="736"/>
      <c r="C1921" s="490"/>
      <c r="D1921" s="489"/>
      <c r="E1921" s="491"/>
      <c r="F1921" s="487" t="s">
        <v>651</v>
      </c>
      <c r="G1921" s="486" t="s">
        <v>651</v>
      </c>
      <c r="H1921" s="549"/>
      <c r="I1921" s="549"/>
      <c r="J1921" s="549"/>
      <c r="K1921" s="549"/>
      <c r="L1921" s="551"/>
    </row>
    <row r="1922" spans="1:12" ht="16.149999999999999" customHeight="1">
      <c r="A1922" s="735" t="s">
        <v>681</v>
      </c>
      <c r="B1922" s="736"/>
      <c r="C1922" s="490" t="s">
        <v>697</v>
      </c>
      <c r="D1922" s="489">
        <v>1</v>
      </c>
      <c r="E1922" s="488" t="s">
        <v>618</v>
      </c>
      <c r="F1922" s="487"/>
      <c r="G1922" s="486" t="s">
        <v>651</v>
      </c>
      <c r="H1922" s="549"/>
      <c r="I1922" s="549"/>
      <c r="J1922" s="549"/>
      <c r="K1922" s="549"/>
      <c r="L1922" s="551"/>
    </row>
    <row r="1923" spans="1:12" ht="16.149999999999999" customHeight="1">
      <c r="A1923" s="737"/>
      <c r="B1923" s="738"/>
      <c r="C1923" s="485"/>
      <c r="D1923" s="484"/>
      <c r="E1923" s="483"/>
      <c r="F1923" s="482"/>
      <c r="G1923" s="481" t="s">
        <v>651</v>
      </c>
      <c r="H1923" s="476"/>
      <c r="I1923" s="476"/>
      <c r="J1923" s="476"/>
      <c r="K1923" s="476"/>
      <c r="L1923" s="475"/>
    </row>
    <row r="1926" spans="1:12" ht="16.149999999999999" customHeight="1">
      <c r="A1926" s="507" t="s">
        <v>651</v>
      </c>
      <c r="B1926" s="479" t="s">
        <v>793</v>
      </c>
      <c r="C1926" s="480"/>
      <c r="D1926" s="479"/>
      <c r="E1926" s="479"/>
      <c r="F1926" s="479"/>
      <c r="G1926" s="479"/>
      <c r="H1926" s="479" t="s">
        <v>617</v>
      </c>
      <c r="I1926" s="480" t="s">
        <v>833</v>
      </c>
      <c r="J1926" s="479" t="s">
        <v>689</v>
      </c>
      <c r="K1926" s="479" t="s">
        <v>688</v>
      </c>
      <c r="L1926" s="506"/>
    </row>
    <row r="1927" spans="1:12" ht="16.149999999999999" customHeight="1">
      <c r="A1927" s="505" t="s">
        <v>651</v>
      </c>
      <c r="B1927" s="549" t="s">
        <v>1207</v>
      </c>
      <c r="C1927" s="550"/>
      <c r="D1927" s="549"/>
      <c r="E1927" s="549"/>
      <c r="F1927" s="549"/>
      <c r="G1927" s="478"/>
      <c r="H1927" s="549"/>
      <c r="I1927" s="504"/>
      <c r="J1927" s="503" t="s">
        <v>687</v>
      </c>
      <c r="K1927" s="502" t="s">
        <v>697</v>
      </c>
      <c r="L1927" s="501" t="s">
        <v>618</v>
      </c>
    </row>
    <row r="1928" spans="1:12" ht="16.149999999999999" customHeight="1">
      <c r="A1928" s="477" t="s">
        <v>651</v>
      </c>
      <c r="B1928" s="549"/>
      <c r="C1928" s="550"/>
      <c r="D1928" s="549"/>
      <c r="E1928" s="549"/>
      <c r="F1928" s="549"/>
      <c r="G1928" s="478"/>
      <c r="H1928" s="478"/>
      <c r="I1928" s="478"/>
      <c r="J1928" s="478"/>
      <c r="K1928" s="478"/>
      <c r="L1928" s="501"/>
    </row>
    <row r="1929" spans="1:12" ht="16.149999999999999" customHeight="1">
      <c r="A1929" s="498" t="s">
        <v>686</v>
      </c>
      <c r="B1929" s="500"/>
      <c r="C1929" s="499" t="s">
        <v>309</v>
      </c>
      <c r="D1929" s="499" t="s">
        <v>685</v>
      </c>
      <c r="E1929" s="499" t="s">
        <v>684</v>
      </c>
      <c r="F1929" s="499" t="s">
        <v>683</v>
      </c>
      <c r="G1929" s="498" t="s">
        <v>682</v>
      </c>
      <c r="H1929" s="497"/>
      <c r="I1929" s="497"/>
      <c r="J1929" s="497"/>
      <c r="K1929" s="497"/>
      <c r="L1929" s="496"/>
    </row>
    <row r="1930" spans="1:12" ht="16.149999999999999" customHeight="1">
      <c r="A1930" s="733" t="s">
        <v>721</v>
      </c>
      <c r="B1930" s="734"/>
      <c r="C1930" s="495"/>
      <c r="D1930" s="494"/>
      <c r="E1930" s="493"/>
      <c r="F1930" s="492"/>
      <c r="G1930" s="486" t="s">
        <v>651</v>
      </c>
      <c r="H1930" s="549"/>
      <c r="I1930" s="549"/>
      <c r="J1930" s="549"/>
      <c r="K1930" s="549"/>
      <c r="L1930" s="551"/>
    </row>
    <row r="1931" spans="1:12" ht="16.149999999999999" customHeight="1">
      <c r="A1931" s="735"/>
      <c r="B1931" s="736"/>
      <c r="C1931" s="490"/>
      <c r="D1931" s="489"/>
      <c r="E1931" s="491"/>
      <c r="F1931" s="487" t="s">
        <v>651</v>
      </c>
      <c r="G1931" s="486" t="s">
        <v>651</v>
      </c>
      <c r="H1931" s="549"/>
      <c r="I1931" s="549"/>
      <c r="J1931" s="549"/>
      <c r="K1931" s="549"/>
      <c r="L1931" s="551"/>
    </row>
    <row r="1932" spans="1:12" ht="16.149999999999999" customHeight="1">
      <c r="A1932" s="735" t="s">
        <v>651</v>
      </c>
      <c r="B1932" s="736"/>
      <c r="C1932" s="490" t="s">
        <v>248</v>
      </c>
      <c r="D1932" s="489"/>
      <c r="E1932" s="488"/>
      <c r="F1932" s="487"/>
      <c r="G1932" s="486" t="s">
        <v>651</v>
      </c>
      <c r="H1932" s="549"/>
      <c r="I1932" s="549"/>
      <c r="J1932" s="549"/>
      <c r="K1932" s="549"/>
      <c r="L1932" s="551"/>
    </row>
    <row r="1933" spans="1:12" ht="16.149999999999999" customHeight="1">
      <c r="A1933" s="737"/>
      <c r="B1933" s="738"/>
      <c r="C1933" s="485"/>
      <c r="D1933" s="484"/>
      <c r="E1933" s="483"/>
      <c r="F1933" s="482"/>
      <c r="G1933" s="481" t="s">
        <v>651</v>
      </c>
      <c r="H1933" s="476"/>
      <c r="I1933" s="476"/>
      <c r="J1933" s="476"/>
      <c r="K1933" s="476"/>
      <c r="L1933" s="475"/>
    </row>
    <row r="1934" spans="1:12" ht="16.149999999999999" customHeight="1">
      <c r="A1934" s="733" t="s">
        <v>250</v>
      </c>
      <c r="B1934" s="734"/>
      <c r="C1934" s="495"/>
      <c r="D1934" s="494"/>
      <c r="E1934" s="493"/>
      <c r="F1934" s="492"/>
      <c r="G1934" s="486" t="s">
        <v>651</v>
      </c>
      <c r="H1934" s="549"/>
      <c r="I1934" s="549"/>
      <c r="J1934" s="549"/>
      <c r="K1934" s="549"/>
      <c r="L1934" s="551"/>
    </row>
    <row r="1935" spans="1:12" ht="16.149999999999999" customHeight="1">
      <c r="A1935" s="735"/>
      <c r="B1935" s="736"/>
      <c r="C1935" s="490"/>
      <c r="D1935" s="489"/>
      <c r="E1935" s="491"/>
      <c r="F1935" s="487" t="s">
        <v>651</v>
      </c>
      <c r="G1935" s="486" t="s">
        <v>651</v>
      </c>
      <c r="H1935" s="549"/>
      <c r="I1935" s="549"/>
      <c r="J1935" s="549"/>
      <c r="K1935" s="549"/>
      <c r="L1935" s="551"/>
    </row>
    <row r="1936" spans="1:12" ht="16.149999999999999" customHeight="1">
      <c r="A1936" s="735" t="s">
        <v>651</v>
      </c>
      <c r="B1936" s="736"/>
      <c r="C1936" s="490" t="s">
        <v>248</v>
      </c>
      <c r="D1936" s="489"/>
      <c r="E1936" s="488"/>
      <c r="F1936" s="487"/>
      <c r="G1936" s="486" t="s">
        <v>651</v>
      </c>
      <c r="H1936" s="549"/>
      <c r="I1936" s="549"/>
      <c r="J1936" s="549"/>
      <c r="K1936" s="549"/>
      <c r="L1936" s="551"/>
    </row>
    <row r="1937" spans="1:12" ht="16.149999999999999" customHeight="1">
      <c r="A1937" s="737"/>
      <c r="B1937" s="738"/>
      <c r="C1937" s="485"/>
      <c r="D1937" s="484"/>
      <c r="E1937" s="483"/>
      <c r="F1937" s="482"/>
      <c r="G1937" s="481" t="s">
        <v>651</v>
      </c>
      <c r="H1937" s="476"/>
      <c r="I1937" s="476"/>
      <c r="J1937" s="476"/>
      <c r="K1937" s="476"/>
      <c r="L1937" s="475"/>
    </row>
    <row r="1938" spans="1:12" ht="16.149999999999999" customHeight="1">
      <c r="A1938" s="733" t="s">
        <v>788</v>
      </c>
      <c r="B1938" s="734"/>
      <c r="C1938" s="495"/>
      <c r="D1938" s="494"/>
      <c r="E1938" s="493"/>
      <c r="F1938" s="492"/>
      <c r="G1938" s="486" t="s">
        <v>824</v>
      </c>
      <c r="H1938" s="549"/>
      <c r="I1938" s="549"/>
      <c r="J1938" s="549"/>
      <c r="K1938" s="549"/>
      <c r="L1938" s="551"/>
    </row>
    <row r="1939" spans="1:12" ht="16.149999999999999" customHeight="1">
      <c r="A1939" s="735"/>
      <c r="B1939" s="736"/>
      <c r="C1939" s="490"/>
      <c r="D1939" s="489"/>
      <c r="E1939" s="491"/>
      <c r="F1939" s="487" t="s">
        <v>651</v>
      </c>
      <c r="G1939" s="486" t="s">
        <v>651</v>
      </c>
      <c r="H1939" s="549"/>
      <c r="I1939" s="549"/>
      <c r="J1939" s="549"/>
      <c r="K1939" s="549"/>
      <c r="L1939" s="551"/>
    </row>
    <row r="1940" spans="1:12" ht="16.149999999999999" customHeight="1">
      <c r="A1940" s="735" t="s">
        <v>816</v>
      </c>
      <c r="B1940" s="736"/>
      <c r="C1940" s="490" t="s">
        <v>621</v>
      </c>
      <c r="D1940" s="489"/>
      <c r="E1940" s="488"/>
      <c r="F1940" s="487"/>
      <c r="G1940" s="486" t="s">
        <v>651</v>
      </c>
      <c r="H1940" s="549"/>
      <c r="I1940" s="549"/>
      <c r="J1940" s="549"/>
      <c r="K1940" s="549"/>
      <c r="L1940" s="551"/>
    </row>
    <row r="1941" spans="1:12" ht="16.149999999999999" customHeight="1">
      <c r="A1941" s="737"/>
      <c r="B1941" s="738"/>
      <c r="C1941" s="485"/>
      <c r="D1941" s="484"/>
      <c r="E1941" s="483"/>
      <c r="F1941" s="482"/>
      <c r="G1941" s="481" t="s">
        <v>651</v>
      </c>
      <c r="H1941" s="476"/>
      <c r="I1941" s="476"/>
      <c r="J1941" s="476"/>
      <c r="K1941" s="476"/>
      <c r="L1941" s="475"/>
    </row>
    <row r="1942" spans="1:12" ht="16.149999999999999" customHeight="1">
      <c r="A1942" s="733" t="s">
        <v>783</v>
      </c>
      <c r="B1942" s="734"/>
      <c r="C1942" s="495"/>
      <c r="D1942" s="494"/>
      <c r="E1942" s="493"/>
      <c r="F1942" s="492"/>
      <c r="G1942" s="486" t="s">
        <v>823</v>
      </c>
      <c r="H1942" s="549"/>
      <c r="I1942" s="549"/>
      <c r="J1942" s="549"/>
      <c r="K1942" s="549"/>
      <c r="L1942" s="551"/>
    </row>
    <row r="1943" spans="1:12" ht="16.149999999999999" customHeight="1">
      <c r="A1943" s="735"/>
      <c r="B1943" s="736"/>
      <c r="C1943" s="490"/>
      <c r="D1943" s="489"/>
      <c r="E1943" s="491"/>
      <c r="F1943" s="487" t="s">
        <v>651</v>
      </c>
      <c r="G1943" s="486" t="s">
        <v>651</v>
      </c>
      <c r="H1943" s="549"/>
      <c r="I1943" s="549"/>
      <c r="J1943" s="549"/>
      <c r="K1943" s="549"/>
      <c r="L1943" s="551"/>
    </row>
    <row r="1944" spans="1:12" ht="16.149999999999999" customHeight="1">
      <c r="A1944" s="735" t="s">
        <v>1666</v>
      </c>
      <c r="B1944" s="736"/>
      <c r="C1944" s="490" t="s">
        <v>242</v>
      </c>
      <c r="D1944" s="489">
        <v>1</v>
      </c>
      <c r="E1944" s="488"/>
      <c r="F1944" s="487"/>
      <c r="G1944" s="486" t="s">
        <v>651</v>
      </c>
      <c r="H1944" s="549"/>
      <c r="I1944" s="549"/>
      <c r="J1944" s="549"/>
      <c r="K1944" s="549"/>
      <c r="L1944" s="551"/>
    </row>
    <row r="1945" spans="1:12" ht="16.149999999999999" customHeight="1">
      <c r="A1945" s="737"/>
      <c r="B1945" s="738"/>
      <c r="C1945" s="485"/>
      <c r="D1945" s="484"/>
      <c r="E1945" s="483"/>
      <c r="F1945" s="482"/>
      <c r="G1945" s="481" t="s">
        <v>651</v>
      </c>
      <c r="H1945" s="476"/>
      <c r="I1945" s="476"/>
      <c r="J1945" s="476"/>
      <c r="K1945" s="476"/>
      <c r="L1945" s="475"/>
    </row>
    <row r="1946" spans="1:12" ht="16.149999999999999" customHeight="1">
      <c r="A1946" s="733" t="s">
        <v>700</v>
      </c>
      <c r="B1946" s="734"/>
      <c r="C1946" s="495"/>
      <c r="D1946" s="494"/>
      <c r="E1946" s="493"/>
      <c r="F1946" s="492"/>
      <c r="G1946" s="486" t="s">
        <v>651</v>
      </c>
      <c r="H1946" s="549"/>
      <c r="I1946" s="549"/>
      <c r="J1946" s="549"/>
      <c r="K1946" s="549"/>
      <c r="L1946" s="551"/>
    </row>
    <row r="1947" spans="1:12" ht="16.149999999999999" customHeight="1">
      <c r="A1947" s="735"/>
      <c r="B1947" s="736"/>
      <c r="C1947" s="490"/>
      <c r="D1947" s="489"/>
      <c r="E1947" s="491"/>
      <c r="F1947" s="487" t="s">
        <v>651</v>
      </c>
      <c r="G1947" s="486" t="s">
        <v>651</v>
      </c>
      <c r="H1947" s="549"/>
      <c r="I1947" s="549"/>
      <c r="J1947" s="549"/>
      <c r="K1947" s="549"/>
      <c r="L1947" s="551"/>
    </row>
    <row r="1948" spans="1:12" ht="16.149999999999999" customHeight="1">
      <c r="A1948" s="735" t="s">
        <v>651</v>
      </c>
      <c r="B1948" s="736"/>
      <c r="C1948" s="490" t="s">
        <v>242</v>
      </c>
      <c r="D1948" s="489">
        <v>1</v>
      </c>
      <c r="E1948" s="488"/>
      <c r="F1948" s="487"/>
      <c r="G1948" s="486" t="s">
        <v>651</v>
      </c>
      <c r="H1948" s="549"/>
      <c r="I1948" s="549"/>
      <c r="J1948" s="549"/>
      <c r="K1948" s="549"/>
      <c r="L1948" s="551"/>
    </row>
    <row r="1949" spans="1:12" ht="16.149999999999999" customHeight="1">
      <c r="A1949" s="737"/>
      <c r="B1949" s="738"/>
      <c r="C1949" s="485"/>
      <c r="D1949" s="484"/>
      <c r="E1949" s="483"/>
      <c r="F1949" s="482"/>
      <c r="G1949" s="481" t="s">
        <v>651</v>
      </c>
      <c r="H1949" s="476"/>
      <c r="I1949" s="476"/>
      <c r="J1949" s="476"/>
      <c r="K1949" s="476"/>
      <c r="L1949" s="475"/>
    </row>
    <row r="1950" spans="1:12" ht="16.149999999999999" customHeight="1">
      <c r="A1950" s="733" t="s">
        <v>651</v>
      </c>
      <c r="B1950" s="734"/>
      <c r="C1950" s="495"/>
      <c r="D1950" s="494"/>
      <c r="E1950" s="493"/>
      <c r="F1950" s="492"/>
      <c r="G1950" s="486" t="s">
        <v>651</v>
      </c>
      <c r="H1950" s="549"/>
      <c r="I1950" s="549"/>
      <c r="J1950" s="549"/>
      <c r="K1950" s="549"/>
      <c r="L1950" s="551"/>
    </row>
    <row r="1951" spans="1:12" ht="16.149999999999999" customHeight="1">
      <c r="A1951" s="735"/>
      <c r="B1951" s="736"/>
      <c r="C1951" s="490"/>
      <c r="D1951" s="489"/>
      <c r="E1951" s="491"/>
      <c r="F1951" s="487" t="s">
        <v>651</v>
      </c>
      <c r="G1951" s="486" t="s">
        <v>651</v>
      </c>
      <c r="H1951" s="549"/>
      <c r="I1951" s="549"/>
      <c r="J1951" s="549"/>
      <c r="K1951" s="549"/>
      <c r="L1951" s="551"/>
    </row>
    <row r="1952" spans="1:12" ht="16.149999999999999" customHeight="1">
      <c r="A1952" s="735" t="s">
        <v>691</v>
      </c>
      <c r="B1952" s="736"/>
      <c r="C1952" s="490" t="s">
        <v>697</v>
      </c>
      <c r="D1952" s="489">
        <v>1</v>
      </c>
      <c r="E1952" s="488"/>
      <c r="F1952" s="487"/>
      <c r="G1952" s="486" t="s">
        <v>651</v>
      </c>
      <c r="H1952" s="549"/>
      <c r="I1952" s="549"/>
      <c r="J1952" s="549"/>
      <c r="K1952" s="549"/>
      <c r="L1952" s="551"/>
    </row>
    <row r="1953" spans="1:12" ht="16.149999999999999" customHeight="1">
      <c r="A1953" s="737"/>
      <c r="B1953" s="738"/>
      <c r="C1953" s="485"/>
      <c r="D1953" s="484"/>
      <c r="E1953" s="483"/>
      <c r="F1953" s="482"/>
      <c r="G1953" s="481" t="s">
        <v>651</v>
      </c>
      <c r="H1953" s="476"/>
      <c r="I1953" s="476"/>
      <c r="J1953" s="476"/>
      <c r="K1953" s="476"/>
      <c r="L1953" s="475"/>
    </row>
    <row r="1954" spans="1:12" ht="16.149999999999999" customHeight="1">
      <c r="A1954" s="733" t="s">
        <v>651</v>
      </c>
      <c r="B1954" s="734"/>
      <c r="C1954" s="495"/>
      <c r="D1954" s="494"/>
      <c r="E1954" s="493"/>
      <c r="F1954" s="492"/>
      <c r="G1954" s="486" t="s">
        <v>651</v>
      </c>
      <c r="H1954" s="549"/>
      <c r="I1954" s="549"/>
      <c r="J1954" s="549"/>
      <c r="K1954" s="549"/>
      <c r="L1954" s="551"/>
    </row>
    <row r="1955" spans="1:12" ht="16.149999999999999" customHeight="1">
      <c r="A1955" s="735"/>
      <c r="B1955" s="736"/>
      <c r="C1955" s="490"/>
      <c r="D1955" s="489"/>
      <c r="E1955" s="491"/>
      <c r="F1955" s="487" t="s">
        <v>651</v>
      </c>
      <c r="G1955" s="486" t="s">
        <v>651</v>
      </c>
      <c r="H1955" s="549"/>
      <c r="I1955" s="549"/>
      <c r="J1955" s="549"/>
      <c r="K1955" s="549"/>
      <c r="L1955" s="551"/>
    </row>
    <row r="1956" spans="1:12" ht="16.149999999999999" customHeight="1">
      <c r="A1956" s="735" t="s">
        <v>681</v>
      </c>
      <c r="B1956" s="736"/>
      <c r="C1956" s="490" t="s">
        <v>697</v>
      </c>
      <c r="D1956" s="489">
        <v>1</v>
      </c>
      <c r="E1956" s="488" t="s">
        <v>618</v>
      </c>
      <c r="F1956" s="487"/>
      <c r="G1956" s="486" t="s">
        <v>651</v>
      </c>
      <c r="H1956" s="549"/>
      <c r="I1956" s="549"/>
      <c r="J1956" s="549"/>
      <c r="K1956" s="549"/>
      <c r="L1956" s="551"/>
    </row>
    <row r="1957" spans="1:12" ht="16.149999999999999" customHeight="1">
      <c r="A1957" s="737"/>
      <c r="B1957" s="738"/>
      <c r="C1957" s="485"/>
      <c r="D1957" s="484"/>
      <c r="E1957" s="483"/>
      <c r="F1957" s="482"/>
      <c r="G1957" s="481" t="s">
        <v>651</v>
      </c>
      <c r="H1957" s="476"/>
      <c r="I1957" s="476"/>
      <c r="J1957" s="476"/>
      <c r="K1957" s="476"/>
      <c r="L1957" s="475"/>
    </row>
    <row r="1961" spans="1:12" ht="16.149999999999999" customHeight="1">
      <c r="A1961" s="507" t="s">
        <v>651</v>
      </c>
      <c r="B1961" s="479" t="s">
        <v>788</v>
      </c>
      <c r="C1961" s="480"/>
      <c r="D1961" s="479"/>
      <c r="E1961" s="479"/>
      <c r="F1961" s="479"/>
      <c r="G1961" s="479"/>
      <c r="H1961" s="479" t="s">
        <v>617</v>
      </c>
      <c r="I1961" s="480" t="s">
        <v>831</v>
      </c>
      <c r="J1961" s="479" t="s">
        <v>689</v>
      </c>
      <c r="K1961" s="479" t="s">
        <v>688</v>
      </c>
      <c r="L1961" s="506"/>
    </row>
    <row r="1962" spans="1:12" ht="16.149999999999999" customHeight="1">
      <c r="A1962" s="505" t="s">
        <v>651</v>
      </c>
      <c r="B1962" s="549" t="s">
        <v>816</v>
      </c>
      <c r="C1962" s="550"/>
      <c r="D1962" s="549"/>
      <c r="E1962" s="549"/>
      <c r="F1962" s="549"/>
      <c r="G1962" s="478"/>
      <c r="H1962" s="549"/>
      <c r="I1962" s="504"/>
      <c r="J1962" s="503" t="s">
        <v>687</v>
      </c>
      <c r="K1962" s="502" t="s">
        <v>697</v>
      </c>
      <c r="L1962" s="501" t="s">
        <v>618</v>
      </c>
    </row>
    <row r="1963" spans="1:12" ht="16.149999999999999" customHeight="1">
      <c r="A1963" s="477" t="s">
        <v>651</v>
      </c>
      <c r="B1963" s="549"/>
      <c r="C1963" s="550"/>
      <c r="D1963" s="549"/>
      <c r="E1963" s="549"/>
      <c r="F1963" s="549"/>
      <c r="G1963" s="478"/>
      <c r="H1963" s="478"/>
      <c r="I1963" s="478"/>
      <c r="J1963" s="478"/>
      <c r="K1963" s="478"/>
      <c r="L1963" s="501"/>
    </row>
    <row r="1964" spans="1:12" ht="16.149999999999999" customHeight="1">
      <c r="A1964" s="498" t="s">
        <v>686</v>
      </c>
      <c r="B1964" s="500"/>
      <c r="C1964" s="499" t="s">
        <v>309</v>
      </c>
      <c r="D1964" s="499" t="s">
        <v>685</v>
      </c>
      <c r="E1964" s="499" t="s">
        <v>684</v>
      </c>
      <c r="F1964" s="499" t="s">
        <v>683</v>
      </c>
      <c r="G1964" s="498" t="s">
        <v>682</v>
      </c>
      <c r="H1964" s="497"/>
      <c r="I1964" s="497"/>
      <c r="J1964" s="497"/>
      <c r="K1964" s="497"/>
      <c r="L1964" s="496"/>
    </row>
    <row r="1965" spans="1:12" ht="16.149999999999999" customHeight="1">
      <c r="A1965" s="733" t="s">
        <v>788</v>
      </c>
      <c r="B1965" s="734"/>
      <c r="C1965" s="495"/>
      <c r="D1965" s="494"/>
      <c r="E1965" s="493"/>
      <c r="F1965" s="492"/>
      <c r="G1965" s="486" t="s">
        <v>651</v>
      </c>
      <c r="H1965" s="549"/>
      <c r="I1965" s="549"/>
      <c r="J1965" s="549"/>
      <c r="K1965" s="549"/>
      <c r="L1965" s="551"/>
    </row>
    <row r="1966" spans="1:12" ht="16.149999999999999" customHeight="1">
      <c r="A1966" s="735"/>
      <c r="B1966" s="736"/>
      <c r="C1966" s="490"/>
      <c r="D1966" s="489"/>
      <c r="E1966" s="491"/>
      <c r="F1966" s="487" t="s">
        <v>651</v>
      </c>
      <c r="G1966" s="486" t="s">
        <v>651</v>
      </c>
      <c r="H1966" s="549"/>
      <c r="I1966" s="549"/>
      <c r="J1966" s="549"/>
      <c r="K1966" s="549"/>
      <c r="L1966" s="551"/>
    </row>
    <row r="1967" spans="1:12" ht="16.149999999999999" customHeight="1">
      <c r="A1967" s="735" t="s">
        <v>832</v>
      </c>
      <c r="B1967" s="736"/>
      <c r="C1967" s="490" t="s">
        <v>697</v>
      </c>
      <c r="D1967" s="489">
        <v>1</v>
      </c>
      <c r="E1967" s="488"/>
      <c r="F1967" s="487"/>
      <c r="G1967" s="486" t="s">
        <v>651</v>
      </c>
      <c r="H1967" s="549"/>
      <c r="I1967" s="549"/>
      <c r="J1967" s="549"/>
      <c r="K1967" s="549"/>
      <c r="L1967" s="551"/>
    </row>
    <row r="1968" spans="1:12" ht="16.149999999999999" customHeight="1">
      <c r="A1968" s="737"/>
      <c r="B1968" s="738"/>
      <c r="C1968" s="485"/>
      <c r="D1968" s="484"/>
      <c r="E1968" s="483"/>
      <c r="F1968" s="482"/>
      <c r="G1968" s="481" t="s">
        <v>651</v>
      </c>
      <c r="H1968" s="476"/>
      <c r="I1968" s="476"/>
      <c r="J1968" s="476"/>
      <c r="K1968" s="476"/>
      <c r="L1968" s="475"/>
    </row>
    <row r="1969" spans="1:12" ht="16.149999999999999" customHeight="1">
      <c r="A1969" s="733" t="s">
        <v>777</v>
      </c>
      <c r="B1969" s="734"/>
      <c r="C1969" s="495"/>
      <c r="D1969" s="494"/>
      <c r="E1969" s="493"/>
      <c r="F1969" s="492"/>
      <c r="G1969" s="486" t="s">
        <v>651</v>
      </c>
      <c r="H1969" s="549"/>
      <c r="I1969" s="549"/>
      <c r="J1969" s="549"/>
      <c r="K1969" s="549"/>
      <c r="L1969" s="551"/>
    </row>
    <row r="1970" spans="1:12" ht="16.149999999999999" customHeight="1">
      <c r="A1970" s="735"/>
      <c r="B1970" s="736"/>
      <c r="C1970" s="490"/>
      <c r="D1970" s="489"/>
      <c r="E1970" s="491"/>
      <c r="F1970" s="487" t="s">
        <v>651</v>
      </c>
      <c r="G1970" s="486" t="s">
        <v>651</v>
      </c>
      <c r="H1970" s="549"/>
      <c r="I1970" s="549"/>
      <c r="J1970" s="549"/>
      <c r="K1970" s="549"/>
      <c r="L1970" s="551"/>
    </row>
    <row r="1971" spans="1:12" ht="16.149999999999999" customHeight="1">
      <c r="A1971" s="735" t="s">
        <v>830</v>
      </c>
      <c r="B1971" s="736"/>
      <c r="C1971" s="490" t="s">
        <v>697</v>
      </c>
      <c r="D1971" s="489">
        <v>1</v>
      </c>
      <c r="E1971" s="488"/>
      <c r="F1971" s="487"/>
      <c r="G1971" s="486" t="s">
        <v>651</v>
      </c>
      <c r="H1971" s="549"/>
      <c r="I1971" s="549"/>
      <c r="J1971" s="549"/>
      <c r="K1971" s="549"/>
      <c r="L1971" s="551"/>
    </row>
    <row r="1972" spans="1:12" ht="16.149999999999999" customHeight="1">
      <c r="A1972" s="737"/>
      <c r="B1972" s="738"/>
      <c r="C1972" s="485"/>
      <c r="D1972" s="484"/>
      <c r="E1972" s="483"/>
      <c r="F1972" s="482"/>
      <c r="G1972" s="481" t="s">
        <v>651</v>
      </c>
      <c r="H1972" s="476"/>
      <c r="I1972" s="476"/>
      <c r="J1972" s="476"/>
      <c r="K1972" s="476"/>
      <c r="L1972" s="475"/>
    </row>
    <row r="1973" spans="1:12" ht="16.149999999999999" customHeight="1">
      <c r="A1973" s="733" t="s">
        <v>651</v>
      </c>
      <c r="B1973" s="734"/>
      <c r="C1973" s="495"/>
      <c r="D1973" s="494"/>
      <c r="E1973" s="493"/>
      <c r="F1973" s="492"/>
      <c r="G1973" s="486" t="s">
        <v>651</v>
      </c>
      <c r="H1973" s="549"/>
      <c r="I1973" s="549"/>
      <c r="J1973" s="549"/>
      <c r="K1973" s="549"/>
      <c r="L1973" s="551"/>
    </row>
    <row r="1974" spans="1:12" ht="16.149999999999999" customHeight="1">
      <c r="A1974" s="735"/>
      <c r="B1974" s="736"/>
      <c r="C1974" s="490"/>
      <c r="D1974" s="489"/>
      <c r="E1974" s="491"/>
      <c r="F1974" s="487" t="s">
        <v>651</v>
      </c>
      <c r="G1974" s="486" t="s">
        <v>651</v>
      </c>
      <c r="H1974" s="549"/>
      <c r="I1974" s="549"/>
      <c r="J1974" s="549"/>
      <c r="K1974" s="549"/>
      <c r="L1974" s="551"/>
    </row>
    <row r="1975" spans="1:12" ht="16.149999999999999" customHeight="1">
      <c r="A1975" s="735" t="s">
        <v>691</v>
      </c>
      <c r="B1975" s="736"/>
      <c r="C1975" s="490" t="s">
        <v>697</v>
      </c>
      <c r="D1975" s="489">
        <v>1</v>
      </c>
      <c r="E1975" s="488"/>
      <c r="F1975" s="487"/>
      <c r="G1975" s="486" t="s">
        <v>651</v>
      </c>
      <c r="H1975" s="549"/>
      <c r="I1975" s="549"/>
      <c r="J1975" s="549"/>
      <c r="K1975" s="549"/>
      <c r="L1975" s="551"/>
    </row>
    <row r="1976" spans="1:12" ht="16.149999999999999" customHeight="1">
      <c r="A1976" s="737"/>
      <c r="B1976" s="738"/>
      <c r="C1976" s="485"/>
      <c r="D1976" s="484"/>
      <c r="E1976" s="483"/>
      <c r="F1976" s="482"/>
      <c r="G1976" s="481" t="s">
        <v>651</v>
      </c>
      <c r="H1976" s="476"/>
      <c r="I1976" s="476"/>
      <c r="J1976" s="476"/>
      <c r="K1976" s="476"/>
      <c r="L1976" s="475"/>
    </row>
    <row r="1977" spans="1:12" ht="16.149999999999999" customHeight="1">
      <c r="A1977" s="733" t="s">
        <v>651</v>
      </c>
      <c r="B1977" s="734"/>
      <c r="C1977" s="495"/>
      <c r="D1977" s="494"/>
      <c r="E1977" s="493"/>
      <c r="F1977" s="492"/>
      <c r="G1977" s="486" t="s">
        <v>651</v>
      </c>
      <c r="H1977" s="549"/>
      <c r="I1977" s="549"/>
      <c r="J1977" s="549"/>
      <c r="K1977" s="549"/>
      <c r="L1977" s="551"/>
    </row>
    <row r="1978" spans="1:12" ht="16.149999999999999" customHeight="1">
      <c r="A1978" s="735"/>
      <c r="B1978" s="736"/>
      <c r="C1978" s="490"/>
      <c r="D1978" s="489"/>
      <c r="E1978" s="491"/>
      <c r="F1978" s="487" t="s">
        <v>651</v>
      </c>
      <c r="G1978" s="486" t="s">
        <v>651</v>
      </c>
      <c r="H1978" s="549"/>
      <c r="I1978" s="549"/>
      <c r="J1978" s="549"/>
      <c r="K1978" s="549"/>
      <c r="L1978" s="551"/>
    </row>
    <row r="1979" spans="1:12" ht="16.149999999999999" customHeight="1">
      <c r="A1979" s="735" t="s">
        <v>681</v>
      </c>
      <c r="B1979" s="736"/>
      <c r="C1979" s="490" t="s">
        <v>697</v>
      </c>
      <c r="D1979" s="489">
        <v>1</v>
      </c>
      <c r="E1979" s="488" t="s">
        <v>618</v>
      </c>
      <c r="F1979" s="487"/>
      <c r="G1979" s="486" t="s">
        <v>651</v>
      </c>
      <c r="H1979" s="549"/>
      <c r="I1979" s="549"/>
      <c r="J1979" s="549"/>
      <c r="K1979" s="549"/>
      <c r="L1979" s="551"/>
    </row>
    <row r="1980" spans="1:12" ht="16.149999999999999" customHeight="1">
      <c r="A1980" s="737"/>
      <c r="B1980" s="738"/>
      <c r="C1980" s="485"/>
      <c r="D1980" s="484"/>
      <c r="E1980" s="483"/>
      <c r="F1980" s="482"/>
      <c r="G1980" s="481" t="s">
        <v>651</v>
      </c>
      <c r="H1980" s="476"/>
      <c r="I1980" s="476"/>
      <c r="J1980" s="476"/>
      <c r="K1980" s="476"/>
      <c r="L1980" s="475"/>
    </row>
    <row r="1982" spans="1:12" ht="16.149999999999999" customHeight="1">
      <c r="A1982" s="507" t="s">
        <v>651</v>
      </c>
      <c r="B1982" s="479" t="s">
        <v>783</v>
      </c>
      <c r="C1982" s="480"/>
      <c r="D1982" s="479"/>
      <c r="E1982" s="479"/>
      <c r="F1982" s="479"/>
      <c r="G1982" s="479"/>
      <c r="H1982" s="479" t="s">
        <v>617</v>
      </c>
      <c r="I1982" s="480" t="s">
        <v>829</v>
      </c>
      <c r="J1982" s="479" t="s">
        <v>689</v>
      </c>
      <c r="K1982" s="479" t="s">
        <v>688</v>
      </c>
      <c r="L1982" s="506"/>
    </row>
    <row r="1983" spans="1:12" ht="16.149999999999999" customHeight="1">
      <c r="A1983" s="505" t="s">
        <v>651</v>
      </c>
      <c r="B1983" s="549" t="s">
        <v>1666</v>
      </c>
      <c r="C1983" s="550"/>
      <c r="D1983" s="549"/>
      <c r="E1983" s="549"/>
      <c r="F1983" s="549"/>
      <c r="G1983" s="478"/>
      <c r="H1983" s="549"/>
      <c r="I1983" s="504"/>
      <c r="J1983" s="503" t="s">
        <v>687</v>
      </c>
      <c r="K1983" s="502" t="s">
        <v>242</v>
      </c>
      <c r="L1983" s="501" t="s">
        <v>618</v>
      </c>
    </row>
    <row r="1984" spans="1:12" ht="16.149999999999999" customHeight="1">
      <c r="A1984" s="477" t="s">
        <v>651</v>
      </c>
      <c r="B1984" s="549"/>
      <c r="C1984" s="550"/>
      <c r="D1984" s="549"/>
      <c r="E1984" s="549"/>
      <c r="F1984" s="549"/>
      <c r="G1984" s="478"/>
      <c r="H1984" s="478"/>
      <c r="I1984" s="478"/>
      <c r="J1984" s="478"/>
      <c r="K1984" s="478"/>
      <c r="L1984" s="501"/>
    </row>
    <row r="1985" spans="1:12" ht="16.149999999999999" customHeight="1">
      <c r="A1985" s="498" t="s">
        <v>686</v>
      </c>
      <c r="B1985" s="500"/>
      <c r="C1985" s="499" t="s">
        <v>309</v>
      </c>
      <c r="D1985" s="499" t="s">
        <v>685</v>
      </c>
      <c r="E1985" s="499" t="s">
        <v>684</v>
      </c>
      <c r="F1985" s="499" t="s">
        <v>683</v>
      </c>
      <c r="G1985" s="498" t="s">
        <v>682</v>
      </c>
      <c r="H1985" s="497"/>
      <c r="I1985" s="497"/>
      <c r="J1985" s="497"/>
      <c r="K1985" s="497"/>
      <c r="L1985" s="496"/>
    </row>
    <row r="1986" spans="1:12" ht="16.149999999999999" customHeight="1">
      <c r="A1986" s="733" t="s">
        <v>786</v>
      </c>
      <c r="B1986" s="734"/>
      <c r="C1986" s="495"/>
      <c r="D1986" s="494"/>
      <c r="E1986" s="493"/>
      <c r="F1986" s="492"/>
      <c r="G1986" s="486" t="s">
        <v>651</v>
      </c>
      <c r="H1986" s="549"/>
      <c r="I1986" s="549"/>
      <c r="J1986" s="549"/>
      <c r="K1986" s="549"/>
      <c r="L1986" s="551"/>
    </row>
    <row r="1987" spans="1:12" ht="16.149999999999999" customHeight="1">
      <c r="A1987" s="735"/>
      <c r="B1987" s="736"/>
      <c r="C1987" s="490"/>
      <c r="D1987" s="489"/>
      <c r="E1987" s="491"/>
      <c r="F1987" s="487" t="s">
        <v>651</v>
      </c>
      <c r="G1987" s="486" t="s">
        <v>651</v>
      </c>
      <c r="H1987" s="549"/>
      <c r="I1987" s="549"/>
      <c r="J1987" s="549"/>
      <c r="K1987" s="549"/>
      <c r="L1987" s="551"/>
    </row>
    <row r="1988" spans="1:12" ht="16.149999999999999" customHeight="1">
      <c r="A1988" s="735" t="s">
        <v>830</v>
      </c>
      <c r="B1988" s="736"/>
      <c r="C1988" s="490" t="s">
        <v>281</v>
      </c>
      <c r="D1988" s="489">
        <v>1</v>
      </c>
      <c r="E1988" s="488"/>
      <c r="F1988" s="487"/>
      <c r="G1988" s="486" t="s">
        <v>651</v>
      </c>
      <c r="H1988" s="549"/>
      <c r="I1988" s="549"/>
      <c r="J1988" s="549"/>
      <c r="K1988" s="549"/>
      <c r="L1988" s="551"/>
    </row>
    <row r="1989" spans="1:12" ht="16.149999999999999" customHeight="1">
      <c r="A1989" s="737"/>
      <c r="B1989" s="738"/>
      <c r="C1989" s="485"/>
      <c r="D1989" s="484"/>
      <c r="E1989" s="483"/>
      <c r="F1989" s="482"/>
      <c r="G1989" s="481" t="s">
        <v>651</v>
      </c>
      <c r="H1989" s="476"/>
      <c r="I1989" s="476"/>
      <c r="J1989" s="476"/>
      <c r="K1989" s="476"/>
      <c r="L1989" s="475"/>
    </row>
    <row r="1990" spans="1:12" ht="16.149999999999999" customHeight="1">
      <c r="A1990" s="733" t="s">
        <v>785</v>
      </c>
      <c r="B1990" s="734"/>
      <c r="C1990" s="495"/>
      <c r="D1990" s="494"/>
      <c r="E1990" s="493"/>
      <c r="F1990" s="492"/>
      <c r="G1990" s="486" t="s">
        <v>651</v>
      </c>
      <c r="H1990" s="549"/>
      <c r="I1990" s="549"/>
      <c r="J1990" s="549"/>
      <c r="K1990" s="549"/>
      <c r="L1990" s="551"/>
    </row>
    <row r="1991" spans="1:12" ht="16.149999999999999" customHeight="1">
      <c r="A1991" s="735"/>
      <c r="B1991" s="736"/>
      <c r="C1991" s="490"/>
      <c r="D1991" s="489"/>
      <c r="E1991" s="491"/>
      <c r="F1991" s="487" t="s">
        <v>651</v>
      </c>
      <c r="G1991" s="486" t="s">
        <v>651</v>
      </c>
      <c r="H1991" s="549"/>
      <c r="I1991" s="549"/>
      <c r="J1991" s="549"/>
      <c r="K1991" s="549"/>
      <c r="L1991" s="551"/>
    </row>
    <row r="1992" spans="1:12" ht="16.149999999999999" customHeight="1">
      <c r="A1992" s="735" t="s">
        <v>830</v>
      </c>
      <c r="B1992" s="736"/>
      <c r="C1992" s="490" t="s">
        <v>281</v>
      </c>
      <c r="D1992" s="489">
        <v>1</v>
      </c>
      <c r="E1992" s="488"/>
      <c r="F1992" s="487"/>
      <c r="G1992" s="486" t="s">
        <v>651</v>
      </c>
      <c r="H1992" s="549"/>
      <c r="I1992" s="549"/>
      <c r="J1992" s="549"/>
      <c r="K1992" s="549"/>
      <c r="L1992" s="551"/>
    </row>
    <row r="1993" spans="1:12" ht="16.149999999999999" customHeight="1">
      <c r="A1993" s="737"/>
      <c r="B1993" s="738"/>
      <c r="C1993" s="485"/>
      <c r="D1993" s="484"/>
      <c r="E1993" s="483"/>
      <c r="F1993" s="482"/>
      <c r="G1993" s="481" t="s">
        <v>651</v>
      </c>
      <c r="H1993" s="476"/>
      <c r="I1993" s="476"/>
      <c r="J1993" s="476"/>
      <c r="K1993" s="476"/>
      <c r="L1993" s="475"/>
    </row>
    <row r="1996" spans="1:12" ht="16.149999999999999" customHeight="1">
      <c r="A1996" s="507" t="s">
        <v>651</v>
      </c>
      <c r="B1996" s="479" t="s">
        <v>783</v>
      </c>
      <c r="C1996" s="480"/>
      <c r="D1996" s="479"/>
      <c r="E1996" s="479"/>
      <c r="F1996" s="479"/>
      <c r="G1996" s="479"/>
      <c r="H1996" s="479" t="s">
        <v>617</v>
      </c>
      <c r="I1996" s="480" t="s">
        <v>829</v>
      </c>
      <c r="J1996" s="479" t="s">
        <v>689</v>
      </c>
      <c r="K1996" s="479" t="s">
        <v>688</v>
      </c>
      <c r="L1996" s="506"/>
    </row>
    <row r="1997" spans="1:12" ht="16.149999999999999" customHeight="1">
      <c r="A1997" s="505" t="s">
        <v>651</v>
      </c>
      <c r="B1997" s="549" t="s">
        <v>1666</v>
      </c>
      <c r="C1997" s="550"/>
      <c r="D1997" s="549"/>
      <c r="E1997" s="549"/>
      <c r="F1997" s="549"/>
      <c r="G1997" s="478"/>
      <c r="H1997" s="549"/>
      <c r="I1997" s="504"/>
      <c r="J1997" s="503" t="s">
        <v>687</v>
      </c>
      <c r="K1997" s="502" t="s">
        <v>242</v>
      </c>
      <c r="L1997" s="501" t="s">
        <v>618</v>
      </c>
    </row>
    <row r="1998" spans="1:12" ht="16.149999999999999" customHeight="1">
      <c r="A1998" s="477" t="s">
        <v>651</v>
      </c>
      <c r="B1998" s="549"/>
      <c r="C1998" s="550"/>
      <c r="D1998" s="549"/>
      <c r="E1998" s="549"/>
      <c r="F1998" s="549"/>
      <c r="G1998" s="478"/>
      <c r="H1998" s="478"/>
      <c r="I1998" s="478"/>
      <c r="J1998" s="478"/>
      <c r="K1998" s="478"/>
      <c r="L1998" s="501"/>
    </row>
    <row r="1999" spans="1:12" ht="16.149999999999999" customHeight="1">
      <c r="A1999" s="498" t="s">
        <v>686</v>
      </c>
      <c r="B1999" s="500"/>
      <c r="C1999" s="499" t="s">
        <v>309</v>
      </c>
      <c r="D1999" s="499" t="s">
        <v>685</v>
      </c>
      <c r="E1999" s="499" t="s">
        <v>684</v>
      </c>
      <c r="F1999" s="499" t="s">
        <v>683</v>
      </c>
      <c r="G1999" s="498" t="s">
        <v>682</v>
      </c>
      <c r="H1999" s="497"/>
      <c r="I1999" s="497"/>
      <c r="J1999" s="497"/>
      <c r="K1999" s="497"/>
      <c r="L1999" s="496"/>
    </row>
    <row r="2000" spans="1:12" ht="16.149999999999999" customHeight="1">
      <c r="A2000" s="733" t="s">
        <v>651</v>
      </c>
      <c r="B2000" s="734"/>
      <c r="C2000" s="495"/>
      <c r="D2000" s="494"/>
      <c r="E2000" s="493"/>
      <c r="F2000" s="492"/>
      <c r="G2000" s="486" t="s">
        <v>651</v>
      </c>
      <c r="H2000" s="549"/>
      <c r="I2000" s="549"/>
      <c r="J2000" s="549"/>
      <c r="K2000" s="549"/>
      <c r="L2000" s="551"/>
    </row>
    <row r="2001" spans="1:12" ht="16.149999999999999" customHeight="1">
      <c r="A2001" s="735"/>
      <c r="B2001" s="736"/>
      <c r="C2001" s="490"/>
      <c r="D2001" s="489"/>
      <c r="E2001" s="491"/>
      <c r="F2001" s="487" t="s">
        <v>651</v>
      </c>
      <c r="G2001" s="486" t="s">
        <v>651</v>
      </c>
      <c r="H2001" s="549"/>
      <c r="I2001" s="549"/>
      <c r="J2001" s="549"/>
      <c r="K2001" s="549"/>
      <c r="L2001" s="551"/>
    </row>
    <row r="2002" spans="1:12" ht="16.149999999999999" customHeight="1">
      <c r="A2002" s="735" t="s">
        <v>691</v>
      </c>
      <c r="B2002" s="736"/>
      <c r="C2002" s="490" t="s">
        <v>242</v>
      </c>
      <c r="D2002" s="489">
        <v>1</v>
      </c>
      <c r="E2002" s="488"/>
      <c r="F2002" s="487"/>
      <c r="G2002" s="486" t="s">
        <v>651</v>
      </c>
      <c r="H2002" s="549"/>
      <c r="I2002" s="549"/>
      <c r="J2002" s="549"/>
      <c r="K2002" s="549"/>
      <c r="L2002" s="551"/>
    </row>
    <row r="2003" spans="1:12" ht="16.149999999999999" customHeight="1">
      <c r="A2003" s="737"/>
      <c r="B2003" s="738"/>
      <c r="C2003" s="485"/>
      <c r="D2003" s="484"/>
      <c r="E2003" s="483"/>
      <c r="F2003" s="482"/>
      <c r="G2003" s="481" t="s">
        <v>651</v>
      </c>
      <c r="H2003" s="476"/>
      <c r="I2003" s="476"/>
      <c r="J2003" s="476"/>
      <c r="K2003" s="476"/>
      <c r="L2003" s="475"/>
    </row>
    <row r="2004" spans="1:12" ht="16.149999999999999" customHeight="1">
      <c r="A2004" s="733" t="s">
        <v>651</v>
      </c>
      <c r="B2004" s="734"/>
      <c r="C2004" s="495"/>
      <c r="D2004" s="494"/>
      <c r="E2004" s="493"/>
      <c r="F2004" s="492"/>
      <c r="G2004" s="486" t="s">
        <v>651</v>
      </c>
      <c r="H2004" s="549"/>
      <c r="I2004" s="549"/>
      <c r="J2004" s="549"/>
      <c r="K2004" s="549"/>
      <c r="L2004" s="551"/>
    </row>
    <row r="2005" spans="1:12" ht="16.149999999999999" customHeight="1">
      <c r="A2005" s="735"/>
      <c r="B2005" s="736"/>
      <c r="C2005" s="490"/>
      <c r="D2005" s="489"/>
      <c r="E2005" s="491"/>
      <c r="F2005" s="487" t="s">
        <v>651</v>
      </c>
      <c r="G2005" s="486" t="s">
        <v>651</v>
      </c>
      <c r="H2005" s="549"/>
      <c r="I2005" s="549"/>
      <c r="J2005" s="549"/>
      <c r="K2005" s="549"/>
      <c r="L2005" s="551"/>
    </row>
    <row r="2006" spans="1:12" ht="16.149999999999999" customHeight="1">
      <c r="A2006" s="735" t="s">
        <v>681</v>
      </c>
      <c r="B2006" s="736"/>
      <c r="C2006" s="490" t="s">
        <v>242</v>
      </c>
      <c r="D2006" s="489">
        <v>1</v>
      </c>
      <c r="E2006" s="488" t="s">
        <v>618</v>
      </c>
      <c r="F2006" s="487"/>
      <c r="G2006" s="486" t="s">
        <v>651</v>
      </c>
      <c r="H2006" s="549"/>
      <c r="I2006" s="549"/>
      <c r="J2006" s="549"/>
      <c r="K2006" s="549"/>
      <c r="L2006" s="551"/>
    </row>
    <row r="2007" spans="1:12" ht="16.149999999999999" customHeight="1">
      <c r="A2007" s="737"/>
      <c r="B2007" s="738"/>
      <c r="C2007" s="485"/>
      <c r="D2007" s="484"/>
      <c r="E2007" s="483"/>
      <c r="F2007" s="482"/>
      <c r="G2007" s="481" t="s">
        <v>651</v>
      </c>
      <c r="H2007" s="476"/>
      <c r="I2007" s="476"/>
      <c r="J2007" s="476"/>
      <c r="K2007" s="476"/>
      <c r="L2007" s="475"/>
    </row>
    <row r="2009" spans="1:12" ht="16.149999999999999" customHeight="1">
      <c r="A2009" s="507" t="s">
        <v>651</v>
      </c>
      <c r="B2009" s="479" t="s">
        <v>751</v>
      </c>
      <c r="C2009" s="480"/>
      <c r="D2009" s="479"/>
      <c r="E2009" s="479"/>
      <c r="F2009" s="479"/>
      <c r="G2009" s="479"/>
      <c r="H2009" s="479" t="s">
        <v>617</v>
      </c>
      <c r="I2009" s="480" t="s">
        <v>828</v>
      </c>
      <c r="J2009" s="479" t="s">
        <v>689</v>
      </c>
      <c r="K2009" s="479" t="s">
        <v>688</v>
      </c>
      <c r="L2009" s="506"/>
    </row>
    <row r="2010" spans="1:12" ht="16.149999999999999" customHeight="1">
      <c r="A2010" s="505" t="s">
        <v>651</v>
      </c>
      <c r="B2010" s="549" t="s">
        <v>779</v>
      </c>
      <c r="C2010" s="550"/>
      <c r="D2010" s="549"/>
      <c r="E2010" s="549"/>
      <c r="F2010" s="549"/>
      <c r="G2010" s="478"/>
      <c r="H2010" s="549"/>
      <c r="I2010" s="504"/>
      <c r="J2010" s="503" t="s">
        <v>687</v>
      </c>
      <c r="K2010" s="502" t="s">
        <v>697</v>
      </c>
      <c r="L2010" s="501" t="s">
        <v>618</v>
      </c>
    </row>
    <row r="2011" spans="1:12" ht="16.149999999999999" customHeight="1">
      <c r="A2011" s="477" t="s">
        <v>651</v>
      </c>
      <c r="B2011" s="549"/>
      <c r="C2011" s="550"/>
      <c r="D2011" s="549"/>
      <c r="E2011" s="549"/>
      <c r="F2011" s="549"/>
      <c r="G2011" s="478"/>
      <c r="H2011" s="478"/>
      <c r="I2011" s="478"/>
      <c r="J2011" s="478"/>
      <c r="K2011" s="478"/>
      <c r="L2011" s="501"/>
    </row>
    <row r="2012" spans="1:12" ht="16.149999999999999" customHeight="1">
      <c r="A2012" s="498" t="s">
        <v>686</v>
      </c>
      <c r="B2012" s="500"/>
      <c r="C2012" s="499" t="s">
        <v>309</v>
      </c>
      <c r="D2012" s="499" t="s">
        <v>685</v>
      </c>
      <c r="E2012" s="499" t="s">
        <v>684</v>
      </c>
      <c r="F2012" s="499" t="s">
        <v>683</v>
      </c>
      <c r="G2012" s="498" t="s">
        <v>682</v>
      </c>
      <c r="H2012" s="497"/>
      <c r="I2012" s="497"/>
      <c r="J2012" s="497"/>
      <c r="K2012" s="497"/>
      <c r="L2012" s="496"/>
    </row>
    <row r="2013" spans="1:12" ht="16.149999999999999" customHeight="1">
      <c r="A2013" s="733" t="s">
        <v>721</v>
      </c>
      <c r="B2013" s="734"/>
      <c r="C2013" s="495"/>
      <c r="D2013" s="494"/>
      <c r="E2013" s="493"/>
      <c r="F2013" s="492"/>
      <c r="G2013" s="486" t="s">
        <v>651</v>
      </c>
      <c r="H2013" s="549"/>
      <c r="I2013" s="549"/>
      <c r="J2013" s="549"/>
      <c r="K2013" s="549"/>
      <c r="L2013" s="551"/>
    </row>
    <row r="2014" spans="1:12" ht="16.149999999999999" customHeight="1">
      <c r="A2014" s="735"/>
      <c r="B2014" s="736"/>
      <c r="C2014" s="490"/>
      <c r="D2014" s="489"/>
      <c r="E2014" s="491"/>
      <c r="F2014" s="487" t="s">
        <v>651</v>
      </c>
      <c r="G2014" s="486" t="s">
        <v>651</v>
      </c>
      <c r="H2014" s="549"/>
      <c r="I2014" s="549"/>
      <c r="J2014" s="549"/>
      <c r="K2014" s="549"/>
      <c r="L2014" s="551"/>
    </row>
    <row r="2015" spans="1:12" ht="16.149999999999999" customHeight="1">
      <c r="A2015" s="735" t="s">
        <v>651</v>
      </c>
      <c r="B2015" s="736"/>
      <c r="C2015" s="490" t="s">
        <v>248</v>
      </c>
      <c r="D2015" s="489"/>
      <c r="E2015" s="488"/>
      <c r="F2015" s="487"/>
      <c r="G2015" s="486" t="s">
        <v>651</v>
      </c>
      <c r="H2015" s="549"/>
      <c r="I2015" s="549"/>
      <c r="J2015" s="549"/>
      <c r="K2015" s="549"/>
      <c r="L2015" s="551"/>
    </row>
    <row r="2016" spans="1:12" ht="16.149999999999999" customHeight="1">
      <c r="A2016" s="737"/>
      <c r="B2016" s="738"/>
      <c r="C2016" s="485"/>
      <c r="D2016" s="484"/>
      <c r="E2016" s="483"/>
      <c r="F2016" s="482"/>
      <c r="G2016" s="481" t="s">
        <v>651</v>
      </c>
      <c r="H2016" s="476"/>
      <c r="I2016" s="476"/>
      <c r="J2016" s="476"/>
      <c r="K2016" s="476"/>
      <c r="L2016" s="475"/>
    </row>
    <row r="2017" spans="1:12" ht="16.149999999999999" customHeight="1">
      <c r="A2017" s="733" t="s">
        <v>250</v>
      </c>
      <c r="B2017" s="734"/>
      <c r="C2017" s="495"/>
      <c r="D2017" s="494"/>
      <c r="E2017" s="493"/>
      <c r="F2017" s="492"/>
      <c r="G2017" s="486" t="s">
        <v>651</v>
      </c>
      <c r="H2017" s="549"/>
      <c r="I2017" s="549"/>
      <c r="J2017" s="549"/>
      <c r="K2017" s="549"/>
      <c r="L2017" s="551"/>
    </row>
    <row r="2018" spans="1:12" ht="16.149999999999999" customHeight="1">
      <c r="A2018" s="735"/>
      <c r="B2018" s="736"/>
      <c r="C2018" s="490"/>
      <c r="D2018" s="489"/>
      <c r="E2018" s="491"/>
      <c r="F2018" s="487" t="s">
        <v>651</v>
      </c>
      <c r="G2018" s="486" t="s">
        <v>651</v>
      </c>
      <c r="H2018" s="549"/>
      <c r="I2018" s="549"/>
      <c r="J2018" s="549"/>
      <c r="K2018" s="549"/>
      <c r="L2018" s="551"/>
    </row>
    <row r="2019" spans="1:12" ht="16.149999999999999" customHeight="1">
      <c r="A2019" s="735" t="s">
        <v>651</v>
      </c>
      <c r="B2019" s="736"/>
      <c r="C2019" s="490" t="s">
        <v>248</v>
      </c>
      <c r="D2019" s="489"/>
      <c r="E2019" s="488"/>
      <c r="F2019" s="487"/>
      <c r="G2019" s="486" t="s">
        <v>651</v>
      </c>
      <c r="H2019" s="549"/>
      <c r="I2019" s="549"/>
      <c r="J2019" s="549"/>
      <c r="K2019" s="549"/>
      <c r="L2019" s="551"/>
    </row>
    <row r="2020" spans="1:12" ht="16.149999999999999" customHeight="1">
      <c r="A2020" s="737"/>
      <c r="B2020" s="738"/>
      <c r="C2020" s="485"/>
      <c r="D2020" s="484"/>
      <c r="E2020" s="483"/>
      <c r="F2020" s="482"/>
      <c r="G2020" s="481" t="s">
        <v>651</v>
      </c>
      <c r="H2020" s="476"/>
      <c r="I2020" s="476"/>
      <c r="J2020" s="476"/>
      <c r="K2020" s="476"/>
      <c r="L2020" s="475"/>
    </row>
    <row r="2021" spans="1:12" ht="16.149999999999999" customHeight="1">
      <c r="A2021" s="733" t="s">
        <v>774</v>
      </c>
      <c r="B2021" s="734"/>
      <c r="C2021" s="495"/>
      <c r="D2021" s="494"/>
      <c r="E2021" s="493"/>
      <c r="F2021" s="492"/>
      <c r="G2021" s="486" t="s">
        <v>819</v>
      </c>
      <c r="H2021" s="549"/>
      <c r="I2021" s="549"/>
      <c r="J2021" s="549"/>
      <c r="K2021" s="549"/>
      <c r="L2021" s="551"/>
    </row>
    <row r="2022" spans="1:12" ht="16.149999999999999" customHeight="1">
      <c r="A2022" s="735"/>
      <c r="B2022" s="736"/>
      <c r="C2022" s="490"/>
      <c r="D2022" s="489"/>
      <c r="E2022" s="491"/>
      <c r="F2022" s="487" t="s">
        <v>651</v>
      </c>
      <c r="G2022" s="486" t="s">
        <v>651</v>
      </c>
      <c r="H2022" s="549"/>
      <c r="I2022" s="549"/>
      <c r="J2022" s="549"/>
      <c r="K2022" s="549"/>
      <c r="L2022" s="551"/>
    </row>
    <row r="2023" spans="1:12" ht="16.149999999999999" customHeight="1">
      <c r="A2023" s="735" t="s">
        <v>816</v>
      </c>
      <c r="B2023" s="736"/>
      <c r="C2023" s="490" t="s">
        <v>621</v>
      </c>
      <c r="D2023" s="489"/>
      <c r="E2023" s="488"/>
      <c r="F2023" s="487"/>
      <c r="G2023" s="486" t="s">
        <v>651</v>
      </c>
      <c r="H2023" s="549"/>
      <c r="I2023" s="549"/>
      <c r="J2023" s="549"/>
      <c r="K2023" s="549"/>
      <c r="L2023" s="551"/>
    </row>
    <row r="2024" spans="1:12" ht="16.149999999999999" customHeight="1">
      <c r="A2024" s="737"/>
      <c r="B2024" s="738"/>
      <c r="C2024" s="485"/>
      <c r="D2024" s="484"/>
      <c r="E2024" s="483"/>
      <c r="F2024" s="482"/>
      <c r="G2024" s="481" t="s">
        <v>651</v>
      </c>
      <c r="H2024" s="476"/>
      <c r="I2024" s="476"/>
      <c r="J2024" s="476"/>
      <c r="K2024" s="476"/>
      <c r="L2024" s="475"/>
    </row>
    <row r="2025" spans="1:12" ht="16.149999999999999" customHeight="1">
      <c r="A2025" s="733" t="s">
        <v>700</v>
      </c>
      <c r="B2025" s="734"/>
      <c r="C2025" s="495"/>
      <c r="D2025" s="494"/>
      <c r="E2025" s="493"/>
      <c r="F2025" s="492"/>
      <c r="G2025" s="486" t="s">
        <v>651</v>
      </c>
      <c r="H2025" s="549"/>
      <c r="I2025" s="549"/>
      <c r="J2025" s="549"/>
      <c r="K2025" s="549"/>
      <c r="L2025" s="551"/>
    </row>
    <row r="2026" spans="1:12" ht="16.149999999999999" customHeight="1">
      <c r="A2026" s="735"/>
      <c r="B2026" s="736"/>
      <c r="C2026" s="490"/>
      <c r="D2026" s="489"/>
      <c r="E2026" s="491"/>
      <c r="F2026" s="487" t="s">
        <v>651</v>
      </c>
      <c r="G2026" s="486" t="s">
        <v>651</v>
      </c>
      <c r="H2026" s="549"/>
      <c r="I2026" s="549"/>
      <c r="J2026" s="549"/>
      <c r="K2026" s="549"/>
      <c r="L2026" s="551"/>
    </row>
    <row r="2027" spans="1:12" ht="16.149999999999999" customHeight="1">
      <c r="A2027" s="735" t="s">
        <v>651</v>
      </c>
      <c r="B2027" s="736"/>
      <c r="C2027" s="490" t="s">
        <v>242</v>
      </c>
      <c r="D2027" s="489">
        <v>1</v>
      </c>
      <c r="E2027" s="488"/>
      <c r="F2027" s="487"/>
      <c r="G2027" s="486" t="s">
        <v>651</v>
      </c>
      <c r="H2027" s="549"/>
      <c r="I2027" s="549"/>
      <c r="J2027" s="549"/>
      <c r="K2027" s="549"/>
      <c r="L2027" s="551"/>
    </row>
    <row r="2028" spans="1:12" ht="16.149999999999999" customHeight="1">
      <c r="A2028" s="737"/>
      <c r="B2028" s="738"/>
      <c r="C2028" s="485"/>
      <c r="D2028" s="484"/>
      <c r="E2028" s="483"/>
      <c r="F2028" s="482"/>
      <c r="G2028" s="481" t="s">
        <v>651</v>
      </c>
      <c r="H2028" s="476"/>
      <c r="I2028" s="476"/>
      <c r="J2028" s="476"/>
      <c r="K2028" s="476"/>
      <c r="L2028" s="475"/>
    </row>
    <row r="2031" spans="1:12" ht="16.149999999999999" customHeight="1">
      <c r="A2031" s="507" t="s">
        <v>651</v>
      </c>
      <c r="B2031" s="479" t="s">
        <v>751</v>
      </c>
      <c r="C2031" s="480"/>
      <c r="D2031" s="479"/>
      <c r="E2031" s="479"/>
      <c r="F2031" s="479"/>
      <c r="G2031" s="479"/>
      <c r="H2031" s="479" t="s">
        <v>617</v>
      </c>
      <c r="I2031" s="480" t="s">
        <v>828</v>
      </c>
      <c r="J2031" s="479" t="s">
        <v>689</v>
      </c>
      <c r="K2031" s="479" t="s">
        <v>688</v>
      </c>
      <c r="L2031" s="506"/>
    </row>
    <row r="2032" spans="1:12" ht="16.149999999999999" customHeight="1">
      <c r="A2032" s="505" t="s">
        <v>651</v>
      </c>
      <c r="B2032" s="549" t="s">
        <v>779</v>
      </c>
      <c r="C2032" s="550"/>
      <c r="D2032" s="549"/>
      <c r="E2032" s="549"/>
      <c r="F2032" s="549"/>
      <c r="G2032" s="478"/>
      <c r="H2032" s="549"/>
      <c r="I2032" s="504"/>
      <c r="J2032" s="503" t="s">
        <v>687</v>
      </c>
      <c r="K2032" s="502" t="s">
        <v>697</v>
      </c>
      <c r="L2032" s="501" t="s">
        <v>618</v>
      </c>
    </row>
    <row r="2033" spans="1:12" ht="16.149999999999999" customHeight="1">
      <c r="A2033" s="477" t="s">
        <v>651</v>
      </c>
      <c r="B2033" s="549"/>
      <c r="C2033" s="550"/>
      <c r="D2033" s="549"/>
      <c r="E2033" s="549"/>
      <c r="F2033" s="549"/>
      <c r="G2033" s="478"/>
      <c r="H2033" s="478"/>
      <c r="I2033" s="478"/>
      <c r="J2033" s="478"/>
      <c r="K2033" s="478"/>
      <c r="L2033" s="501"/>
    </row>
    <row r="2034" spans="1:12" ht="16.149999999999999" customHeight="1">
      <c r="A2034" s="498" t="s">
        <v>686</v>
      </c>
      <c r="B2034" s="500"/>
      <c r="C2034" s="499" t="s">
        <v>309</v>
      </c>
      <c r="D2034" s="499" t="s">
        <v>685</v>
      </c>
      <c r="E2034" s="499" t="s">
        <v>684</v>
      </c>
      <c r="F2034" s="499" t="s">
        <v>683</v>
      </c>
      <c r="G2034" s="498" t="s">
        <v>682</v>
      </c>
      <c r="H2034" s="497"/>
      <c r="I2034" s="497"/>
      <c r="J2034" s="497"/>
      <c r="K2034" s="497"/>
      <c r="L2034" s="496"/>
    </row>
    <row r="2035" spans="1:12" ht="16.149999999999999" customHeight="1">
      <c r="A2035" s="733" t="s">
        <v>651</v>
      </c>
      <c r="B2035" s="734"/>
      <c r="C2035" s="495"/>
      <c r="D2035" s="494"/>
      <c r="E2035" s="493"/>
      <c r="F2035" s="492"/>
      <c r="G2035" s="486" t="s">
        <v>651</v>
      </c>
      <c r="H2035" s="549"/>
      <c r="I2035" s="549"/>
      <c r="J2035" s="549"/>
      <c r="K2035" s="549"/>
      <c r="L2035" s="551"/>
    </row>
    <row r="2036" spans="1:12" ht="16.149999999999999" customHeight="1">
      <c r="A2036" s="735"/>
      <c r="B2036" s="736"/>
      <c r="C2036" s="490"/>
      <c r="D2036" s="489"/>
      <c r="E2036" s="491"/>
      <c r="F2036" s="487" t="s">
        <v>651</v>
      </c>
      <c r="G2036" s="486" t="s">
        <v>651</v>
      </c>
      <c r="H2036" s="549"/>
      <c r="I2036" s="549"/>
      <c r="J2036" s="549"/>
      <c r="K2036" s="549"/>
      <c r="L2036" s="551"/>
    </row>
    <row r="2037" spans="1:12" ht="16.149999999999999" customHeight="1">
      <c r="A2037" s="735" t="s">
        <v>691</v>
      </c>
      <c r="B2037" s="736"/>
      <c r="C2037" s="490" t="s">
        <v>697</v>
      </c>
      <c r="D2037" s="489">
        <v>1</v>
      </c>
      <c r="E2037" s="488"/>
      <c r="F2037" s="487"/>
      <c r="G2037" s="486" t="s">
        <v>651</v>
      </c>
      <c r="H2037" s="549"/>
      <c r="I2037" s="549"/>
      <c r="J2037" s="549"/>
      <c r="K2037" s="549"/>
      <c r="L2037" s="551"/>
    </row>
    <row r="2038" spans="1:12" ht="16.149999999999999" customHeight="1">
      <c r="A2038" s="737"/>
      <c r="B2038" s="738"/>
      <c r="C2038" s="485"/>
      <c r="D2038" s="484"/>
      <c r="E2038" s="483"/>
      <c r="F2038" s="482"/>
      <c r="G2038" s="481" t="s">
        <v>651</v>
      </c>
      <c r="H2038" s="476"/>
      <c r="I2038" s="476"/>
      <c r="J2038" s="476"/>
      <c r="K2038" s="476"/>
      <c r="L2038" s="475"/>
    </row>
    <row r="2039" spans="1:12" ht="16.149999999999999" customHeight="1">
      <c r="A2039" s="733" t="s">
        <v>651</v>
      </c>
      <c r="B2039" s="734"/>
      <c r="C2039" s="495"/>
      <c r="D2039" s="494"/>
      <c r="E2039" s="493"/>
      <c r="F2039" s="492"/>
      <c r="G2039" s="486" t="s">
        <v>651</v>
      </c>
      <c r="H2039" s="549"/>
      <c r="I2039" s="549"/>
      <c r="J2039" s="549"/>
      <c r="K2039" s="549"/>
      <c r="L2039" s="551"/>
    </row>
    <row r="2040" spans="1:12" ht="16.149999999999999" customHeight="1">
      <c r="A2040" s="735"/>
      <c r="B2040" s="736"/>
      <c r="C2040" s="490"/>
      <c r="D2040" s="489"/>
      <c r="E2040" s="491"/>
      <c r="F2040" s="487" t="s">
        <v>651</v>
      </c>
      <c r="G2040" s="486" t="s">
        <v>651</v>
      </c>
      <c r="H2040" s="549"/>
      <c r="I2040" s="549"/>
      <c r="J2040" s="549"/>
      <c r="K2040" s="549"/>
      <c r="L2040" s="551"/>
    </row>
    <row r="2041" spans="1:12" ht="16.149999999999999" customHeight="1">
      <c r="A2041" s="735" t="s">
        <v>681</v>
      </c>
      <c r="B2041" s="736"/>
      <c r="C2041" s="490" t="s">
        <v>697</v>
      </c>
      <c r="D2041" s="489">
        <v>1</v>
      </c>
      <c r="E2041" s="488" t="s">
        <v>618</v>
      </c>
      <c r="F2041" s="487"/>
      <c r="G2041" s="486" t="s">
        <v>651</v>
      </c>
      <c r="H2041" s="549"/>
      <c r="I2041" s="549"/>
      <c r="J2041" s="549"/>
      <c r="K2041" s="549"/>
      <c r="L2041" s="551"/>
    </row>
    <row r="2042" spans="1:12" ht="16.149999999999999" customHeight="1">
      <c r="A2042" s="737"/>
      <c r="B2042" s="738"/>
      <c r="C2042" s="485"/>
      <c r="D2042" s="484"/>
      <c r="E2042" s="483"/>
      <c r="F2042" s="482"/>
      <c r="G2042" s="481" t="s">
        <v>651</v>
      </c>
      <c r="H2042" s="476"/>
      <c r="I2042" s="476"/>
      <c r="J2042" s="476"/>
      <c r="K2042" s="476"/>
      <c r="L2042" s="475"/>
    </row>
    <row r="2044" spans="1:12" ht="16.149999999999999" customHeight="1">
      <c r="A2044" s="507" t="s">
        <v>651</v>
      </c>
      <c r="B2044" s="479" t="s">
        <v>774</v>
      </c>
      <c r="C2044" s="480"/>
      <c r="D2044" s="479"/>
      <c r="E2044" s="479"/>
      <c r="F2044" s="479"/>
      <c r="G2044" s="479"/>
      <c r="H2044" s="479" t="s">
        <v>617</v>
      </c>
      <c r="I2044" s="480" t="s">
        <v>825</v>
      </c>
      <c r="J2044" s="479" t="s">
        <v>689</v>
      </c>
      <c r="K2044" s="479" t="s">
        <v>688</v>
      </c>
      <c r="L2044" s="506"/>
    </row>
    <row r="2045" spans="1:12" ht="16.149999999999999" customHeight="1">
      <c r="A2045" s="505" t="s">
        <v>651</v>
      </c>
      <c r="B2045" s="549" t="s">
        <v>816</v>
      </c>
      <c r="C2045" s="550"/>
      <c r="D2045" s="549"/>
      <c r="E2045" s="549"/>
      <c r="F2045" s="549"/>
      <c r="G2045" s="478"/>
      <c r="H2045" s="549"/>
      <c r="I2045" s="504"/>
      <c r="J2045" s="503" t="s">
        <v>687</v>
      </c>
      <c r="K2045" s="502" t="s">
        <v>621</v>
      </c>
      <c r="L2045" s="501" t="s">
        <v>618</v>
      </c>
    </row>
    <row r="2046" spans="1:12" ht="16.149999999999999" customHeight="1">
      <c r="A2046" s="477" t="s">
        <v>651</v>
      </c>
      <c r="B2046" s="549"/>
      <c r="C2046" s="550"/>
      <c r="D2046" s="549"/>
      <c r="E2046" s="549"/>
      <c r="F2046" s="549"/>
      <c r="G2046" s="478"/>
      <c r="H2046" s="478"/>
      <c r="I2046" s="478"/>
      <c r="J2046" s="478"/>
      <c r="K2046" s="478"/>
      <c r="L2046" s="501"/>
    </row>
    <row r="2047" spans="1:12" ht="16.149999999999999" customHeight="1">
      <c r="A2047" s="498" t="s">
        <v>686</v>
      </c>
      <c r="B2047" s="500"/>
      <c r="C2047" s="499" t="s">
        <v>309</v>
      </c>
      <c r="D2047" s="499" t="s">
        <v>685</v>
      </c>
      <c r="E2047" s="499" t="s">
        <v>684</v>
      </c>
      <c r="F2047" s="499" t="s">
        <v>683</v>
      </c>
      <c r="G2047" s="498" t="s">
        <v>682</v>
      </c>
      <c r="H2047" s="497"/>
      <c r="I2047" s="497"/>
      <c r="J2047" s="497"/>
      <c r="K2047" s="497"/>
      <c r="L2047" s="496"/>
    </row>
    <row r="2048" spans="1:12" ht="16.149999999999999" customHeight="1">
      <c r="A2048" s="733" t="s">
        <v>774</v>
      </c>
      <c r="B2048" s="734"/>
      <c r="C2048" s="495"/>
      <c r="D2048" s="494"/>
      <c r="E2048" s="493"/>
      <c r="F2048" s="492"/>
      <c r="G2048" s="486" t="s">
        <v>651</v>
      </c>
      <c r="H2048" s="549"/>
      <c r="I2048" s="549"/>
      <c r="J2048" s="549"/>
      <c r="K2048" s="549"/>
      <c r="L2048" s="551"/>
    </row>
    <row r="2049" spans="1:12" ht="16.149999999999999" customHeight="1">
      <c r="A2049" s="735"/>
      <c r="B2049" s="736"/>
      <c r="C2049" s="490"/>
      <c r="D2049" s="489"/>
      <c r="E2049" s="491"/>
      <c r="F2049" s="487" t="s">
        <v>651</v>
      </c>
      <c r="G2049" s="486" t="s">
        <v>651</v>
      </c>
      <c r="H2049" s="549"/>
      <c r="I2049" s="549"/>
      <c r="J2049" s="549"/>
      <c r="K2049" s="549"/>
      <c r="L2049" s="551"/>
    </row>
    <row r="2050" spans="1:12" ht="16.149999999999999" customHeight="1">
      <c r="A2050" s="735" t="s">
        <v>827</v>
      </c>
      <c r="B2050" s="736"/>
      <c r="C2050" s="490" t="s">
        <v>621</v>
      </c>
      <c r="D2050" s="489"/>
      <c r="E2050" s="488"/>
      <c r="F2050" s="487"/>
      <c r="G2050" s="486" t="s">
        <v>651</v>
      </c>
      <c r="H2050" s="549"/>
      <c r="I2050" s="549"/>
      <c r="J2050" s="549"/>
      <c r="K2050" s="549"/>
      <c r="L2050" s="551"/>
    </row>
    <row r="2051" spans="1:12" ht="16.149999999999999" customHeight="1">
      <c r="A2051" s="737"/>
      <c r="B2051" s="738"/>
      <c r="C2051" s="485"/>
      <c r="D2051" s="484"/>
      <c r="E2051" s="483"/>
      <c r="F2051" s="482"/>
      <c r="G2051" s="481" t="s">
        <v>651</v>
      </c>
      <c r="H2051" s="476"/>
      <c r="I2051" s="476"/>
      <c r="J2051" s="476"/>
      <c r="K2051" s="476"/>
      <c r="L2051" s="475"/>
    </row>
    <row r="2052" spans="1:12" ht="16.149999999999999" customHeight="1">
      <c r="A2052" s="733" t="s">
        <v>777</v>
      </c>
      <c r="B2052" s="734"/>
      <c r="C2052" s="495"/>
      <c r="D2052" s="494"/>
      <c r="E2052" s="493"/>
      <c r="F2052" s="492"/>
      <c r="G2052" s="486" t="s">
        <v>651</v>
      </c>
      <c r="H2052" s="549"/>
      <c r="I2052" s="549"/>
      <c r="J2052" s="549"/>
      <c r="K2052" s="549"/>
      <c r="L2052" s="551"/>
    </row>
    <row r="2053" spans="1:12" ht="16.149999999999999" customHeight="1">
      <c r="A2053" s="735"/>
      <c r="B2053" s="736"/>
      <c r="C2053" s="490"/>
      <c r="D2053" s="489"/>
      <c r="E2053" s="491"/>
      <c r="F2053" s="487" t="s">
        <v>651</v>
      </c>
      <c r="G2053" s="486" t="s">
        <v>651</v>
      </c>
      <c r="H2053" s="549"/>
      <c r="I2053" s="549"/>
      <c r="J2053" s="549"/>
      <c r="K2053" s="549"/>
      <c r="L2053" s="551"/>
    </row>
    <row r="2054" spans="1:12" ht="16.149999999999999" customHeight="1">
      <c r="A2054" s="735" t="s">
        <v>826</v>
      </c>
      <c r="B2054" s="736"/>
      <c r="C2054" s="490" t="s">
        <v>621</v>
      </c>
      <c r="D2054" s="489"/>
      <c r="E2054" s="488"/>
      <c r="F2054" s="487"/>
      <c r="G2054" s="486" t="s">
        <v>651</v>
      </c>
      <c r="H2054" s="549"/>
      <c r="I2054" s="549"/>
      <c r="J2054" s="549"/>
      <c r="K2054" s="549"/>
      <c r="L2054" s="551"/>
    </row>
    <row r="2055" spans="1:12" ht="16.149999999999999" customHeight="1">
      <c r="A2055" s="737"/>
      <c r="B2055" s="738"/>
      <c r="C2055" s="485"/>
      <c r="D2055" s="484"/>
      <c r="E2055" s="483"/>
      <c r="F2055" s="482"/>
      <c r="G2055" s="481" t="s">
        <v>651</v>
      </c>
      <c r="H2055" s="476"/>
      <c r="I2055" s="476"/>
      <c r="J2055" s="476"/>
      <c r="K2055" s="476"/>
      <c r="L2055" s="475"/>
    </row>
    <row r="2056" spans="1:12" ht="16.149999999999999" customHeight="1">
      <c r="A2056" s="733" t="s">
        <v>651</v>
      </c>
      <c r="B2056" s="734"/>
      <c r="C2056" s="495"/>
      <c r="D2056" s="494"/>
      <c r="E2056" s="493"/>
      <c r="F2056" s="492"/>
      <c r="G2056" s="486" t="s">
        <v>651</v>
      </c>
      <c r="H2056" s="549"/>
      <c r="I2056" s="549"/>
      <c r="J2056" s="549"/>
      <c r="K2056" s="549"/>
      <c r="L2056" s="551"/>
    </row>
    <row r="2057" spans="1:12" ht="16.149999999999999" customHeight="1">
      <c r="A2057" s="735"/>
      <c r="B2057" s="736"/>
      <c r="C2057" s="490"/>
      <c r="D2057" s="489"/>
      <c r="E2057" s="491"/>
      <c r="F2057" s="487" t="s">
        <v>651</v>
      </c>
      <c r="G2057" s="486" t="s">
        <v>651</v>
      </c>
      <c r="H2057" s="549"/>
      <c r="I2057" s="549"/>
      <c r="J2057" s="549"/>
      <c r="K2057" s="549"/>
      <c r="L2057" s="551"/>
    </row>
    <row r="2058" spans="1:12" ht="16.149999999999999" customHeight="1">
      <c r="A2058" s="735" t="s">
        <v>691</v>
      </c>
      <c r="B2058" s="736"/>
      <c r="C2058" s="490" t="s">
        <v>621</v>
      </c>
      <c r="D2058" s="489">
        <v>1</v>
      </c>
      <c r="E2058" s="488"/>
      <c r="F2058" s="487"/>
      <c r="G2058" s="486" t="s">
        <v>651</v>
      </c>
      <c r="H2058" s="549"/>
      <c r="I2058" s="549"/>
      <c r="J2058" s="549"/>
      <c r="K2058" s="549"/>
      <c r="L2058" s="551"/>
    </row>
    <row r="2059" spans="1:12" ht="16.149999999999999" customHeight="1">
      <c r="A2059" s="737"/>
      <c r="B2059" s="738"/>
      <c r="C2059" s="485"/>
      <c r="D2059" s="484"/>
      <c r="E2059" s="483"/>
      <c r="F2059" s="482"/>
      <c r="G2059" s="481" t="s">
        <v>651</v>
      </c>
      <c r="H2059" s="476"/>
      <c r="I2059" s="476"/>
      <c r="J2059" s="476"/>
      <c r="K2059" s="476"/>
      <c r="L2059" s="475"/>
    </row>
    <row r="2060" spans="1:12" ht="16.149999999999999" customHeight="1">
      <c r="A2060" s="733" t="s">
        <v>651</v>
      </c>
      <c r="B2060" s="734"/>
      <c r="C2060" s="495"/>
      <c r="D2060" s="494"/>
      <c r="E2060" s="493"/>
      <c r="F2060" s="492"/>
      <c r="G2060" s="486" t="s">
        <v>651</v>
      </c>
      <c r="H2060" s="549"/>
      <c r="I2060" s="549"/>
      <c r="J2060" s="549"/>
      <c r="K2060" s="549"/>
      <c r="L2060" s="551"/>
    </row>
    <row r="2061" spans="1:12" ht="16.149999999999999" customHeight="1">
      <c r="A2061" s="735"/>
      <c r="B2061" s="736"/>
      <c r="C2061" s="490"/>
      <c r="D2061" s="489"/>
      <c r="E2061" s="491"/>
      <c r="F2061" s="487" t="s">
        <v>651</v>
      </c>
      <c r="G2061" s="486" t="s">
        <v>651</v>
      </c>
      <c r="H2061" s="549"/>
      <c r="I2061" s="549"/>
      <c r="J2061" s="549"/>
      <c r="K2061" s="549"/>
      <c r="L2061" s="551"/>
    </row>
    <row r="2062" spans="1:12" ht="16.149999999999999" customHeight="1">
      <c r="A2062" s="735" t="s">
        <v>681</v>
      </c>
      <c r="B2062" s="736"/>
      <c r="C2062" s="490" t="s">
        <v>621</v>
      </c>
      <c r="D2062" s="489">
        <v>1</v>
      </c>
      <c r="E2062" s="488" t="s">
        <v>618</v>
      </c>
      <c r="F2062" s="487"/>
      <c r="G2062" s="486" t="s">
        <v>651</v>
      </c>
      <c r="H2062" s="549"/>
      <c r="I2062" s="549"/>
      <c r="J2062" s="549"/>
      <c r="K2062" s="549"/>
      <c r="L2062" s="551"/>
    </row>
    <row r="2063" spans="1:12" ht="16.149999999999999" customHeight="1">
      <c r="A2063" s="737"/>
      <c r="B2063" s="738"/>
      <c r="C2063" s="485"/>
      <c r="D2063" s="484"/>
      <c r="E2063" s="483"/>
      <c r="F2063" s="482"/>
      <c r="G2063" s="481" t="s">
        <v>651</v>
      </c>
      <c r="H2063" s="476"/>
      <c r="I2063" s="476"/>
      <c r="J2063" s="476"/>
      <c r="K2063" s="476"/>
      <c r="L2063" s="475"/>
    </row>
    <row r="2066" spans="1:12" ht="16.149999999999999" customHeight="1">
      <c r="A2066" s="507" t="s">
        <v>651</v>
      </c>
      <c r="B2066" s="479" t="s">
        <v>793</v>
      </c>
      <c r="C2066" s="480"/>
      <c r="D2066" s="479"/>
      <c r="E2066" s="479"/>
      <c r="F2066" s="479"/>
      <c r="G2066" s="479"/>
      <c r="H2066" s="479" t="s">
        <v>617</v>
      </c>
      <c r="I2066" s="480" t="s">
        <v>822</v>
      </c>
      <c r="J2066" s="479" t="s">
        <v>689</v>
      </c>
      <c r="K2066" s="479" t="s">
        <v>688</v>
      </c>
      <c r="L2066" s="506"/>
    </row>
    <row r="2067" spans="1:12" ht="16.149999999999999" customHeight="1">
      <c r="A2067" s="505" t="s">
        <v>651</v>
      </c>
      <c r="B2067" s="549" t="s">
        <v>1204</v>
      </c>
      <c r="C2067" s="550"/>
      <c r="D2067" s="549"/>
      <c r="E2067" s="549"/>
      <c r="F2067" s="549"/>
      <c r="G2067" s="478"/>
      <c r="H2067" s="549"/>
      <c r="I2067" s="504"/>
      <c r="J2067" s="503" t="s">
        <v>687</v>
      </c>
      <c r="K2067" s="502" t="s">
        <v>697</v>
      </c>
      <c r="L2067" s="501" t="s">
        <v>618</v>
      </c>
    </row>
    <row r="2068" spans="1:12" ht="16.149999999999999" customHeight="1">
      <c r="A2068" s="477" t="s">
        <v>651</v>
      </c>
      <c r="B2068" s="549"/>
      <c r="C2068" s="550"/>
      <c r="D2068" s="549"/>
      <c r="E2068" s="549"/>
      <c r="F2068" s="549"/>
      <c r="G2068" s="478"/>
      <c r="H2068" s="478"/>
      <c r="I2068" s="478"/>
      <c r="J2068" s="478"/>
      <c r="K2068" s="478"/>
      <c r="L2068" s="501"/>
    </row>
    <row r="2069" spans="1:12" ht="16.149999999999999" customHeight="1">
      <c r="A2069" s="498" t="s">
        <v>686</v>
      </c>
      <c r="B2069" s="500"/>
      <c r="C2069" s="499" t="s">
        <v>309</v>
      </c>
      <c r="D2069" s="499" t="s">
        <v>685</v>
      </c>
      <c r="E2069" s="499" t="s">
        <v>684</v>
      </c>
      <c r="F2069" s="499" t="s">
        <v>683</v>
      </c>
      <c r="G2069" s="498" t="s">
        <v>682</v>
      </c>
      <c r="H2069" s="497"/>
      <c r="I2069" s="497"/>
      <c r="J2069" s="497"/>
      <c r="K2069" s="497"/>
      <c r="L2069" s="496"/>
    </row>
    <row r="2070" spans="1:12" ht="16.149999999999999" customHeight="1">
      <c r="A2070" s="733" t="s">
        <v>721</v>
      </c>
      <c r="B2070" s="734"/>
      <c r="C2070" s="495"/>
      <c r="D2070" s="494"/>
      <c r="E2070" s="493"/>
      <c r="F2070" s="492"/>
      <c r="G2070" s="486" t="s">
        <v>651</v>
      </c>
      <c r="H2070" s="549"/>
      <c r="I2070" s="549"/>
      <c r="J2070" s="549"/>
      <c r="K2070" s="549"/>
      <c r="L2070" s="551"/>
    </row>
    <row r="2071" spans="1:12" ht="16.149999999999999" customHeight="1">
      <c r="A2071" s="735"/>
      <c r="B2071" s="736"/>
      <c r="C2071" s="490"/>
      <c r="D2071" s="489"/>
      <c r="E2071" s="491"/>
      <c r="F2071" s="487" t="s">
        <v>651</v>
      </c>
      <c r="G2071" s="486" t="s">
        <v>651</v>
      </c>
      <c r="H2071" s="549"/>
      <c r="I2071" s="549"/>
      <c r="J2071" s="549"/>
      <c r="K2071" s="549"/>
      <c r="L2071" s="551"/>
    </row>
    <row r="2072" spans="1:12" ht="16.149999999999999" customHeight="1">
      <c r="A2072" s="735" t="s">
        <v>651</v>
      </c>
      <c r="B2072" s="736"/>
      <c r="C2072" s="490" t="s">
        <v>248</v>
      </c>
      <c r="D2072" s="489"/>
      <c r="E2072" s="488"/>
      <c r="F2072" s="487"/>
      <c r="G2072" s="486" t="s">
        <v>651</v>
      </c>
      <c r="H2072" s="549"/>
      <c r="I2072" s="549"/>
      <c r="J2072" s="549"/>
      <c r="K2072" s="549"/>
      <c r="L2072" s="551"/>
    </row>
    <row r="2073" spans="1:12" ht="16.149999999999999" customHeight="1">
      <c r="A2073" s="737"/>
      <c r="B2073" s="738"/>
      <c r="C2073" s="485"/>
      <c r="D2073" s="484"/>
      <c r="E2073" s="483"/>
      <c r="F2073" s="482"/>
      <c r="G2073" s="481" t="s">
        <v>651</v>
      </c>
      <c r="H2073" s="476"/>
      <c r="I2073" s="476"/>
      <c r="J2073" s="476"/>
      <c r="K2073" s="476"/>
      <c r="L2073" s="475"/>
    </row>
    <row r="2074" spans="1:12" ht="16.149999999999999" customHeight="1">
      <c r="A2074" s="733" t="s">
        <v>250</v>
      </c>
      <c r="B2074" s="734"/>
      <c r="C2074" s="495"/>
      <c r="D2074" s="494"/>
      <c r="E2074" s="493"/>
      <c r="F2074" s="492"/>
      <c r="G2074" s="486" t="s">
        <v>651</v>
      </c>
      <c r="H2074" s="549"/>
      <c r="I2074" s="549"/>
      <c r="J2074" s="549"/>
      <c r="K2074" s="549"/>
      <c r="L2074" s="551"/>
    </row>
    <row r="2075" spans="1:12" ht="16.149999999999999" customHeight="1">
      <c r="A2075" s="735"/>
      <c r="B2075" s="736"/>
      <c r="C2075" s="490"/>
      <c r="D2075" s="489"/>
      <c r="E2075" s="491"/>
      <c r="F2075" s="487" t="s">
        <v>651</v>
      </c>
      <c r="G2075" s="486" t="s">
        <v>651</v>
      </c>
      <c r="H2075" s="549"/>
      <c r="I2075" s="549"/>
      <c r="J2075" s="549"/>
      <c r="K2075" s="549"/>
      <c r="L2075" s="551"/>
    </row>
    <row r="2076" spans="1:12" ht="16.149999999999999" customHeight="1">
      <c r="A2076" s="735" t="s">
        <v>651</v>
      </c>
      <c r="B2076" s="736"/>
      <c r="C2076" s="490" t="s">
        <v>248</v>
      </c>
      <c r="D2076" s="489"/>
      <c r="E2076" s="488"/>
      <c r="F2076" s="487"/>
      <c r="G2076" s="486" t="s">
        <v>651</v>
      </c>
      <c r="H2076" s="549"/>
      <c r="I2076" s="549"/>
      <c r="J2076" s="549"/>
      <c r="K2076" s="549"/>
      <c r="L2076" s="551"/>
    </row>
    <row r="2077" spans="1:12" ht="16.149999999999999" customHeight="1">
      <c r="A2077" s="737"/>
      <c r="B2077" s="738"/>
      <c r="C2077" s="485"/>
      <c r="D2077" s="484"/>
      <c r="E2077" s="483"/>
      <c r="F2077" s="482"/>
      <c r="G2077" s="481" t="s">
        <v>651</v>
      </c>
      <c r="H2077" s="476"/>
      <c r="I2077" s="476"/>
      <c r="J2077" s="476"/>
      <c r="K2077" s="476"/>
      <c r="L2077" s="475"/>
    </row>
    <row r="2078" spans="1:12" ht="16.149999999999999" customHeight="1">
      <c r="A2078" s="733" t="s">
        <v>788</v>
      </c>
      <c r="B2078" s="734"/>
      <c r="C2078" s="495"/>
      <c r="D2078" s="494"/>
      <c r="E2078" s="493"/>
      <c r="F2078" s="492"/>
      <c r="G2078" s="486" t="s">
        <v>824</v>
      </c>
      <c r="H2078" s="549"/>
      <c r="I2078" s="549"/>
      <c r="J2078" s="549"/>
      <c r="K2078" s="549"/>
      <c r="L2078" s="551"/>
    </row>
    <row r="2079" spans="1:12" ht="16.149999999999999" customHeight="1">
      <c r="A2079" s="735"/>
      <c r="B2079" s="736"/>
      <c r="C2079" s="490"/>
      <c r="D2079" s="489"/>
      <c r="E2079" s="491"/>
      <c r="F2079" s="487" t="s">
        <v>651</v>
      </c>
      <c r="G2079" s="486" t="s">
        <v>651</v>
      </c>
      <c r="H2079" s="549"/>
      <c r="I2079" s="549"/>
      <c r="J2079" s="549"/>
      <c r="K2079" s="549"/>
      <c r="L2079" s="551"/>
    </row>
    <row r="2080" spans="1:12" ht="16.149999999999999" customHeight="1">
      <c r="A2080" s="735" t="s">
        <v>816</v>
      </c>
      <c r="B2080" s="736"/>
      <c r="C2080" s="490" t="s">
        <v>621</v>
      </c>
      <c r="D2080" s="489"/>
      <c r="E2080" s="488"/>
      <c r="F2080" s="487"/>
      <c r="G2080" s="486" t="s">
        <v>651</v>
      </c>
      <c r="H2080" s="549"/>
      <c r="I2080" s="549"/>
      <c r="J2080" s="549"/>
      <c r="K2080" s="549"/>
      <c r="L2080" s="551"/>
    </row>
    <row r="2081" spans="1:12" ht="16.149999999999999" customHeight="1">
      <c r="A2081" s="737"/>
      <c r="B2081" s="738"/>
      <c r="C2081" s="485"/>
      <c r="D2081" s="484"/>
      <c r="E2081" s="483"/>
      <c r="F2081" s="482"/>
      <c r="G2081" s="481" t="s">
        <v>651</v>
      </c>
      <c r="H2081" s="476"/>
      <c r="I2081" s="476"/>
      <c r="J2081" s="476"/>
      <c r="K2081" s="476"/>
      <c r="L2081" s="475"/>
    </row>
    <row r="2082" spans="1:12" ht="16.149999999999999" customHeight="1">
      <c r="A2082" s="733" t="s">
        <v>783</v>
      </c>
      <c r="B2082" s="734"/>
      <c r="C2082" s="495"/>
      <c r="D2082" s="494"/>
      <c r="E2082" s="493"/>
      <c r="F2082" s="492"/>
      <c r="G2082" s="486" t="s">
        <v>823</v>
      </c>
      <c r="H2082" s="549"/>
      <c r="I2082" s="549"/>
      <c r="J2082" s="549"/>
      <c r="K2082" s="549"/>
      <c r="L2082" s="551"/>
    </row>
    <row r="2083" spans="1:12" ht="16.149999999999999" customHeight="1">
      <c r="A2083" s="735"/>
      <c r="B2083" s="736"/>
      <c r="C2083" s="490"/>
      <c r="D2083" s="489"/>
      <c r="E2083" s="491"/>
      <c r="F2083" s="487" t="s">
        <v>651</v>
      </c>
      <c r="G2083" s="486" t="s">
        <v>651</v>
      </c>
      <c r="H2083" s="549"/>
      <c r="I2083" s="549"/>
      <c r="J2083" s="549"/>
      <c r="K2083" s="549"/>
      <c r="L2083" s="551"/>
    </row>
    <row r="2084" spans="1:12" ht="16.149999999999999" customHeight="1">
      <c r="A2084" s="735" t="s">
        <v>1666</v>
      </c>
      <c r="B2084" s="736"/>
      <c r="C2084" s="490" t="s">
        <v>242</v>
      </c>
      <c r="D2084" s="489">
        <v>1</v>
      </c>
      <c r="E2084" s="488"/>
      <c r="F2084" s="487"/>
      <c r="G2084" s="486" t="s">
        <v>651</v>
      </c>
      <c r="H2084" s="549"/>
      <c r="I2084" s="549"/>
      <c r="J2084" s="549"/>
      <c r="K2084" s="549"/>
      <c r="L2084" s="551"/>
    </row>
    <row r="2085" spans="1:12" ht="16.149999999999999" customHeight="1">
      <c r="A2085" s="737"/>
      <c r="B2085" s="738"/>
      <c r="C2085" s="485"/>
      <c r="D2085" s="484"/>
      <c r="E2085" s="483"/>
      <c r="F2085" s="482"/>
      <c r="G2085" s="481" t="s">
        <v>651</v>
      </c>
      <c r="H2085" s="476"/>
      <c r="I2085" s="476"/>
      <c r="J2085" s="476"/>
      <c r="K2085" s="476"/>
      <c r="L2085" s="475"/>
    </row>
    <row r="2086" spans="1:12" ht="16.149999999999999" customHeight="1">
      <c r="A2086" s="733" t="s">
        <v>700</v>
      </c>
      <c r="B2086" s="734"/>
      <c r="C2086" s="495"/>
      <c r="D2086" s="494"/>
      <c r="E2086" s="493"/>
      <c r="F2086" s="492"/>
      <c r="G2086" s="486" t="s">
        <v>651</v>
      </c>
      <c r="H2086" s="549"/>
      <c r="I2086" s="549"/>
      <c r="J2086" s="549"/>
      <c r="K2086" s="549"/>
      <c r="L2086" s="551"/>
    </row>
    <row r="2087" spans="1:12" ht="16.149999999999999" customHeight="1">
      <c r="A2087" s="735"/>
      <c r="B2087" s="736"/>
      <c r="C2087" s="490"/>
      <c r="D2087" s="489"/>
      <c r="E2087" s="491"/>
      <c r="F2087" s="487" t="s">
        <v>651</v>
      </c>
      <c r="G2087" s="486" t="s">
        <v>651</v>
      </c>
      <c r="H2087" s="549"/>
      <c r="I2087" s="549"/>
      <c r="J2087" s="549"/>
      <c r="K2087" s="549"/>
      <c r="L2087" s="551"/>
    </row>
    <row r="2088" spans="1:12" ht="16.149999999999999" customHeight="1">
      <c r="A2088" s="735" t="s">
        <v>651</v>
      </c>
      <c r="B2088" s="736"/>
      <c r="C2088" s="490" t="s">
        <v>242</v>
      </c>
      <c r="D2088" s="489">
        <v>1</v>
      </c>
      <c r="E2088" s="488"/>
      <c r="F2088" s="487"/>
      <c r="G2088" s="486" t="s">
        <v>651</v>
      </c>
      <c r="H2088" s="549"/>
      <c r="I2088" s="549"/>
      <c r="J2088" s="549"/>
      <c r="K2088" s="549"/>
      <c r="L2088" s="551"/>
    </row>
    <row r="2089" spans="1:12" ht="16.149999999999999" customHeight="1">
      <c r="A2089" s="737"/>
      <c r="B2089" s="738"/>
      <c r="C2089" s="485"/>
      <c r="D2089" s="484"/>
      <c r="E2089" s="483"/>
      <c r="F2089" s="482"/>
      <c r="G2089" s="481" t="s">
        <v>651</v>
      </c>
      <c r="H2089" s="476"/>
      <c r="I2089" s="476"/>
      <c r="J2089" s="476"/>
      <c r="K2089" s="476"/>
      <c r="L2089" s="475"/>
    </row>
    <row r="2090" spans="1:12" ht="16.149999999999999" customHeight="1">
      <c r="A2090" s="733" t="s">
        <v>651</v>
      </c>
      <c r="B2090" s="734"/>
      <c r="C2090" s="495"/>
      <c r="D2090" s="494"/>
      <c r="E2090" s="493"/>
      <c r="F2090" s="492"/>
      <c r="G2090" s="486" t="s">
        <v>651</v>
      </c>
      <c r="H2090" s="549"/>
      <c r="I2090" s="549"/>
      <c r="J2090" s="549"/>
      <c r="K2090" s="549"/>
      <c r="L2090" s="551"/>
    </row>
    <row r="2091" spans="1:12" ht="16.149999999999999" customHeight="1">
      <c r="A2091" s="735"/>
      <c r="B2091" s="736"/>
      <c r="C2091" s="490"/>
      <c r="D2091" s="489"/>
      <c r="E2091" s="491"/>
      <c r="F2091" s="487" t="s">
        <v>651</v>
      </c>
      <c r="G2091" s="486" t="s">
        <v>651</v>
      </c>
      <c r="H2091" s="549"/>
      <c r="I2091" s="549"/>
      <c r="J2091" s="549"/>
      <c r="K2091" s="549"/>
      <c r="L2091" s="551"/>
    </row>
    <row r="2092" spans="1:12" ht="16.149999999999999" customHeight="1">
      <c r="A2092" s="735" t="s">
        <v>691</v>
      </c>
      <c r="B2092" s="736"/>
      <c r="C2092" s="490" t="s">
        <v>697</v>
      </c>
      <c r="D2092" s="489">
        <v>1</v>
      </c>
      <c r="E2092" s="488"/>
      <c r="F2092" s="487"/>
      <c r="G2092" s="486" t="s">
        <v>651</v>
      </c>
      <c r="H2092" s="549"/>
      <c r="I2092" s="549"/>
      <c r="J2092" s="549"/>
      <c r="K2092" s="549"/>
      <c r="L2092" s="551"/>
    </row>
    <row r="2093" spans="1:12" ht="16.149999999999999" customHeight="1">
      <c r="A2093" s="737"/>
      <c r="B2093" s="738"/>
      <c r="C2093" s="485"/>
      <c r="D2093" s="484"/>
      <c r="E2093" s="483"/>
      <c r="F2093" s="482"/>
      <c r="G2093" s="481" t="s">
        <v>651</v>
      </c>
      <c r="H2093" s="476"/>
      <c r="I2093" s="476"/>
      <c r="J2093" s="476"/>
      <c r="K2093" s="476"/>
      <c r="L2093" s="475"/>
    </row>
    <row r="2094" spans="1:12" ht="16.149999999999999" customHeight="1">
      <c r="A2094" s="733" t="s">
        <v>651</v>
      </c>
      <c r="B2094" s="734"/>
      <c r="C2094" s="495"/>
      <c r="D2094" s="494"/>
      <c r="E2094" s="493"/>
      <c r="F2094" s="492"/>
      <c r="G2094" s="486" t="s">
        <v>651</v>
      </c>
      <c r="H2094" s="549"/>
      <c r="I2094" s="549"/>
      <c r="J2094" s="549"/>
      <c r="K2094" s="549"/>
      <c r="L2094" s="551"/>
    </row>
    <row r="2095" spans="1:12" ht="16.149999999999999" customHeight="1">
      <c r="A2095" s="735"/>
      <c r="B2095" s="736"/>
      <c r="C2095" s="490"/>
      <c r="D2095" s="489"/>
      <c r="E2095" s="491"/>
      <c r="F2095" s="487" t="s">
        <v>651</v>
      </c>
      <c r="G2095" s="486" t="s">
        <v>651</v>
      </c>
      <c r="H2095" s="549"/>
      <c r="I2095" s="549"/>
      <c r="J2095" s="549"/>
      <c r="K2095" s="549"/>
      <c r="L2095" s="551"/>
    </row>
    <row r="2096" spans="1:12" ht="16.149999999999999" customHeight="1">
      <c r="A2096" s="735" t="s">
        <v>681</v>
      </c>
      <c r="B2096" s="736"/>
      <c r="C2096" s="490" t="s">
        <v>697</v>
      </c>
      <c r="D2096" s="489">
        <v>1</v>
      </c>
      <c r="E2096" s="488" t="s">
        <v>618</v>
      </c>
      <c r="F2096" s="487"/>
      <c r="G2096" s="486" t="s">
        <v>651</v>
      </c>
      <c r="H2096" s="549"/>
      <c r="I2096" s="549"/>
      <c r="J2096" s="549"/>
      <c r="K2096" s="549"/>
      <c r="L2096" s="551"/>
    </row>
    <row r="2097" spans="1:12" ht="16.149999999999999" customHeight="1">
      <c r="A2097" s="737"/>
      <c r="B2097" s="738"/>
      <c r="C2097" s="485"/>
      <c r="D2097" s="484"/>
      <c r="E2097" s="483"/>
      <c r="F2097" s="482"/>
      <c r="G2097" s="481" t="s">
        <v>651</v>
      </c>
      <c r="H2097" s="476"/>
      <c r="I2097" s="476"/>
      <c r="J2097" s="476"/>
      <c r="K2097" s="476"/>
      <c r="L2097" s="475"/>
    </row>
    <row r="2101" spans="1:12" ht="16.149999999999999" customHeight="1">
      <c r="A2101" s="507" t="s">
        <v>651</v>
      </c>
      <c r="B2101" s="479" t="s">
        <v>821</v>
      </c>
      <c r="C2101" s="480"/>
      <c r="D2101" s="479"/>
      <c r="E2101" s="479"/>
      <c r="F2101" s="479"/>
      <c r="G2101" s="479"/>
      <c r="H2101" s="479" t="s">
        <v>617</v>
      </c>
      <c r="I2101" s="480" t="s">
        <v>820</v>
      </c>
      <c r="J2101" s="479" t="s">
        <v>689</v>
      </c>
      <c r="K2101" s="479" t="s">
        <v>688</v>
      </c>
      <c r="L2101" s="506"/>
    </row>
    <row r="2102" spans="1:12" ht="16.149999999999999" customHeight="1">
      <c r="A2102" s="505" t="s">
        <v>651</v>
      </c>
      <c r="B2102" s="549" t="s">
        <v>816</v>
      </c>
      <c r="C2102" s="550"/>
      <c r="D2102" s="549"/>
      <c r="E2102" s="549"/>
      <c r="F2102" s="549"/>
      <c r="G2102" s="478"/>
      <c r="H2102" s="549"/>
      <c r="I2102" s="504"/>
      <c r="J2102" s="503" t="s">
        <v>687</v>
      </c>
      <c r="K2102" s="502" t="s">
        <v>697</v>
      </c>
      <c r="L2102" s="501" t="s">
        <v>618</v>
      </c>
    </row>
    <row r="2103" spans="1:12" ht="16.149999999999999" customHeight="1">
      <c r="A2103" s="477" t="s">
        <v>651</v>
      </c>
      <c r="B2103" s="549"/>
      <c r="C2103" s="550"/>
      <c r="D2103" s="549"/>
      <c r="E2103" s="549"/>
      <c r="F2103" s="549"/>
      <c r="G2103" s="478"/>
      <c r="H2103" s="478"/>
      <c r="I2103" s="478"/>
      <c r="J2103" s="478"/>
      <c r="K2103" s="478"/>
      <c r="L2103" s="501"/>
    </row>
    <row r="2104" spans="1:12" ht="16.149999999999999" customHeight="1">
      <c r="A2104" s="498" t="s">
        <v>686</v>
      </c>
      <c r="B2104" s="500"/>
      <c r="C2104" s="499" t="s">
        <v>309</v>
      </c>
      <c r="D2104" s="499" t="s">
        <v>685</v>
      </c>
      <c r="E2104" s="499" t="s">
        <v>684</v>
      </c>
      <c r="F2104" s="499" t="s">
        <v>683</v>
      </c>
      <c r="G2104" s="498" t="s">
        <v>682</v>
      </c>
      <c r="H2104" s="497"/>
      <c r="I2104" s="497"/>
      <c r="J2104" s="497"/>
      <c r="K2104" s="497"/>
      <c r="L2104" s="496"/>
    </row>
    <row r="2105" spans="1:12" ht="16.149999999999999" customHeight="1">
      <c r="A2105" s="733" t="s">
        <v>701</v>
      </c>
      <c r="B2105" s="734"/>
      <c r="C2105" s="495"/>
      <c r="D2105" s="494"/>
      <c r="E2105" s="493"/>
      <c r="F2105" s="492"/>
      <c r="G2105" s="486" t="s">
        <v>651</v>
      </c>
      <c r="H2105" s="549"/>
      <c r="I2105" s="549"/>
      <c r="J2105" s="549"/>
      <c r="K2105" s="549"/>
      <c r="L2105" s="551"/>
    </row>
    <row r="2106" spans="1:12" ht="16.149999999999999" customHeight="1">
      <c r="A2106" s="735"/>
      <c r="B2106" s="736"/>
      <c r="C2106" s="490"/>
      <c r="D2106" s="489"/>
      <c r="E2106" s="491"/>
      <c r="F2106" s="487" t="s">
        <v>651</v>
      </c>
      <c r="G2106" s="486" t="s">
        <v>651</v>
      </c>
      <c r="H2106" s="549"/>
      <c r="I2106" s="549"/>
      <c r="J2106" s="549"/>
      <c r="K2106" s="549"/>
      <c r="L2106" s="551"/>
    </row>
    <row r="2107" spans="1:12" ht="16.149999999999999" customHeight="1">
      <c r="A2107" s="735" t="s">
        <v>651</v>
      </c>
      <c r="B2107" s="736"/>
      <c r="C2107" s="490" t="s">
        <v>248</v>
      </c>
      <c r="D2107" s="489"/>
      <c r="E2107" s="488"/>
      <c r="F2107" s="487"/>
      <c r="G2107" s="486" t="s">
        <v>651</v>
      </c>
      <c r="H2107" s="549"/>
      <c r="I2107" s="549"/>
      <c r="J2107" s="549"/>
      <c r="K2107" s="549"/>
      <c r="L2107" s="551"/>
    </row>
    <row r="2108" spans="1:12" ht="16.149999999999999" customHeight="1">
      <c r="A2108" s="737"/>
      <c r="B2108" s="738"/>
      <c r="C2108" s="485"/>
      <c r="D2108" s="484"/>
      <c r="E2108" s="483"/>
      <c r="F2108" s="482"/>
      <c r="G2108" s="481" t="s">
        <v>651</v>
      </c>
      <c r="H2108" s="476"/>
      <c r="I2108" s="476"/>
      <c r="J2108" s="476"/>
      <c r="K2108" s="476"/>
      <c r="L2108" s="475"/>
    </row>
    <row r="2109" spans="1:12" ht="16.149999999999999" customHeight="1">
      <c r="A2109" s="733" t="s">
        <v>250</v>
      </c>
      <c r="B2109" s="734"/>
      <c r="C2109" s="495"/>
      <c r="D2109" s="494"/>
      <c r="E2109" s="493"/>
      <c r="F2109" s="492"/>
      <c r="G2109" s="486" t="s">
        <v>651</v>
      </c>
      <c r="H2109" s="549"/>
      <c r="I2109" s="549"/>
      <c r="J2109" s="549"/>
      <c r="K2109" s="549"/>
      <c r="L2109" s="551"/>
    </row>
    <row r="2110" spans="1:12" ht="16.149999999999999" customHeight="1">
      <c r="A2110" s="735"/>
      <c r="B2110" s="736"/>
      <c r="C2110" s="490"/>
      <c r="D2110" s="489"/>
      <c r="E2110" s="491"/>
      <c r="F2110" s="487" t="s">
        <v>651</v>
      </c>
      <c r="G2110" s="486" t="s">
        <v>651</v>
      </c>
      <c r="H2110" s="549"/>
      <c r="I2110" s="549"/>
      <c r="J2110" s="549"/>
      <c r="K2110" s="549"/>
      <c r="L2110" s="551"/>
    </row>
    <row r="2111" spans="1:12" ht="16.149999999999999" customHeight="1">
      <c r="A2111" s="735" t="s">
        <v>651</v>
      </c>
      <c r="B2111" s="736"/>
      <c r="C2111" s="490" t="s">
        <v>248</v>
      </c>
      <c r="D2111" s="489"/>
      <c r="E2111" s="488"/>
      <c r="F2111" s="487"/>
      <c r="G2111" s="486" t="s">
        <v>651</v>
      </c>
      <c r="H2111" s="549"/>
      <c r="I2111" s="549"/>
      <c r="J2111" s="549"/>
      <c r="K2111" s="549"/>
      <c r="L2111" s="551"/>
    </row>
    <row r="2112" spans="1:12" ht="16.149999999999999" customHeight="1">
      <c r="A2112" s="737"/>
      <c r="B2112" s="738"/>
      <c r="C2112" s="485"/>
      <c r="D2112" s="484"/>
      <c r="E2112" s="483"/>
      <c r="F2112" s="482"/>
      <c r="G2112" s="481" t="s">
        <v>651</v>
      </c>
      <c r="H2112" s="476"/>
      <c r="I2112" s="476"/>
      <c r="J2112" s="476"/>
      <c r="K2112" s="476"/>
      <c r="L2112" s="475"/>
    </row>
    <row r="2113" spans="1:12" ht="16.149999999999999" customHeight="1">
      <c r="A2113" s="733" t="s">
        <v>700</v>
      </c>
      <c r="B2113" s="734"/>
      <c r="C2113" s="495"/>
      <c r="D2113" s="494"/>
      <c r="E2113" s="493"/>
      <c r="F2113" s="492"/>
      <c r="G2113" s="486" t="s">
        <v>651</v>
      </c>
      <c r="H2113" s="549"/>
      <c r="I2113" s="549"/>
      <c r="J2113" s="549"/>
      <c r="K2113" s="549"/>
      <c r="L2113" s="551"/>
    </row>
    <row r="2114" spans="1:12" ht="16.149999999999999" customHeight="1">
      <c r="A2114" s="735"/>
      <c r="B2114" s="736"/>
      <c r="C2114" s="490"/>
      <c r="D2114" s="489"/>
      <c r="E2114" s="491"/>
      <c r="F2114" s="487" t="s">
        <v>651</v>
      </c>
      <c r="G2114" s="486" t="s">
        <v>651</v>
      </c>
      <c r="H2114" s="549"/>
      <c r="I2114" s="549"/>
      <c r="J2114" s="549"/>
      <c r="K2114" s="549"/>
      <c r="L2114" s="551"/>
    </row>
    <row r="2115" spans="1:12" ht="16.149999999999999" customHeight="1">
      <c r="A2115" s="735" t="s">
        <v>651</v>
      </c>
      <c r="B2115" s="736"/>
      <c r="C2115" s="490" t="s">
        <v>242</v>
      </c>
      <c r="D2115" s="489">
        <v>1</v>
      </c>
      <c r="E2115" s="488"/>
      <c r="F2115" s="487"/>
      <c r="G2115" s="486" t="s">
        <v>651</v>
      </c>
      <c r="H2115" s="549"/>
      <c r="I2115" s="549"/>
      <c r="J2115" s="549"/>
      <c r="K2115" s="549"/>
      <c r="L2115" s="551"/>
    </row>
    <row r="2116" spans="1:12" ht="16.149999999999999" customHeight="1">
      <c r="A2116" s="737"/>
      <c r="B2116" s="738"/>
      <c r="C2116" s="485"/>
      <c r="D2116" s="484"/>
      <c r="E2116" s="483"/>
      <c r="F2116" s="482"/>
      <c r="G2116" s="481" t="s">
        <v>651</v>
      </c>
      <c r="H2116" s="476"/>
      <c r="I2116" s="476"/>
      <c r="J2116" s="476"/>
      <c r="K2116" s="476"/>
      <c r="L2116" s="475"/>
    </row>
    <row r="2117" spans="1:12" ht="16.149999999999999" customHeight="1">
      <c r="A2117" s="733" t="s">
        <v>651</v>
      </c>
      <c r="B2117" s="734"/>
      <c r="C2117" s="495"/>
      <c r="D2117" s="494"/>
      <c r="E2117" s="493"/>
      <c r="F2117" s="492"/>
      <c r="G2117" s="486" t="s">
        <v>651</v>
      </c>
      <c r="H2117" s="549"/>
      <c r="I2117" s="549"/>
      <c r="J2117" s="549"/>
      <c r="K2117" s="549"/>
      <c r="L2117" s="551"/>
    </row>
    <row r="2118" spans="1:12" ht="16.149999999999999" customHeight="1">
      <c r="A2118" s="735"/>
      <c r="B2118" s="736"/>
      <c r="C2118" s="490"/>
      <c r="D2118" s="489"/>
      <c r="E2118" s="491"/>
      <c r="F2118" s="487" t="s">
        <v>651</v>
      </c>
      <c r="G2118" s="486" t="s">
        <v>651</v>
      </c>
      <c r="H2118" s="549"/>
      <c r="I2118" s="549"/>
      <c r="J2118" s="549"/>
      <c r="K2118" s="549"/>
      <c r="L2118" s="551"/>
    </row>
    <row r="2119" spans="1:12" ht="16.149999999999999" customHeight="1">
      <c r="A2119" s="735" t="s">
        <v>691</v>
      </c>
      <c r="B2119" s="736"/>
      <c r="C2119" s="490" t="s">
        <v>697</v>
      </c>
      <c r="D2119" s="489">
        <v>1</v>
      </c>
      <c r="E2119" s="488"/>
      <c r="F2119" s="487"/>
      <c r="G2119" s="486" t="s">
        <v>651</v>
      </c>
      <c r="H2119" s="549"/>
      <c r="I2119" s="549"/>
      <c r="J2119" s="549"/>
      <c r="K2119" s="549"/>
      <c r="L2119" s="551"/>
    </row>
    <row r="2120" spans="1:12" ht="16.149999999999999" customHeight="1">
      <c r="A2120" s="737"/>
      <c r="B2120" s="738"/>
      <c r="C2120" s="485"/>
      <c r="D2120" s="484"/>
      <c r="E2120" s="483"/>
      <c r="F2120" s="482"/>
      <c r="G2120" s="481" t="s">
        <v>651</v>
      </c>
      <c r="H2120" s="476"/>
      <c r="I2120" s="476"/>
      <c r="J2120" s="476"/>
      <c r="K2120" s="476"/>
      <c r="L2120" s="475"/>
    </row>
    <row r="2121" spans="1:12" ht="16.149999999999999" customHeight="1">
      <c r="A2121" s="733" t="s">
        <v>651</v>
      </c>
      <c r="B2121" s="734"/>
      <c r="C2121" s="495"/>
      <c r="D2121" s="494"/>
      <c r="E2121" s="493"/>
      <c r="F2121" s="492"/>
      <c r="G2121" s="486" t="s">
        <v>651</v>
      </c>
      <c r="H2121" s="549"/>
      <c r="I2121" s="549"/>
      <c r="J2121" s="549"/>
      <c r="K2121" s="549"/>
      <c r="L2121" s="551"/>
    </row>
    <row r="2122" spans="1:12" ht="16.149999999999999" customHeight="1">
      <c r="A2122" s="735"/>
      <c r="B2122" s="736"/>
      <c r="C2122" s="490"/>
      <c r="D2122" s="489"/>
      <c r="E2122" s="491"/>
      <c r="F2122" s="487" t="s">
        <v>651</v>
      </c>
      <c r="G2122" s="486" t="s">
        <v>651</v>
      </c>
      <c r="H2122" s="549"/>
      <c r="I2122" s="549"/>
      <c r="J2122" s="549"/>
      <c r="K2122" s="549"/>
      <c r="L2122" s="551"/>
    </row>
    <row r="2123" spans="1:12" ht="16.149999999999999" customHeight="1">
      <c r="A2123" s="735" t="s">
        <v>681</v>
      </c>
      <c r="B2123" s="736"/>
      <c r="C2123" s="490" t="s">
        <v>697</v>
      </c>
      <c r="D2123" s="489">
        <v>1</v>
      </c>
      <c r="E2123" s="488" t="s">
        <v>618</v>
      </c>
      <c r="F2123" s="487"/>
      <c r="G2123" s="486" t="s">
        <v>651</v>
      </c>
      <c r="H2123" s="549"/>
      <c r="I2123" s="549"/>
      <c r="J2123" s="549"/>
      <c r="K2123" s="549"/>
      <c r="L2123" s="551"/>
    </row>
    <row r="2124" spans="1:12" ht="16.149999999999999" customHeight="1">
      <c r="A2124" s="737"/>
      <c r="B2124" s="738"/>
      <c r="C2124" s="485"/>
      <c r="D2124" s="484"/>
      <c r="E2124" s="483"/>
      <c r="F2124" s="482"/>
      <c r="G2124" s="481" t="s">
        <v>651</v>
      </c>
      <c r="H2124" s="476"/>
      <c r="I2124" s="476"/>
      <c r="J2124" s="476"/>
      <c r="K2124" s="476"/>
      <c r="L2124" s="475"/>
    </row>
    <row r="2126" spans="1:12" ht="16.149999999999999" customHeight="1">
      <c r="A2126" s="507" t="s">
        <v>651</v>
      </c>
      <c r="B2126" s="479" t="s">
        <v>751</v>
      </c>
      <c r="C2126" s="480"/>
      <c r="D2126" s="479"/>
      <c r="E2126" s="479"/>
      <c r="F2126" s="479"/>
      <c r="G2126" s="479"/>
      <c r="H2126" s="479" t="s">
        <v>617</v>
      </c>
      <c r="I2126" s="480" t="s">
        <v>818</v>
      </c>
      <c r="J2126" s="479" t="s">
        <v>689</v>
      </c>
      <c r="K2126" s="479" t="s">
        <v>688</v>
      </c>
      <c r="L2126" s="506"/>
    </row>
    <row r="2127" spans="1:12" ht="16.149999999999999" customHeight="1">
      <c r="A2127" s="505" t="s">
        <v>651</v>
      </c>
      <c r="B2127" s="549" t="s">
        <v>1201</v>
      </c>
      <c r="C2127" s="550"/>
      <c r="D2127" s="549"/>
      <c r="E2127" s="549"/>
      <c r="F2127" s="549"/>
      <c r="G2127" s="478"/>
      <c r="H2127" s="549"/>
      <c r="I2127" s="504"/>
      <c r="J2127" s="503" t="s">
        <v>687</v>
      </c>
      <c r="K2127" s="502" t="s">
        <v>697</v>
      </c>
      <c r="L2127" s="501" t="s">
        <v>618</v>
      </c>
    </row>
    <row r="2128" spans="1:12" ht="16.149999999999999" customHeight="1">
      <c r="A2128" s="477" t="s">
        <v>651</v>
      </c>
      <c r="B2128" s="549"/>
      <c r="C2128" s="550"/>
      <c r="D2128" s="549"/>
      <c r="E2128" s="549"/>
      <c r="F2128" s="549"/>
      <c r="G2128" s="478"/>
      <c r="H2128" s="478"/>
      <c r="I2128" s="478"/>
      <c r="J2128" s="478"/>
      <c r="K2128" s="478"/>
      <c r="L2128" s="501"/>
    </row>
    <row r="2129" spans="1:12" ht="16.149999999999999" customHeight="1">
      <c r="A2129" s="498" t="s">
        <v>686</v>
      </c>
      <c r="B2129" s="500"/>
      <c r="C2129" s="499" t="s">
        <v>309</v>
      </c>
      <c r="D2129" s="499" t="s">
        <v>685</v>
      </c>
      <c r="E2129" s="499" t="s">
        <v>684</v>
      </c>
      <c r="F2129" s="499" t="s">
        <v>683</v>
      </c>
      <c r="G2129" s="498" t="s">
        <v>682</v>
      </c>
      <c r="H2129" s="497"/>
      <c r="I2129" s="497"/>
      <c r="J2129" s="497"/>
      <c r="K2129" s="497"/>
      <c r="L2129" s="496"/>
    </row>
    <row r="2130" spans="1:12" ht="16.149999999999999" customHeight="1">
      <c r="A2130" s="733" t="s">
        <v>721</v>
      </c>
      <c r="B2130" s="734"/>
      <c r="C2130" s="495"/>
      <c r="D2130" s="494"/>
      <c r="E2130" s="493"/>
      <c r="F2130" s="492"/>
      <c r="G2130" s="486" t="s">
        <v>651</v>
      </c>
      <c r="H2130" s="549"/>
      <c r="I2130" s="549"/>
      <c r="J2130" s="549"/>
      <c r="K2130" s="549"/>
      <c r="L2130" s="551"/>
    </row>
    <row r="2131" spans="1:12" ht="16.149999999999999" customHeight="1">
      <c r="A2131" s="735"/>
      <c r="B2131" s="736"/>
      <c r="C2131" s="490"/>
      <c r="D2131" s="489"/>
      <c r="E2131" s="491"/>
      <c r="F2131" s="487" t="s">
        <v>651</v>
      </c>
      <c r="G2131" s="486" t="s">
        <v>651</v>
      </c>
      <c r="H2131" s="549"/>
      <c r="I2131" s="549"/>
      <c r="J2131" s="549"/>
      <c r="K2131" s="549"/>
      <c r="L2131" s="551"/>
    </row>
    <row r="2132" spans="1:12" ht="16.149999999999999" customHeight="1">
      <c r="A2132" s="735" t="s">
        <v>651</v>
      </c>
      <c r="B2132" s="736"/>
      <c r="C2132" s="490" t="s">
        <v>248</v>
      </c>
      <c r="D2132" s="489"/>
      <c r="E2132" s="488"/>
      <c r="F2132" s="487"/>
      <c r="G2132" s="486" t="s">
        <v>651</v>
      </c>
      <c r="H2132" s="549"/>
      <c r="I2132" s="549"/>
      <c r="J2132" s="549"/>
      <c r="K2132" s="549"/>
      <c r="L2132" s="551"/>
    </row>
    <row r="2133" spans="1:12" ht="16.149999999999999" customHeight="1">
      <c r="A2133" s="737"/>
      <c r="B2133" s="738"/>
      <c r="C2133" s="485"/>
      <c r="D2133" s="484"/>
      <c r="E2133" s="483"/>
      <c r="F2133" s="482"/>
      <c r="G2133" s="481" t="s">
        <v>651</v>
      </c>
      <c r="H2133" s="476"/>
      <c r="I2133" s="476"/>
      <c r="J2133" s="476"/>
      <c r="K2133" s="476"/>
      <c r="L2133" s="475"/>
    </row>
    <row r="2136" spans="1:12" ht="16.149999999999999" customHeight="1">
      <c r="A2136" s="507" t="s">
        <v>651</v>
      </c>
      <c r="B2136" s="479" t="s">
        <v>751</v>
      </c>
      <c r="C2136" s="480"/>
      <c r="D2136" s="479"/>
      <c r="E2136" s="479"/>
      <c r="F2136" s="479"/>
      <c r="G2136" s="479"/>
      <c r="H2136" s="479" t="s">
        <v>617</v>
      </c>
      <c r="I2136" s="480" t="s">
        <v>818</v>
      </c>
      <c r="J2136" s="479" t="s">
        <v>689</v>
      </c>
      <c r="K2136" s="479" t="s">
        <v>688</v>
      </c>
      <c r="L2136" s="506"/>
    </row>
    <row r="2137" spans="1:12" ht="16.149999999999999" customHeight="1">
      <c r="A2137" s="505" t="s">
        <v>651</v>
      </c>
      <c r="B2137" s="549" t="s">
        <v>1201</v>
      </c>
      <c r="C2137" s="550"/>
      <c r="D2137" s="549"/>
      <c r="E2137" s="549"/>
      <c r="F2137" s="549"/>
      <c r="G2137" s="478"/>
      <c r="H2137" s="549"/>
      <c r="I2137" s="504"/>
      <c r="J2137" s="503" t="s">
        <v>687</v>
      </c>
      <c r="K2137" s="502" t="s">
        <v>697</v>
      </c>
      <c r="L2137" s="501" t="s">
        <v>618</v>
      </c>
    </row>
    <row r="2138" spans="1:12" ht="16.149999999999999" customHeight="1">
      <c r="A2138" s="477" t="s">
        <v>651</v>
      </c>
      <c r="B2138" s="549"/>
      <c r="C2138" s="550"/>
      <c r="D2138" s="549"/>
      <c r="E2138" s="549"/>
      <c r="F2138" s="549"/>
      <c r="G2138" s="478"/>
      <c r="H2138" s="478"/>
      <c r="I2138" s="478"/>
      <c r="J2138" s="478"/>
      <c r="K2138" s="478"/>
      <c r="L2138" s="501"/>
    </row>
    <row r="2139" spans="1:12" ht="16.149999999999999" customHeight="1">
      <c r="A2139" s="498" t="s">
        <v>686</v>
      </c>
      <c r="B2139" s="500"/>
      <c r="C2139" s="499" t="s">
        <v>309</v>
      </c>
      <c r="D2139" s="499" t="s">
        <v>685</v>
      </c>
      <c r="E2139" s="499" t="s">
        <v>684</v>
      </c>
      <c r="F2139" s="499" t="s">
        <v>683</v>
      </c>
      <c r="G2139" s="498" t="s">
        <v>682</v>
      </c>
      <c r="H2139" s="497"/>
      <c r="I2139" s="497"/>
      <c r="J2139" s="497"/>
      <c r="K2139" s="497"/>
      <c r="L2139" s="496"/>
    </row>
    <row r="2140" spans="1:12" ht="16.149999999999999" customHeight="1">
      <c r="A2140" s="733" t="s">
        <v>250</v>
      </c>
      <c r="B2140" s="734"/>
      <c r="C2140" s="495"/>
      <c r="D2140" s="494"/>
      <c r="E2140" s="493"/>
      <c r="F2140" s="492"/>
      <c r="G2140" s="486" t="s">
        <v>651</v>
      </c>
      <c r="H2140" s="549"/>
      <c r="I2140" s="549"/>
      <c r="J2140" s="549"/>
      <c r="K2140" s="549"/>
      <c r="L2140" s="551"/>
    </row>
    <row r="2141" spans="1:12" ht="16.149999999999999" customHeight="1">
      <c r="A2141" s="735"/>
      <c r="B2141" s="736"/>
      <c r="C2141" s="490"/>
      <c r="D2141" s="489"/>
      <c r="E2141" s="491"/>
      <c r="F2141" s="487" t="s">
        <v>651</v>
      </c>
      <c r="G2141" s="486" t="s">
        <v>651</v>
      </c>
      <c r="H2141" s="549"/>
      <c r="I2141" s="549"/>
      <c r="J2141" s="549"/>
      <c r="K2141" s="549"/>
      <c r="L2141" s="551"/>
    </row>
    <row r="2142" spans="1:12" ht="16.149999999999999" customHeight="1">
      <c r="A2142" s="735" t="s">
        <v>651</v>
      </c>
      <c r="B2142" s="736"/>
      <c r="C2142" s="490" t="s">
        <v>248</v>
      </c>
      <c r="D2142" s="489"/>
      <c r="E2142" s="488"/>
      <c r="F2142" s="487"/>
      <c r="G2142" s="486" t="s">
        <v>651</v>
      </c>
      <c r="H2142" s="549"/>
      <c r="I2142" s="549"/>
      <c r="J2142" s="549"/>
      <c r="K2142" s="549"/>
      <c r="L2142" s="551"/>
    </row>
    <row r="2143" spans="1:12" ht="16.149999999999999" customHeight="1">
      <c r="A2143" s="737"/>
      <c r="B2143" s="738"/>
      <c r="C2143" s="485"/>
      <c r="D2143" s="484"/>
      <c r="E2143" s="483"/>
      <c r="F2143" s="482"/>
      <c r="G2143" s="481" t="s">
        <v>651</v>
      </c>
      <c r="H2143" s="476"/>
      <c r="I2143" s="476"/>
      <c r="J2143" s="476"/>
      <c r="K2143" s="476"/>
      <c r="L2143" s="475"/>
    </row>
    <row r="2144" spans="1:12" ht="16.149999999999999" customHeight="1">
      <c r="A2144" s="733" t="s">
        <v>774</v>
      </c>
      <c r="B2144" s="734"/>
      <c r="C2144" s="495"/>
      <c r="D2144" s="494"/>
      <c r="E2144" s="493"/>
      <c r="F2144" s="492"/>
      <c r="G2144" s="486" t="s">
        <v>819</v>
      </c>
      <c r="H2144" s="549"/>
      <c r="I2144" s="549"/>
      <c r="J2144" s="549"/>
      <c r="K2144" s="549"/>
      <c r="L2144" s="551"/>
    </row>
    <row r="2145" spans="1:12" ht="16.149999999999999" customHeight="1">
      <c r="A2145" s="735"/>
      <c r="B2145" s="736"/>
      <c r="C2145" s="490"/>
      <c r="D2145" s="489"/>
      <c r="E2145" s="491"/>
      <c r="F2145" s="487" t="s">
        <v>651</v>
      </c>
      <c r="G2145" s="486" t="s">
        <v>651</v>
      </c>
      <c r="H2145" s="549"/>
      <c r="I2145" s="549"/>
      <c r="J2145" s="549"/>
      <c r="K2145" s="549"/>
      <c r="L2145" s="551"/>
    </row>
    <row r="2146" spans="1:12" ht="16.149999999999999" customHeight="1">
      <c r="A2146" s="735" t="s">
        <v>816</v>
      </c>
      <c r="B2146" s="736"/>
      <c r="C2146" s="490" t="s">
        <v>621</v>
      </c>
      <c r="D2146" s="489"/>
      <c r="E2146" s="488"/>
      <c r="F2146" s="487"/>
      <c r="G2146" s="486" t="s">
        <v>651</v>
      </c>
      <c r="H2146" s="549"/>
      <c r="I2146" s="549"/>
      <c r="J2146" s="549"/>
      <c r="K2146" s="549"/>
      <c r="L2146" s="551"/>
    </row>
    <row r="2147" spans="1:12" ht="16.149999999999999" customHeight="1">
      <c r="A2147" s="737"/>
      <c r="B2147" s="738"/>
      <c r="C2147" s="485"/>
      <c r="D2147" s="484"/>
      <c r="E2147" s="483"/>
      <c r="F2147" s="482"/>
      <c r="G2147" s="481" t="s">
        <v>651</v>
      </c>
      <c r="H2147" s="476"/>
      <c r="I2147" s="476"/>
      <c r="J2147" s="476"/>
      <c r="K2147" s="476"/>
      <c r="L2147" s="475"/>
    </row>
    <row r="2148" spans="1:12" ht="16.149999999999999" customHeight="1">
      <c r="A2148" s="733" t="s">
        <v>700</v>
      </c>
      <c r="B2148" s="734"/>
      <c r="C2148" s="495"/>
      <c r="D2148" s="494"/>
      <c r="E2148" s="493"/>
      <c r="F2148" s="492"/>
      <c r="G2148" s="486" t="s">
        <v>651</v>
      </c>
      <c r="H2148" s="549"/>
      <c r="I2148" s="549"/>
      <c r="J2148" s="549"/>
      <c r="K2148" s="549"/>
      <c r="L2148" s="551"/>
    </row>
    <row r="2149" spans="1:12" ht="16.149999999999999" customHeight="1">
      <c r="A2149" s="735"/>
      <c r="B2149" s="736"/>
      <c r="C2149" s="490"/>
      <c r="D2149" s="489"/>
      <c r="E2149" s="491"/>
      <c r="F2149" s="487" t="s">
        <v>651</v>
      </c>
      <c r="G2149" s="486" t="s">
        <v>651</v>
      </c>
      <c r="H2149" s="549"/>
      <c r="I2149" s="549"/>
      <c r="J2149" s="549"/>
      <c r="K2149" s="549"/>
      <c r="L2149" s="551"/>
    </row>
    <row r="2150" spans="1:12" ht="16.149999999999999" customHeight="1">
      <c r="A2150" s="735" t="s">
        <v>651</v>
      </c>
      <c r="B2150" s="736"/>
      <c r="C2150" s="490" t="s">
        <v>242</v>
      </c>
      <c r="D2150" s="489">
        <v>1</v>
      </c>
      <c r="E2150" s="488"/>
      <c r="F2150" s="487"/>
      <c r="G2150" s="486" t="s">
        <v>651</v>
      </c>
      <c r="H2150" s="549"/>
      <c r="I2150" s="549"/>
      <c r="J2150" s="549"/>
      <c r="K2150" s="549"/>
      <c r="L2150" s="551"/>
    </row>
    <row r="2151" spans="1:12" ht="16.149999999999999" customHeight="1">
      <c r="A2151" s="737"/>
      <c r="B2151" s="738"/>
      <c r="C2151" s="485"/>
      <c r="D2151" s="484"/>
      <c r="E2151" s="483"/>
      <c r="F2151" s="482"/>
      <c r="G2151" s="481" t="s">
        <v>651</v>
      </c>
      <c r="H2151" s="476"/>
      <c r="I2151" s="476"/>
      <c r="J2151" s="476"/>
      <c r="K2151" s="476"/>
      <c r="L2151" s="475"/>
    </row>
    <row r="2152" spans="1:12" ht="16.149999999999999" customHeight="1">
      <c r="A2152" s="733" t="s">
        <v>651</v>
      </c>
      <c r="B2152" s="734"/>
      <c r="C2152" s="495"/>
      <c r="D2152" s="494"/>
      <c r="E2152" s="493"/>
      <c r="F2152" s="492"/>
      <c r="G2152" s="486" t="s">
        <v>651</v>
      </c>
      <c r="H2152" s="549"/>
      <c r="I2152" s="549"/>
      <c r="J2152" s="549"/>
      <c r="K2152" s="549"/>
      <c r="L2152" s="551"/>
    </row>
    <row r="2153" spans="1:12" ht="16.149999999999999" customHeight="1">
      <c r="A2153" s="735"/>
      <c r="B2153" s="736"/>
      <c r="C2153" s="490"/>
      <c r="D2153" s="489"/>
      <c r="E2153" s="491"/>
      <c r="F2153" s="487" t="s">
        <v>651</v>
      </c>
      <c r="G2153" s="486" t="s">
        <v>651</v>
      </c>
      <c r="H2153" s="549"/>
      <c r="I2153" s="549"/>
      <c r="J2153" s="549"/>
      <c r="K2153" s="549"/>
      <c r="L2153" s="551"/>
    </row>
    <row r="2154" spans="1:12" ht="16.149999999999999" customHeight="1">
      <c r="A2154" s="735" t="s">
        <v>691</v>
      </c>
      <c r="B2154" s="736"/>
      <c r="C2154" s="490" t="s">
        <v>697</v>
      </c>
      <c r="D2154" s="489">
        <v>1</v>
      </c>
      <c r="E2154" s="488"/>
      <c r="F2154" s="487"/>
      <c r="G2154" s="486" t="s">
        <v>651</v>
      </c>
      <c r="H2154" s="549"/>
      <c r="I2154" s="549"/>
      <c r="J2154" s="549"/>
      <c r="K2154" s="549"/>
      <c r="L2154" s="551"/>
    </row>
    <row r="2155" spans="1:12" ht="16.149999999999999" customHeight="1">
      <c r="A2155" s="737"/>
      <c r="B2155" s="738"/>
      <c r="C2155" s="485"/>
      <c r="D2155" s="484"/>
      <c r="E2155" s="483"/>
      <c r="F2155" s="482"/>
      <c r="G2155" s="481" t="s">
        <v>651</v>
      </c>
      <c r="H2155" s="476"/>
      <c r="I2155" s="476"/>
      <c r="J2155" s="476"/>
      <c r="K2155" s="476"/>
      <c r="L2155" s="475"/>
    </row>
    <row r="2156" spans="1:12" ht="16.149999999999999" customHeight="1">
      <c r="A2156" s="733" t="s">
        <v>651</v>
      </c>
      <c r="B2156" s="734"/>
      <c r="C2156" s="495"/>
      <c r="D2156" s="494"/>
      <c r="E2156" s="493"/>
      <c r="F2156" s="492"/>
      <c r="G2156" s="486" t="s">
        <v>651</v>
      </c>
      <c r="H2156" s="549"/>
      <c r="I2156" s="549"/>
      <c r="J2156" s="549"/>
      <c r="K2156" s="549"/>
      <c r="L2156" s="551"/>
    </row>
    <row r="2157" spans="1:12" ht="16.149999999999999" customHeight="1">
      <c r="A2157" s="735"/>
      <c r="B2157" s="736"/>
      <c r="C2157" s="490"/>
      <c r="D2157" s="489"/>
      <c r="E2157" s="491"/>
      <c r="F2157" s="487" t="s">
        <v>651</v>
      </c>
      <c r="G2157" s="486" t="s">
        <v>651</v>
      </c>
      <c r="H2157" s="549"/>
      <c r="I2157" s="549"/>
      <c r="J2157" s="549"/>
      <c r="K2157" s="549"/>
      <c r="L2157" s="551"/>
    </row>
    <row r="2158" spans="1:12" ht="16.149999999999999" customHeight="1">
      <c r="A2158" s="735" t="s">
        <v>681</v>
      </c>
      <c r="B2158" s="736"/>
      <c r="C2158" s="490" t="s">
        <v>697</v>
      </c>
      <c r="D2158" s="489">
        <v>1</v>
      </c>
      <c r="E2158" s="488" t="s">
        <v>618</v>
      </c>
      <c r="F2158" s="487"/>
      <c r="G2158" s="486" t="s">
        <v>651</v>
      </c>
      <c r="H2158" s="549"/>
      <c r="I2158" s="549"/>
      <c r="J2158" s="549"/>
      <c r="K2158" s="549"/>
      <c r="L2158" s="551"/>
    </row>
    <row r="2159" spans="1:12" ht="16.149999999999999" customHeight="1">
      <c r="A2159" s="737"/>
      <c r="B2159" s="738"/>
      <c r="C2159" s="485"/>
      <c r="D2159" s="484"/>
      <c r="E2159" s="483"/>
      <c r="F2159" s="482"/>
      <c r="G2159" s="481" t="s">
        <v>651</v>
      </c>
      <c r="H2159" s="476"/>
      <c r="I2159" s="476"/>
      <c r="J2159" s="476"/>
      <c r="K2159" s="476"/>
      <c r="L2159" s="475"/>
    </row>
    <row r="2161" spans="1:12" ht="16.149999999999999" customHeight="1">
      <c r="A2161" s="507" t="s">
        <v>651</v>
      </c>
      <c r="B2161" s="479" t="s">
        <v>1662</v>
      </c>
      <c r="C2161" s="480"/>
      <c r="D2161" s="479"/>
      <c r="E2161" s="479"/>
      <c r="F2161" s="479"/>
      <c r="G2161" s="479"/>
      <c r="H2161" s="479" t="s">
        <v>617</v>
      </c>
      <c r="I2161" s="480" t="s">
        <v>817</v>
      </c>
      <c r="J2161" s="479" t="s">
        <v>689</v>
      </c>
      <c r="K2161" s="479" t="s">
        <v>688</v>
      </c>
      <c r="L2161" s="506"/>
    </row>
    <row r="2162" spans="1:12" ht="16.149999999999999" customHeight="1">
      <c r="A2162" s="505" t="s">
        <v>651</v>
      </c>
      <c r="B2162" s="549" t="s">
        <v>1199</v>
      </c>
      <c r="C2162" s="550"/>
      <c r="D2162" s="549"/>
      <c r="E2162" s="549"/>
      <c r="F2162" s="549"/>
      <c r="G2162" s="478"/>
      <c r="H2162" s="549"/>
      <c r="I2162" s="504"/>
      <c r="J2162" s="503" t="s">
        <v>687</v>
      </c>
      <c r="K2162" s="502" t="s">
        <v>234</v>
      </c>
      <c r="L2162" s="501" t="s">
        <v>618</v>
      </c>
    </row>
    <row r="2163" spans="1:12" ht="16.149999999999999" customHeight="1">
      <c r="A2163" s="477" t="s">
        <v>651</v>
      </c>
      <c r="B2163" s="549"/>
      <c r="C2163" s="550"/>
      <c r="D2163" s="549"/>
      <c r="E2163" s="549"/>
      <c r="F2163" s="549"/>
      <c r="G2163" s="478"/>
      <c r="H2163" s="478"/>
      <c r="I2163" s="478"/>
      <c r="J2163" s="478"/>
      <c r="K2163" s="478"/>
      <c r="L2163" s="501"/>
    </row>
    <row r="2164" spans="1:12" ht="16.149999999999999" customHeight="1">
      <c r="A2164" s="498" t="s">
        <v>686</v>
      </c>
      <c r="B2164" s="500"/>
      <c r="C2164" s="499" t="s">
        <v>309</v>
      </c>
      <c r="D2164" s="499" t="s">
        <v>685</v>
      </c>
      <c r="E2164" s="499" t="s">
        <v>684</v>
      </c>
      <c r="F2164" s="499" t="s">
        <v>683</v>
      </c>
      <c r="G2164" s="498" t="s">
        <v>682</v>
      </c>
      <c r="H2164" s="497"/>
      <c r="I2164" s="497"/>
      <c r="J2164" s="497"/>
      <c r="K2164" s="497"/>
      <c r="L2164" s="496"/>
    </row>
    <row r="2165" spans="1:12" ht="16.149999999999999" customHeight="1">
      <c r="A2165" s="733" t="s">
        <v>701</v>
      </c>
      <c r="B2165" s="734"/>
      <c r="C2165" s="495"/>
      <c r="D2165" s="494"/>
      <c r="E2165" s="493"/>
      <c r="F2165" s="492"/>
      <c r="G2165" s="486" t="s">
        <v>651</v>
      </c>
      <c r="H2165" s="549"/>
      <c r="I2165" s="549"/>
      <c r="J2165" s="549"/>
      <c r="K2165" s="549"/>
      <c r="L2165" s="551"/>
    </row>
    <row r="2166" spans="1:12" ht="16.149999999999999" customHeight="1">
      <c r="A2166" s="735"/>
      <c r="B2166" s="736"/>
      <c r="C2166" s="490"/>
      <c r="D2166" s="489"/>
      <c r="E2166" s="491"/>
      <c r="F2166" s="487" t="s">
        <v>651</v>
      </c>
      <c r="G2166" s="486" t="s">
        <v>651</v>
      </c>
      <c r="H2166" s="549"/>
      <c r="I2166" s="549"/>
      <c r="J2166" s="549"/>
      <c r="K2166" s="549"/>
      <c r="L2166" s="551"/>
    </row>
    <row r="2167" spans="1:12" ht="16.149999999999999" customHeight="1">
      <c r="A2167" s="735" t="s">
        <v>651</v>
      </c>
      <c r="B2167" s="736"/>
      <c r="C2167" s="490" t="s">
        <v>248</v>
      </c>
      <c r="D2167" s="489"/>
      <c r="E2167" s="488"/>
      <c r="F2167" s="487"/>
      <c r="G2167" s="486" t="s">
        <v>651</v>
      </c>
      <c r="H2167" s="549"/>
      <c r="I2167" s="549"/>
      <c r="J2167" s="549"/>
      <c r="K2167" s="549"/>
      <c r="L2167" s="551"/>
    </row>
    <row r="2168" spans="1:12" ht="16.149999999999999" customHeight="1">
      <c r="A2168" s="737"/>
      <c r="B2168" s="738"/>
      <c r="C2168" s="485"/>
      <c r="D2168" s="484"/>
      <c r="E2168" s="483"/>
      <c r="F2168" s="482"/>
      <c r="G2168" s="481" t="s">
        <v>651</v>
      </c>
      <c r="H2168" s="476"/>
      <c r="I2168" s="476"/>
      <c r="J2168" s="476"/>
      <c r="K2168" s="476"/>
      <c r="L2168" s="475"/>
    </row>
    <row r="2171" spans="1:12" ht="16.149999999999999" customHeight="1">
      <c r="A2171" s="507" t="s">
        <v>651</v>
      </c>
      <c r="B2171" s="479" t="s">
        <v>1662</v>
      </c>
      <c r="C2171" s="480"/>
      <c r="D2171" s="479"/>
      <c r="E2171" s="479"/>
      <c r="F2171" s="479"/>
      <c r="G2171" s="479"/>
      <c r="H2171" s="479" t="s">
        <v>617</v>
      </c>
      <c r="I2171" s="480" t="s">
        <v>817</v>
      </c>
      <c r="J2171" s="479" t="s">
        <v>689</v>
      </c>
      <c r="K2171" s="479" t="s">
        <v>688</v>
      </c>
      <c r="L2171" s="506"/>
    </row>
    <row r="2172" spans="1:12" ht="16.149999999999999" customHeight="1">
      <c r="A2172" s="505" t="s">
        <v>651</v>
      </c>
      <c r="B2172" s="549" t="s">
        <v>1199</v>
      </c>
      <c r="C2172" s="550"/>
      <c r="D2172" s="549"/>
      <c r="E2172" s="549"/>
      <c r="F2172" s="549"/>
      <c r="G2172" s="478"/>
      <c r="H2172" s="549"/>
      <c r="I2172" s="504"/>
      <c r="J2172" s="503" t="s">
        <v>687</v>
      </c>
      <c r="K2172" s="502" t="s">
        <v>234</v>
      </c>
      <c r="L2172" s="501" t="s">
        <v>618</v>
      </c>
    </row>
    <row r="2173" spans="1:12" ht="16.149999999999999" customHeight="1">
      <c r="A2173" s="477" t="s">
        <v>651</v>
      </c>
      <c r="B2173" s="549"/>
      <c r="C2173" s="550"/>
      <c r="D2173" s="549"/>
      <c r="E2173" s="549"/>
      <c r="F2173" s="549"/>
      <c r="G2173" s="478"/>
      <c r="H2173" s="478"/>
      <c r="I2173" s="478"/>
      <c r="J2173" s="478"/>
      <c r="K2173" s="478"/>
      <c r="L2173" s="501"/>
    </row>
    <row r="2174" spans="1:12" ht="16.149999999999999" customHeight="1">
      <c r="A2174" s="498" t="s">
        <v>686</v>
      </c>
      <c r="B2174" s="500"/>
      <c r="C2174" s="499" t="s">
        <v>309</v>
      </c>
      <c r="D2174" s="499" t="s">
        <v>685</v>
      </c>
      <c r="E2174" s="499" t="s">
        <v>684</v>
      </c>
      <c r="F2174" s="499" t="s">
        <v>683</v>
      </c>
      <c r="G2174" s="498" t="s">
        <v>682</v>
      </c>
      <c r="H2174" s="497"/>
      <c r="I2174" s="497"/>
      <c r="J2174" s="497"/>
      <c r="K2174" s="497"/>
      <c r="L2174" s="496"/>
    </row>
    <row r="2175" spans="1:12" ht="16.149999999999999" customHeight="1">
      <c r="A2175" s="733" t="s">
        <v>250</v>
      </c>
      <c r="B2175" s="734"/>
      <c r="C2175" s="495"/>
      <c r="D2175" s="494"/>
      <c r="E2175" s="493"/>
      <c r="F2175" s="492"/>
      <c r="G2175" s="486" t="s">
        <v>651</v>
      </c>
      <c r="H2175" s="549"/>
      <c r="I2175" s="549"/>
      <c r="J2175" s="549"/>
      <c r="K2175" s="549"/>
      <c r="L2175" s="551"/>
    </row>
    <row r="2176" spans="1:12" ht="16.149999999999999" customHeight="1">
      <c r="A2176" s="735"/>
      <c r="B2176" s="736"/>
      <c r="C2176" s="490"/>
      <c r="D2176" s="489"/>
      <c r="E2176" s="491"/>
      <c r="F2176" s="487" t="s">
        <v>651</v>
      </c>
      <c r="G2176" s="486" t="s">
        <v>651</v>
      </c>
      <c r="H2176" s="549"/>
      <c r="I2176" s="549"/>
      <c r="J2176" s="549"/>
      <c r="K2176" s="549"/>
      <c r="L2176" s="551"/>
    </row>
    <row r="2177" spans="1:12" ht="16.149999999999999" customHeight="1">
      <c r="A2177" s="735" t="s">
        <v>651</v>
      </c>
      <c r="B2177" s="736"/>
      <c r="C2177" s="490" t="s">
        <v>248</v>
      </c>
      <c r="D2177" s="489"/>
      <c r="E2177" s="488"/>
      <c r="F2177" s="487"/>
      <c r="G2177" s="486" t="s">
        <v>651</v>
      </c>
      <c r="H2177" s="549"/>
      <c r="I2177" s="549"/>
      <c r="J2177" s="549"/>
      <c r="K2177" s="549"/>
      <c r="L2177" s="551"/>
    </row>
    <row r="2178" spans="1:12" ht="16.149999999999999" customHeight="1">
      <c r="A2178" s="737"/>
      <c r="B2178" s="738"/>
      <c r="C2178" s="485"/>
      <c r="D2178" s="484"/>
      <c r="E2178" s="483"/>
      <c r="F2178" s="482"/>
      <c r="G2178" s="481" t="s">
        <v>651</v>
      </c>
      <c r="H2178" s="476"/>
      <c r="I2178" s="476"/>
      <c r="J2178" s="476"/>
      <c r="K2178" s="476"/>
      <c r="L2178" s="475"/>
    </row>
    <row r="2179" spans="1:12" ht="16.149999999999999" customHeight="1">
      <c r="A2179" s="733" t="s">
        <v>742</v>
      </c>
      <c r="B2179" s="734"/>
      <c r="C2179" s="495"/>
      <c r="D2179" s="494"/>
      <c r="E2179" s="493"/>
      <c r="F2179" s="492"/>
      <c r="G2179" s="486" t="s">
        <v>741</v>
      </c>
      <c r="H2179" s="549"/>
      <c r="I2179" s="549"/>
      <c r="J2179" s="549"/>
      <c r="K2179" s="549"/>
      <c r="L2179" s="551"/>
    </row>
    <row r="2180" spans="1:12" ht="16.149999999999999" customHeight="1">
      <c r="A2180" s="735"/>
      <c r="B2180" s="736"/>
      <c r="C2180" s="490"/>
      <c r="D2180" s="489"/>
      <c r="E2180" s="491"/>
      <c r="F2180" s="487" t="s">
        <v>651</v>
      </c>
      <c r="G2180" s="486" t="s">
        <v>651</v>
      </c>
      <c r="H2180" s="549"/>
      <c r="I2180" s="549"/>
      <c r="J2180" s="549"/>
      <c r="K2180" s="549"/>
      <c r="L2180" s="551"/>
    </row>
    <row r="2181" spans="1:12" ht="16.149999999999999" customHeight="1">
      <c r="A2181" s="735" t="s">
        <v>1663</v>
      </c>
      <c r="B2181" s="736"/>
      <c r="C2181" s="490" t="s">
        <v>731</v>
      </c>
      <c r="D2181" s="489"/>
      <c r="E2181" s="488"/>
      <c r="F2181" s="487"/>
      <c r="G2181" s="486" t="s">
        <v>651</v>
      </c>
      <c r="H2181" s="549"/>
      <c r="I2181" s="549"/>
      <c r="J2181" s="549"/>
      <c r="K2181" s="549"/>
      <c r="L2181" s="551"/>
    </row>
    <row r="2182" spans="1:12" ht="16.149999999999999" customHeight="1">
      <c r="A2182" s="737"/>
      <c r="B2182" s="738"/>
      <c r="C2182" s="485"/>
      <c r="D2182" s="484"/>
      <c r="E2182" s="483"/>
      <c r="F2182" s="482"/>
      <c r="G2182" s="481" t="s">
        <v>651</v>
      </c>
      <c r="H2182" s="476"/>
      <c r="I2182" s="476"/>
      <c r="J2182" s="476"/>
      <c r="K2182" s="476"/>
      <c r="L2182" s="475"/>
    </row>
    <row r="2183" spans="1:12" ht="16.149999999999999" customHeight="1">
      <c r="A2183" s="733" t="s">
        <v>651</v>
      </c>
      <c r="B2183" s="734"/>
      <c r="C2183" s="495"/>
      <c r="D2183" s="494"/>
      <c r="E2183" s="493"/>
      <c r="F2183" s="492"/>
      <c r="G2183" s="486" t="s">
        <v>651</v>
      </c>
      <c r="H2183" s="549"/>
      <c r="I2183" s="549"/>
      <c r="J2183" s="549"/>
      <c r="K2183" s="549"/>
      <c r="L2183" s="551"/>
    </row>
    <row r="2184" spans="1:12" ht="16.149999999999999" customHeight="1">
      <c r="A2184" s="735"/>
      <c r="B2184" s="736"/>
      <c r="C2184" s="490"/>
      <c r="D2184" s="489"/>
      <c r="E2184" s="491"/>
      <c r="F2184" s="487" t="s">
        <v>651</v>
      </c>
      <c r="G2184" s="486" t="s">
        <v>651</v>
      </c>
      <c r="H2184" s="549"/>
      <c r="I2184" s="549"/>
      <c r="J2184" s="549"/>
      <c r="K2184" s="549"/>
      <c r="L2184" s="551"/>
    </row>
    <row r="2185" spans="1:12" ht="16.149999999999999" customHeight="1">
      <c r="A2185" s="735" t="s">
        <v>691</v>
      </c>
      <c r="B2185" s="736"/>
      <c r="C2185" s="490" t="s">
        <v>234</v>
      </c>
      <c r="D2185" s="489">
        <v>1</v>
      </c>
      <c r="E2185" s="488"/>
      <c r="F2185" s="487"/>
      <c r="G2185" s="486" t="s">
        <v>651</v>
      </c>
      <c r="H2185" s="549"/>
      <c r="I2185" s="549"/>
      <c r="J2185" s="549"/>
      <c r="K2185" s="549"/>
      <c r="L2185" s="551"/>
    </row>
    <row r="2186" spans="1:12" ht="16.149999999999999" customHeight="1">
      <c r="A2186" s="737"/>
      <c r="B2186" s="738"/>
      <c r="C2186" s="485"/>
      <c r="D2186" s="484"/>
      <c r="E2186" s="483"/>
      <c r="F2186" s="482"/>
      <c r="G2186" s="481" t="s">
        <v>651</v>
      </c>
      <c r="H2186" s="476"/>
      <c r="I2186" s="476"/>
      <c r="J2186" s="476"/>
      <c r="K2186" s="476"/>
      <c r="L2186" s="475"/>
    </row>
    <row r="2187" spans="1:12" ht="16.149999999999999" customHeight="1">
      <c r="A2187" s="733" t="s">
        <v>651</v>
      </c>
      <c r="B2187" s="734"/>
      <c r="C2187" s="495"/>
      <c r="D2187" s="494"/>
      <c r="E2187" s="493"/>
      <c r="F2187" s="492"/>
      <c r="G2187" s="486" t="s">
        <v>651</v>
      </c>
      <c r="H2187" s="549"/>
      <c r="I2187" s="549"/>
      <c r="J2187" s="549"/>
      <c r="K2187" s="549"/>
      <c r="L2187" s="551"/>
    </row>
    <row r="2188" spans="1:12" ht="16.149999999999999" customHeight="1">
      <c r="A2188" s="735"/>
      <c r="B2188" s="736"/>
      <c r="C2188" s="490"/>
      <c r="D2188" s="489"/>
      <c r="E2188" s="491"/>
      <c r="F2188" s="487" t="s">
        <v>651</v>
      </c>
      <c r="G2188" s="486" t="s">
        <v>651</v>
      </c>
      <c r="H2188" s="549"/>
      <c r="I2188" s="549"/>
      <c r="J2188" s="549"/>
      <c r="K2188" s="549"/>
      <c r="L2188" s="551"/>
    </row>
    <row r="2189" spans="1:12" ht="16.149999999999999" customHeight="1">
      <c r="A2189" s="735" t="s">
        <v>681</v>
      </c>
      <c r="B2189" s="736"/>
      <c r="C2189" s="490" t="s">
        <v>234</v>
      </c>
      <c r="D2189" s="489">
        <v>1</v>
      </c>
      <c r="E2189" s="488" t="s">
        <v>618</v>
      </c>
      <c r="F2189" s="487"/>
      <c r="G2189" s="486" t="s">
        <v>651</v>
      </c>
      <c r="H2189" s="549"/>
      <c r="I2189" s="549"/>
      <c r="J2189" s="549"/>
      <c r="K2189" s="549"/>
      <c r="L2189" s="551"/>
    </row>
    <row r="2190" spans="1:12" ht="16.149999999999999" customHeight="1">
      <c r="A2190" s="737"/>
      <c r="B2190" s="738"/>
      <c r="C2190" s="485"/>
      <c r="D2190" s="484"/>
      <c r="E2190" s="483"/>
      <c r="F2190" s="482"/>
      <c r="G2190" s="481" t="s">
        <v>651</v>
      </c>
      <c r="H2190" s="476"/>
      <c r="I2190" s="476"/>
      <c r="J2190" s="476"/>
      <c r="K2190" s="476"/>
      <c r="L2190" s="475"/>
    </row>
    <row r="2192" spans="1:12" ht="16.149999999999999" customHeight="1">
      <c r="A2192" s="507" t="s">
        <v>651</v>
      </c>
      <c r="B2192" s="479" t="s">
        <v>815</v>
      </c>
      <c r="C2192" s="480"/>
      <c r="D2192" s="479"/>
      <c r="E2192" s="479"/>
      <c r="F2192" s="479"/>
      <c r="G2192" s="479"/>
      <c r="H2192" s="479" t="s">
        <v>617</v>
      </c>
      <c r="I2192" s="480" t="s">
        <v>814</v>
      </c>
      <c r="J2192" s="479" t="s">
        <v>689</v>
      </c>
      <c r="K2192" s="479" t="s">
        <v>688</v>
      </c>
      <c r="L2192" s="506"/>
    </row>
    <row r="2193" spans="1:12" ht="16.149999999999999" customHeight="1">
      <c r="A2193" s="505" t="s">
        <v>651</v>
      </c>
      <c r="B2193" s="549" t="s">
        <v>1059</v>
      </c>
      <c r="C2193" s="550"/>
      <c r="D2193" s="549"/>
      <c r="E2193" s="549"/>
      <c r="F2193" s="549"/>
      <c r="G2193" s="478"/>
      <c r="H2193" s="549"/>
      <c r="I2193" s="504"/>
      <c r="J2193" s="503" t="s">
        <v>687</v>
      </c>
      <c r="K2193" s="502" t="s">
        <v>246</v>
      </c>
      <c r="L2193" s="501" t="s">
        <v>618</v>
      </c>
    </row>
    <row r="2194" spans="1:12" ht="16.149999999999999" customHeight="1">
      <c r="A2194" s="477" t="s">
        <v>651</v>
      </c>
      <c r="B2194" s="549"/>
      <c r="C2194" s="550"/>
      <c r="D2194" s="549"/>
      <c r="E2194" s="549"/>
      <c r="F2194" s="549"/>
      <c r="G2194" s="478"/>
      <c r="H2194" s="478"/>
      <c r="I2194" s="478"/>
      <c r="J2194" s="478"/>
      <c r="K2194" s="478"/>
      <c r="L2194" s="501"/>
    </row>
    <row r="2195" spans="1:12" ht="16.149999999999999" customHeight="1">
      <c r="A2195" s="498" t="s">
        <v>686</v>
      </c>
      <c r="B2195" s="500"/>
      <c r="C2195" s="499" t="s">
        <v>309</v>
      </c>
      <c r="D2195" s="499" t="s">
        <v>685</v>
      </c>
      <c r="E2195" s="499" t="s">
        <v>684</v>
      </c>
      <c r="F2195" s="499" t="s">
        <v>683</v>
      </c>
      <c r="G2195" s="498" t="s">
        <v>682</v>
      </c>
      <c r="H2195" s="497"/>
      <c r="I2195" s="497"/>
      <c r="J2195" s="497"/>
      <c r="K2195" s="497"/>
      <c r="L2195" s="496"/>
    </row>
    <row r="2196" spans="1:12" ht="16.149999999999999" customHeight="1">
      <c r="A2196" s="733" t="s">
        <v>250</v>
      </c>
      <c r="B2196" s="734"/>
      <c r="C2196" s="495"/>
      <c r="D2196" s="494"/>
      <c r="E2196" s="493"/>
      <c r="F2196" s="492"/>
      <c r="G2196" s="486" t="s">
        <v>651</v>
      </c>
      <c r="H2196" s="549"/>
      <c r="I2196" s="549"/>
      <c r="J2196" s="549"/>
      <c r="K2196" s="549"/>
      <c r="L2196" s="551"/>
    </row>
    <row r="2197" spans="1:12" ht="16.149999999999999" customHeight="1">
      <c r="A2197" s="735"/>
      <c r="B2197" s="736"/>
      <c r="C2197" s="490"/>
      <c r="D2197" s="489"/>
      <c r="E2197" s="491"/>
      <c r="F2197" s="487" t="s">
        <v>651</v>
      </c>
      <c r="G2197" s="486" t="s">
        <v>651</v>
      </c>
      <c r="H2197" s="549"/>
      <c r="I2197" s="549"/>
      <c r="J2197" s="549"/>
      <c r="K2197" s="549"/>
      <c r="L2197" s="551"/>
    </row>
    <row r="2198" spans="1:12" ht="16.149999999999999" customHeight="1">
      <c r="A2198" s="735" t="s">
        <v>651</v>
      </c>
      <c r="B2198" s="736"/>
      <c r="C2198" s="490" t="s">
        <v>248</v>
      </c>
      <c r="D2198" s="489"/>
      <c r="E2198" s="488"/>
      <c r="F2198" s="487"/>
      <c r="G2198" s="486" t="s">
        <v>651</v>
      </c>
      <c r="H2198" s="549"/>
      <c r="I2198" s="549"/>
      <c r="J2198" s="549"/>
      <c r="K2198" s="549"/>
      <c r="L2198" s="551"/>
    </row>
    <row r="2199" spans="1:12" ht="16.149999999999999" customHeight="1">
      <c r="A2199" s="737"/>
      <c r="B2199" s="738"/>
      <c r="C2199" s="485"/>
      <c r="D2199" s="484"/>
      <c r="E2199" s="483"/>
      <c r="F2199" s="482"/>
      <c r="G2199" s="481" t="s">
        <v>651</v>
      </c>
      <c r="H2199" s="476"/>
      <c r="I2199" s="476"/>
      <c r="J2199" s="476"/>
      <c r="K2199" s="476"/>
      <c r="L2199" s="475"/>
    </row>
    <row r="2200" spans="1:12" ht="16.149999999999999" customHeight="1">
      <c r="A2200" s="733" t="s">
        <v>651</v>
      </c>
      <c r="B2200" s="734"/>
      <c r="C2200" s="495"/>
      <c r="D2200" s="494"/>
      <c r="E2200" s="493"/>
      <c r="F2200" s="492"/>
      <c r="G2200" s="486" t="s">
        <v>651</v>
      </c>
      <c r="H2200" s="549"/>
      <c r="I2200" s="549"/>
      <c r="J2200" s="549"/>
      <c r="K2200" s="549"/>
      <c r="L2200" s="551"/>
    </row>
    <row r="2201" spans="1:12" ht="16.149999999999999" customHeight="1">
      <c r="A2201" s="735"/>
      <c r="B2201" s="736"/>
      <c r="C2201" s="490"/>
      <c r="D2201" s="489"/>
      <c r="E2201" s="491"/>
      <c r="F2201" s="487" t="s">
        <v>651</v>
      </c>
      <c r="G2201" s="486" t="s">
        <v>651</v>
      </c>
      <c r="H2201" s="549"/>
      <c r="I2201" s="549"/>
      <c r="J2201" s="549"/>
      <c r="K2201" s="549"/>
      <c r="L2201" s="551"/>
    </row>
    <row r="2202" spans="1:12" ht="16.149999999999999" customHeight="1">
      <c r="A2202" s="735" t="s">
        <v>691</v>
      </c>
      <c r="B2202" s="736"/>
      <c r="C2202" s="490" t="s">
        <v>246</v>
      </c>
      <c r="D2202" s="489">
        <v>1</v>
      </c>
      <c r="E2202" s="488"/>
      <c r="F2202" s="487"/>
      <c r="G2202" s="486" t="s">
        <v>651</v>
      </c>
      <c r="H2202" s="549"/>
      <c r="I2202" s="549"/>
      <c r="J2202" s="549"/>
      <c r="K2202" s="549"/>
      <c r="L2202" s="551"/>
    </row>
    <row r="2203" spans="1:12" ht="16.149999999999999" customHeight="1">
      <c r="A2203" s="737"/>
      <c r="B2203" s="738"/>
      <c r="C2203" s="485"/>
      <c r="D2203" s="484"/>
      <c r="E2203" s="483"/>
      <c r="F2203" s="482"/>
      <c r="G2203" s="481" t="s">
        <v>651</v>
      </c>
      <c r="H2203" s="476"/>
      <c r="I2203" s="476"/>
      <c r="J2203" s="476"/>
      <c r="K2203" s="476"/>
      <c r="L2203" s="475"/>
    </row>
    <row r="2206" spans="1:12" ht="16.149999999999999" customHeight="1">
      <c r="A2206" s="507" t="s">
        <v>651</v>
      </c>
      <c r="B2206" s="479" t="s">
        <v>815</v>
      </c>
      <c r="C2206" s="480"/>
      <c r="D2206" s="479"/>
      <c r="E2206" s="479"/>
      <c r="F2206" s="479"/>
      <c r="G2206" s="479"/>
      <c r="H2206" s="479" t="s">
        <v>617</v>
      </c>
      <c r="I2206" s="480" t="s">
        <v>814</v>
      </c>
      <c r="J2206" s="479" t="s">
        <v>689</v>
      </c>
      <c r="K2206" s="479" t="s">
        <v>688</v>
      </c>
      <c r="L2206" s="506"/>
    </row>
    <row r="2207" spans="1:12" ht="16.149999999999999" customHeight="1">
      <c r="A2207" s="505" t="s">
        <v>651</v>
      </c>
      <c r="B2207" s="549" t="s">
        <v>1059</v>
      </c>
      <c r="C2207" s="550"/>
      <c r="D2207" s="549"/>
      <c r="E2207" s="549"/>
      <c r="F2207" s="549"/>
      <c r="G2207" s="478"/>
      <c r="H2207" s="549"/>
      <c r="I2207" s="504"/>
      <c r="J2207" s="503" t="s">
        <v>687</v>
      </c>
      <c r="K2207" s="502" t="s">
        <v>246</v>
      </c>
      <c r="L2207" s="501" t="s">
        <v>618</v>
      </c>
    </row>
    <row r="2208" spans="1:12" ht="16.149999999999999" customHeight="1">
      <c r="A2208" s="477" t="s">
        <v>651</v>
      </c>
      <c r="B2208" s="549"/>
      <c r="C2208" s="550"/>
      <c r="D2208" s="549"/>
      <c r="E2208" s="549"/>
      <c r="F2208" s="549"/>
      <c r="G2208" s="478"/>
      <c r="H2208" s="478"/>
      <c r="I2208" s="478"/>
      <c r="J2208" s="478"/>
      <c r="K2208" s="478"/>
      <c r="L2208" s="501"/>
    </row>
    <row r="2209" spans="1:12" ht="16.149999999999999" customHeight="1">
      <c r="A2209" s="498" t="s">
        <v>686</v>
      </c>
      <c r="B2209" s="500"/>
      <c r="C2209" s="499" t="s">
        <v>309</v>
      </c>
      <c r="D2209" s="499" t="s">
        <v>685</v>
      </c>
      <c r="E2209" s="499" t="s">
        <v>684</v>
      </c>
      <c r="F2209" s="499" t="s">
        <v>683</v>
      </c>
      <c r="G2209" s="498" t="s">
        <v>682</v>
      </c>
      <c r="H2209" s="497"/>
      <c r="I2209" s="497"/>
      <c r="J2209" s="497"/>
      <c r="K2209" s="497"/>
      <c r="L2209" s="496"/>
    </row>
    <row r="2210" spans="1:12" ht="16.149999999999999" customHeight="1">
      <c r="A2210" s="733" t="s">
        <v>651</v>
      </c>
      <c r="B2210" s="734"/>
      <c r="C2210" s="495"/>
      <c r="D2210" s="494"/>
      <c r="E2210" s="493"/>
      <c r="F2210" s="492"/>
      <c r="G2210" s="486" t="s">
        <v>651</v>
      </c>
      <c r="H2210" s="549"/>
      <c r="I2210" s="549"/>
      <c r="J2210" s="549"/>
      <c r="K2210" s="549"/>
      <c r="L2210" s="551"/>
    </row>
    <row r="2211" spans="1:12" ht="16.149999999999999" customHeight="1">
      <c r="A2211" s="735"/>
      <c r="B2211" s="736"/>
      <c r="C2211" s="490"/>
      <c r="D2211" s="489"/>
      <c r="E2211" s="491"/>
      <c r="F2211" s="487" t="s">
        <v>651</v>
      </c>
      <c r="G2211" s="486" t="s">
        <v>651</v>
      </c>
      <c r="H2211" s="549"/>
      <c r="I2211" s="549"/>
      <c r="J2211" s="549"/>
      <c r="K2211" s="549"/>
      <c r="L2211" s="551"/>
    </row>
    <row r="2212" spans="1:12" ht="16.149999999999999" customHeight="1">
      <c r="A2212" s="735" t="s">
        <v>681</v>
      </c>
      <c r="B2212" s="736"/>
      <c r="C2212" s="490" t="s">
        <v>246</v>
      </c>
      <c r="D2212" s="489">
        <v>1</v>
      </c>
      <c r="E2212" s="488" t="s">
        <v>618</v>
      </c>
      <c r="F2212" s="487"/>
      <c r="G2212" s="486" t="s">
        <v>651</v>
      </c>
      <c r="H2212" s="549"/>
      <c r="I2212" s="549"/>
      <c r="J2212" s="549"/>
      <c r="K2212" s="549"/>
      <c r="L2212" s="551"/>
    </row>
    <row r="2213" spans="1:12" ht="16.149999999999999" customHeight="1">
      <c r="A2213" s="737"/>
      <c r="B2213" s="738"/>
      <c r="C2213" s="485"/>
      <c r="D2213" s="484"/>
      <c r="E2213" s="483"/>
      <c r="F2213" s="482"/>
      <c r="G2213" s="481" t="s">
        <v>651</v>
      </c>
      <c r="H2213" s="476"/>
      <c r="I2213" s="476"/>
      <c r="J2213" s="476"/>
      <c r="K2213" s="476"/>
      <c r="L2213" s="475"/>
    </row>
    <row r="2215" spans="1:12" ht="16.149999999999999" customHeight="1">
      <c r="A2215" s="507" t="s">
        <v>651</v>
      </c>
      <c r="B2215" s="479" t="s">
        <v>813</v>
      </c>
      <c r="C2215" s="480"/>
      <c r="D2215" s="479"/>
      <c r="E2215" s="479"/>
      <c r="F2215" s="479"/>
      <c r="G2215" s="479"/>
      <c r="H2215" s="479" t="s">
        <v>617</v>
      </c>
      <c r="I2215" s="480" t="s">
        <v>812</v>
      </c>
      <c r="J2215" s="479" t="s">
        <v>689</v>
      </c>
      <c r="K2215" s="479" t="s">
        <v>688</v>
      </c>
      <c r="L2215" s="506"/>
    </row>
    <row r="2216" spans="1:12" ht="16.149999999999999" customHeight="1">
      <c r="A2216" s="505" t="s">
        <v>651</v>
      </c>
      <c r="B2216" s="549" t="s">
        <v>1057</v>
      </c>
      <c r="C2216" s="550"/>
      <c r="D2216" s="549"/>
      <c r="E2216" s="549"/>
      <c r="F2216" s="549"/>
      <c r="G2216" s="478"/>
      <c r="H2216" s="549"/>
      <c r="I2216" s="504"/>
      <c r="J2216" s="503" t="s">
        <v>687</v>
      </c>
      <c r="K2216" s="502" t="s">
        <v>246</v>
      </c>
      <c r="L2216" s="501" t="s">
        <v>618</v>
      </c>
    </row>
    <row r="2217" spans="1:12" ht="16.149999999999999" customHeight="1">
      <c r="A2217" s="477" t="s">
        <v>651</v>
      </c>
      <c r="B2217" s="549"/>
      <c r="C2217" s="550"/>
      <c r="D2217" s="549"/>
      <c r="E2217" s="549"/>
      <c r="F2217" s="549"/>
      <c r="G2217" s="478"/>
      <c r="H2217" s="478"/>
      <c r="I2217" s="478"/>
      <c r="J2217" s="478"/>
      <c r="K2217" s="478"/>
      <c r="L2217" s="501"/>
    </row>
    <row r="2218" spans="1:12" ht="16.149999999999999" customHeight="1">
      <c r="A2218" s="498" t="s">
        <v>686</v>
      </c>
      <c r="B2218" s="500"/>
      <c r="C2218" s="499" t="s">
        <v>309</v>
      </c>
      <c r="D2218" s="499" t="s">
        <v>685</v>
      </c>
      <c r="E2218" s="499" t="s">
        <v>684</v>
      </c>
      <c r="F2218" s="499" t="s">
        <v>683</v>
      </c>
      <c r="G2218" s="498" t="s">
        <v>682</v>
      </c>
      <c r="H2218" s="497"/>
      <c r="I2218" s="497"/>
      <c r="J2218" s="497"/>
      <c r="K2218" s="497"/>
      <c r="L2218" s="496"/>
    </row>
    <row r="2219" spans="1:12" ht="16.149999999999999" customHeight="1">
      <c r="A2219" s="733" t="s">
        <v>250</v>
      </c>
      <c r="B2219" s="734"/>
      <c r="C2219" s="495"/>
      <c r="D2219" s="494"/>
      <c r="E2219" s="493"/>
      <c r="F2219" s="492"/>
      <c r="G2219" s="486" t="s">
        <v>651</v>
      </c>
      <c r="H2219" s="549"/>
      <c r="I2219" s="549"/>
      <c r="J2219" s="549"/>
      <c r="K2219" s="549"/>
      <c r="L2219" s="551"/>
    </row>
    <row r="2220" spans="1:12" ht="16.149999999999999" customHeight="1">
      <c r="A2220" s="735"/>
      <c r="B2220" s="736"/>
      <c r="C2220" s="490"/>
      <c r="D2220" s="489"/>
      <c r="E2220" s="491"/>
      <c r="F2220" s="487" t="s">
        <v>651</v>
      </c>
      <c r="G2220" s="486" t="s">
        <v>651</v>
      </c>
      <c r="H2220" s="549"/>
      <c r="I2220" s="549"/>
      <c r="J2220" s="549"/>
      <c r="K2220" s="549"/>
      <c r="L2220" s="551"/>
    </row>
    <row r="2221" spans="1:12" ht="16.149999999999999" customHeight="1">
      <c r="A2221" s="735" t="s">
        <v>651</v>
      </c>
      <c r="B2221" s="736"/>
      <c r="C2221" s="490" t="s">
        <v>248</v>
      </c>
      <c r="D2221" s="489"/>
      <c r="E2221" s="488"/>
      <c r="F2221" s="487"/>
      <c r="G2221" s="486" t="s">
        <v>651</v>
      </c>
      <c r="H2221" s="549"/>
      <c r="I2221" s="549"/>
      <c r="J2221" s="549"/>
      <c r="K2221" s="549"/>
      <c r="L2221" s="551"/>
    </row>
    <row r="2222" spans="1:12" ht="16.149999999999999" customHeight="1">
      <c r="A2222" s="737"/>
      <c r="B2222" s="738"/>
      <c r="C2222" s="485"/>
      <c r="D2222" s="484"/>
      <c r="E2222" s="483"/>
      <c r="F2222" s="482"/>
      <c r="G2222" s="481" t="s">
        <v>651</v>
      </c>
      <c r="H2222" s="476"/>
      <c r="I2222" s="476"/>
      <c r="J2222" s="476"/>
      <c r="K2222" s="476"/>
      <c r="L2222" s="475"/>
    </row>
    <row r="2223" spans="1:12" ht="16.149999999999999" customHeight="1">
      <c r="A2223" s="733" t="s">
        <v>651</v>
      </c>
      <c r="B2223" s="734"/>
      <c r="C2223" s="495"/>
      <c r="D2223" s="494"/>
      <c r="E2223" s="493"/>
      <c r="F2223" s="492"/>
      <c r="G2223" s="486" t="s">
        <v>651</v>
      </c>
      <c r="H2223" s="549"/>
      <c r="I2223" s="549"/>
      <c r="J2223" s="549"/>
      <c r="K2223" s="549"/>
      <c r="L2223" s="551"/>
    </row>
    <row r="2224" spans="1:12" ht="16.149999999999999" customHeight="1">
      <c r="A2224" s="735"/>
      <c r="B2224" s="736"/>
      <c r="C2224" s="490"/>
      <c r="D2224" s="489"/>
      <c r="E2224" s="491"/>
      <c r="F2224" s="487" t="s">
        <v>651</v>
      </c>
      <c r="G2224" s="486" t="s">
        <v>651</v>
      </c>
      <c r="H2224" s="549"/>
      <c r="I2224" s="549"/>
      <c r="J2224" s="549"/>
      <c r="K2224" s="549"/>
      <c r="L2224" s="551"/>
    </row>
    <row r="2225" spans="1:12" ht="16.149999999999999" customHeight="1">
      <c r="A2225" s="735" t="s">
        <v>691</v>
      </c>
      <c r="B2225" s="736"/>
      <c r="C2225" s="490" t="s">
        <v>246</v>
      </c>
      <c r="D2225" s="489">
        <v>1</v>
      </c>
      <c r="E2225" s="488"/>
      <c r="F2225" s="487"/>
      <c r="G2225" s="486" t="s">
        <v>651</v>
      </c>
      <c r="H2225" s="549"/>
      <c r="I2225" s="549"/>
      <c r="J2225" s="549"/>
      <c r="K2225" s="549"/>
      <c r="L2225" s="551"/>
    </row>
    <row r="2226" spans="1:12" ht="16.149999999999999" customHeight="1">
      <c r="A2226" s="737"/>
      <c r="B2226" s="738"/>
      <c r="C2226" s="485"/>
      <c r="D2226" s="484"/>
      <c r="E2226" s="483"/>
      <c r="F2226" s="482"/>
      <c r="G2226" s="481" t="s">
        <v>651</v>
      </c>
      <c r="H2226" s="476"/>
      <c r="I2226" s="476"/>
      <c r="J2226" s="476"/>
      <c r="K2226" s="476"/>
      <c r="L2226" s="475"/>
    </row>
    <row r="2227" spans="1:12" ht="16.149999999999999" customHeight="1">
      <c r="A2227" s="733" t="s">
        <v>651</v>
      </c>
      <c r="B2227" s="734"/>
      <c r="C2227" s="495"/>
      <c r="D2227" s="494"/>
      <c r="E2227" s="493"/>
      <c r="F2227" s="492"/>
      <c r="G2227" s="486" t="s">
        <v>651</v>
      </c>
      <c r="H2227" s="549"/>
      <c r="I2227" s="549"/>
      <c r="J2227" s="549"/>
      <c r="K2227" s="549"/>
      <c r="L2227" s="551"/>
    </row>
    <row r="2228" spans="1:12" ht="16.149999999999999" customHeight="1">
      <c r="A2228" s="735"/>
      <c r="B2228" s="736"/>
      <c r="C2228" s="490"/>
      <c r="D2228" s="489"/>
      <c r="E2228" s="491"/>
      <c r="F2228" s="487" t="s">
        <v>651</v>
      </c>
      <c r="G2228" s="486" t="s">
        <v>651</v>
      </c>
      <c r="H2228" s="549"/>
      <c r="I2228" s="549"/>
      <c r="J2228" s="549"/>
      <c r="K2228" s="549"/>
      <c r="L2228" s="551"/>
    </row>
    <row r="2229" spans="1:12" ht="16.149999999999999" customHeight="1">
      <c r="A2229" s="735" t="s">
        <v>681</v>
      </c>
      <c r="B2229" s="736"/>
      <c r="C2229" s="490" t="s">
        <v>246</v>
      </c>
      <c r="D2229" s="489">
        <v>1</v>
      </c>
      <c r="E2229" s="488" t="s">
        <v>618</v>
      </c>
      <c r="F2229" s="487"/>
      <c r="G2229" s="486" t="s">
        <v>651</v>
      </c>
      <c r="H2229" s="549"/>
      <c r="I2229" s="549"/>
      <c r="J2229" s="549"/>
      <c r="K2229" s="549"/>
      <c r="L2229" s="551"/>
    </row>
    <row r="2230" spans="1:12" ht="16.149999999999999" customHeight="1">
      <c r="A2230" s="737"/>
      <c r="B2230" s="738"/>
      <c r="C2230" s="485"/>
      <c r="D2230" s="484"/>
      <c r="E2230" s="483"/>
      <c r="F2230" s="482"/>
      <c r="G2230" s="481" t="s">
        <v>651</v>
      </c>
      <c r="H2230" s="476"/>
      <c r="I2230" s="476"/>
      <c r="J2230" s="476"/>
      <c r="K2230" s="476"/>
      <c r="L2230" s="475"/>
    </row>
    <row r="2232" spans="1:12" ht="16.149999999999999" customHeight="1">
      <c r="A2232" s="507" t="s">
        <v>651</v>
      </c>
      <c r="B2232" s="479" t="s">
        <v>811</v>
      </c>
      <c r="C2232" s="480"/>
      <c r="D2232" s="479"/>
      <c r="E2232" s="479"/>
      <c r="F2232" s="479"/>
      <c r="G2232" s="479"/>
      <c r="H2232" s="479" t="s">
        <v>617</v>
      </c>
      <c r="I2232" s="480" t="s">
        <v>810</v>
      </c>
      <c r="J2232" s="479" t="s">
        <v>689</v>
      </c>
      <c r="K2232" s="479" t="s">
        <v>688</v>
      </c>
      <c r="L2232" s="506"/>
    </row>
    <row r="2233" spans="1:12" ht="16.149999999999999" customHeight="1">
      <c r="A2233" s="505" t="s">
        <v>651</v>
      </c>
      <c r="B2233" s="549" t="s">
        <v>1195</v>
      </c>
      <c r="C2233" s="550"/>
      <c r="D2233" s="549"/>
      <c r="E2233" s="549"/>
      <c r="F2233" s="549"/>
      <c r="G2233" s="478"/>
      <c r="H2233" s="549"/>
      <c r="I2233" s="504"/>
      <c r="J2233" s="503" t="s">
        <v>687</v>
      </c>
      <c r="K2233" s="502" t="s">
        <v>246</v>
      </c>
      <c r="L2233" s="501" t="s">
        <v>618</v>
      </c>
    </row>
    <row r="2234" spans="1:12" ht="16.149999999999999" customHeight="1">
      <c r="A2234" s="477" t="s">
        <v>651</v>
      </c>
      <c r="B2234" s="549"/>
      <c r="C2234" s="550"/>
      <c r="D2234" s="549"/>
      <c r="E2234" s="549"/>
      <c r="F2234" s="549"/>
      <c r="G2234" s="478"/>
      <c r="H2234" s="478"/>
      <c r="I2234" s="478"/>
      <c r="J2234" s="478"/>
      <c r="K2234" s="478"/>
      <c r="L2234" s="501"/>
    </row>
    <row r="2235" spans="1:12" ht="16.149999999999999" customHeight="1">
      <c r="A2235" s="498" t="s">
        <v>686</v>
      </c>
      <c r="B2235" s="500"/>
      <c r="C2235" s="499" t="s">
        <v>309</v>
      </c>
      <c r="D2235" s="499" t="s">
        <v>685</v>
      </c>
      <c r="E2235" s="499" t="s">
        <v>684</v>
      </c>
      <c r="F2235" s="499" t="s">
        <v>683</v>
      </c>
      <c r="G2235" s="498" t="s">
        <v>682</v>
      </c>
      <c r="H2235" s="497"/>
      <c r="I2235" s="497"/>
      <c r="J2235" s="497"/>
      <c r="K2235" s="497"/>
      <c r="L2235" s="496"/>
    </row>
    <row r="2236" spans="1:12" ht="16.149999999999999" customHeight="1">
      <c r="A2236" s="733" t="s">
        <v>250</v>
      </c>
      <c r="B2236" s="734"/>
      <c r="C2236" s="495"/>
      <c r="D2236" s="494"/>
      <c r="E2236" s="493"/>
      <c r="F2236" s="492"/>
      <c r="G2236" s="486" t="s">
        <v>651</v>
      </c>
      <c r="H2236" s="549"/>
      <c r="I2236" s="549"/>
      <c r="J2236" s="549"/>
      <c r="K2236" s="549"/>
      <c r="L2236" s="551"/>
    </row>
    <row r="2237" spans="1:12" ht="16.149999999999999" customHeight="1">
      <c r="A2237" s="735"/>
      <c r="B2237" s="736"/>
      <c r="C2237" s="490"/>
      <c r="D2237" s="489"/>
      <c r="E2237" s="491"/>
      <c r="F2237" s="487" t="s">
        <v>651</v>
      </c>
      <c r="G2237" s="486" t="s">
        <v>651</v>
      </c>
      <c r="H2237" s="549"/>
      <c r="I2237" s="549"/>
      <c r="J2237" s="549"/>
      <c r="K2237" s="549"/>
      <c r="L2237" s="551"/>
    </row>
    <row r="2238" spans="1:12" ht="16.149999999999999" customHeight="1">
      <c r="A2238" s="735" t="s">
        <v>651</v>
      </c>
      <c r="B2238" s="736"/>
      <c r="C2238" s="490" t="s">
        <v>248</v>
      </c>
      <c r="D2238" s="489"/>
      <c r="E2238" s="488"/>
      <c r="F2238" s="487"/>
      <c r="G2238" s="486" t="s">
        <v>651</v>
      </c>
      <c r="H2238" s="549"/>
      <c r="I2238" s="549"/>
      <c r="J2238" s="549"/>
      <c r="K2238" s="549"/>
      <c r="L2238" s="551"/>
    </row>
    <row r="2239" spans="1:12" ht="16.149999999999999" customHeight="1">
      <c r="A2239" s="737"/>
      <c r="B2239" s="738"/>
      <c r="C2239" s="485"/>
      <c r="D2239" s="484"/>
      <c r="E2239" s="483"/>
      <c r="F2239" s="482"/>
      <c r="G2239" s="481" t="s">
        <v>651</v>
      </c>
      <c r="H2239" s="476"/>
      <c r="I2239" s="476"/>
      <c r="J2239" s="476"/>
      <c r="K2239" s="476"/>
      <c r="L2239" s="475"/>
    </row>
    <row r="2241" spans="1:12" ht="16.149999999999999" customHeight="1">
      <c r="A2241" s="507" t="s">
        <v>651</v>
      </c>
      <c r="B2241" s="479" t="s">
        <v>811</v>
      </c>
      <c r="C2241" s="480"/>
      <c r="D2241" s="479"/>
      <c r="E2241" s="479"/>
      <c r="F2241" s="479"/>
      <c r="G2241" s="479"/>
      <c r="H2241" s="479" t="s">
        <v>617</v>
      </c>
      <c r="I2241" s="480" t="s">
        <v>810</v>
      </c>
      <c r="J2241" s="479" t="s">
        <v>689</v>
      </c>
      <c r="K2241" s="479" t="s">
        <v>688</v>
      </c>
      <c r="L2241" s="506"/>
    </row>
    <row r="2242" spans="1:12" ht="16.149999999999999" customHeight="1">
      <c r="A2242" s="505" t="s">
        <v>651</v>
      </c>
      <c r="B2242" s="549" t="s">
        <v>1195</v>
      </c>
      <c r="C2242" s="550"/>
      <c r="D2242" s="549"/>
      <c r="E2242" s="549"/>
      <c r="F2242" s="549"/>
      <c r="G2242" s="478"/>
      <c r="H2242" s="549"/>
      <c r="I2242" s="504"/>
      <c r="J2242" s="503" t="s">
        <v>687</v>
      </c>
      <c r="K2242" s="502" t="s">
        <v>246</v>
      </c>
      <c r="L2242" s="501" t="s">
        <v>618</v>
      </c>
    </row>
    <row r="2243" spans="1:12" ht="16.149999999999999" customHeight="1">
      <c r="A2243" s="477" t="s">
        <v>651</v>
      </c>
      <c r="B2243" s="549"/>
      <c r="C2243" s="550"/>
      <c r="D2243" s="549"/>
      <c r="E2243" s="549"/>
      <c r="F2243" s="549"/>
      <c r="G2243" s="478"/>
      <c r="H2243" s="478"/>
      <c r="I2243" s="478"/>
      <c r="J2243" s="478"/>
      <c r="K2243" s="478"/>
      <c r="L2243" s="501"/>
    </row>
    <row r="2244" spans="1:12" ht="16.149999999999999" customHeight="1">
      <c r="A2244" s="498" t="s">
        <v>686</v>
      </c>
      <c r="B2244" s="500"/>
      <c r="C2244" s="499" t="s">
        <v>309</v>
      </c>
      <c r="D2244" s="499" t="s">
        <v>685</v>
      </c>
      <c r="E2244" s="499" t="s">
        <v>684</v>
      </c>
      <c r="F2244" s="499" t="s">
        <v>683</v>
      </c>
      <c r="G2244" s="498" t="s">
        <v>682</v>
      </c>
      <c r="H2244" s="497"/>
      <c r="I2244" s="497"/>
      <c r="J2244" s="497"/>
      <c r="K2244" s="497"/>
      <c r="L2244" s="496"/>
    </row>
    <row r="2245" spans="1:12" ht="16.149999999999999" customHeight="1">
      <c r="A2245" s="733" t="s">
        <v>651</v>
      </c>
      <c r="B2245" s="734"/>
      <c r="C2245" s="495"/>
      <c r="D2245" s="494"/>
      <c r="E2245" s="493"/>
      <c r="F2245" s="492"/>
      <c r="G2245" s="486" t="s">
        <v>651</v>
      </c>
      <c r="H2245" s="549"/>
      <c r="I2245" s="549"/>
      <c r="J2245" s="549"/>
      <c r="K2245" s="549"/>
      <c r="L2245" s="551"/>
    </row>
    <row r="2246" spans="1:12" ht="16.149999999999999" customHeight="1">
      <c r="A2246" s="735"/>
      <c r="B2246" s="736"/>
      <c r="C2246" s="490"/>
      <c r="D2246" s="489"/>
      <c r="E2246" s="491"/>
      <c r="F2246" s="487" t="s">
        <v>651</v>
      </c>
      <c r="G2246" s="486" t="s">
        <v>651</v>
      </c>
      <c r="H2246" s="549"/>
      <c r="I2246" s="549"/>
      <c r="J2246" s="549"/>
      <c r="K2246" s="549"/>
      <c r="L2246" s="551"/>
    </row>
    <row r="2247" spans="1:12" ht="16.149999999999999" customHeight="1">
      <c r="A2247" s="735" t="s">
        <v>691</v>
      </c>
      <c r="B2247" s="736"/>
      <c r="C2247" s="490" t="s">
        <v>246</v>
      </c>
      <c r="D2247" s="489">
        <v>1</v>
      </c>
      <c r="E2247" s="488"/>
      <c r="F2247" s="487"/>
      <c r="G2247" s="486" t="s">
        <v>651</v>
      </c>
      <c r="H2247" s="549"/>
      <c r="I2247" s="549"/>
      <c r="J2247" s="549"/>
      <c r="K2247" s="549"/>
      <c r="L2247" s="551"/>
    </row>
    <row r="2248" spans="1:12" ht="16.149999999999999" customHeight="1">
      <c r="A2248" s="737"/>
      <c r="B2248" s="738"/>
      <c r="C2248" s="485"/>
      <c r="D2248" s="484"/>
      <c r="E2248" s="483"/>
      <c r="F2248" s="482"/>
      <c r="G2248" s="481" t="s">
        <v>651</v>
      </c>
      <c r="H2248" s="476"/>
      <c r="I2248" s="476"/>
      <c r="J2248" s="476"/>
      <c r="K2248" s="476"/>
      <c r="L2248" s="475"/>
    </row>
    <row r="2249" spans="1:12" ht="16.149999999999999" customHeight="1">
      <c r="A2249" s="733" t="s">
        <v>651</v>
      </c>
      <c r="B2249" s="734"/>
      <c r="C2249" s="495"/>
      <c r="D2249" s="494"/>
      <c r="E2249" s="493"/>
      <c r="F2249" s="492"/>
      <c r="G2249" s="486" t="s">
        <v>651</v>
      </c>
      <c r="H2249" s="549"/>
      <c r="I2249" s="549"/>
      <c r="J2249" s="549"/>
      <c r="K2249" s="549"/>
      <c r="L2249" s="551"/>
    </row>
    <row r="2250" spans="1:12" ht="16.149999999999999" customHeight="1">
      <c r="A2250" s="735"/>
      <c r="B2250" s="736"/>
      <c r="C2250" s="490"/>
      <c r="D2250" s="489"/>
      <c r="E2250" s="491"/>
      <c r="F2250" s="487" t="s">
        <v>651</v>
      </c>
      <c r="G2250" s="486" t="s">
        <v>651</v>
      </c>
      <c r="H2250" s="549"/>
      <c r="I2250" s="549"/>
      <c r="J2250" s="549"/>
      <c r="K2250" s="549"/>
      <c r="L2250" s="551"/>
    </row>
    <row r="2251" spans="1:12" ht="16.149999999999999" customHeight="1">
      <c r="A2251" s="735" t="s">
        <v>681</v>
      </c>
      <c r="B2251" s="736"/>
      <c r="C2251" s="490" t="s">
        <v>246</v>
      </c>
      <c r="D2251" s="489">
        <v>1</v>
      </c>
      <c r="E2251" s="488" t="s">
        <v>618</v>
      </c>
      <c r="F2251" s="487"/>
      <c r="G2251" s="486" t="s">
        <v>651</v>
      </c>
      <c r="H2251" s="549"/>
      <c r="I2251" s="549"/>
      <c r="J2251" s="549"/>
      <c r="K2251" s="549"/>
      <c r="L2251" s="551"/>
    </row>
    <row r="2252" spans="1:12" ht="16.149999999999999" customHeight="1">
      <c r="A2252" s="737"/>
      <c r="B2252" s="738"/>
      <c r="C2252" s="485"/>
      <c r="D2252" s="484"/>
      <c r="E2252" s="483"/>
      <c r="F2252" s="482"/>
      <c r="G2252" s="481" t="s">
        <v>651</v>
      </c>
      <c r="H2252" s="476"/>
      <c r="I2252" s="476"/>
      <c r="J2252" s="476"/>
      <c r="K2252" s="476"/>
      <c r="L2252" s="475"/>
    </row>
    <row r="2254" spans="1:12" ht="16.149999999999999" customHeight="1">
      <c r="A2254" s="507" t="s">
        <v>651</v>
      </c>
      <c r="B2254" s="479" t="s">
        <v>809</v>
      </c>
      <c r="C2254" s="480"/>
      <c r="D2254" s="479"/>
      <c r="E2254" s="479"/>
      <c r="F2254" s="479"/>
      <c r="G2254" s="479"/>
      <c r="H2254" s="479" t="s">
        <v>617</v>
      </c>
      <c r="I2254" s="480" t="s">
        <v>808</v>
      </c>
      <c r="J2254" s="479" t="s">
        <v>689</v>
      </c>
      <c r="K2254" s="479" t="s">
        <v>688</v>
      </c>
      <c r="L2254" s="506"/>
    </row>
    <row r="2255" spans="1:12" ht="16.149999999999999" customHeight="1">
      <c r="A2255" s="505" t="s">
        <v>651</v>
      </c>
      <c r="B2255" s="549" t="s">
        <v>1051</v>
      </c>
      <c r="C2255" s="550"/>
      <c r="D2255" s="549"/>
      <c r="E2255" s="549"/>
      <c r="F2255" s="549"/>
      <c r="G2255" s="478"/>
      <c r="H2255" s="549"/>
      <c r="I2255" s="504"/>
      <c r="J2255" s="503" t="s">
        <v>687</v>
      </c>
      <c r="K2255" s="502" t="s">
        <v>246</v>
      </c>
      <c r="L2255" s="501" t="s">
        <v>618</v>
      </c>
    </row>
    <row r="2256" spans="1:12" ht="16.149999999999999" customHeight="1">
      <c r="A2256" s="477" t="s">
        <v>651</v>
      </c>
      <c r="B2256" s="549"/>
      <c r="C2256" s="550"/>
      <c r="D2256" s="549"/>
      <c r="E2256" s="549"/>
      <c r="F2256" s="549"/>
      <c r="G2256" s="478"/>
      <c r="H2256" s="478"/>
      <c r="I2256" s="478"/>
      <c r="J2256" s="478"/>
      <c r="K2256" s="478"/>
      <c r="L2256" s="501"/>
    </row>
    <row r="2257" spans="1:12" ht="16.149999999999999" customHeight="1">
      <c r="A2257" s="498" t="s">
        <v>686</v>
      </c>
      <c r="B2257" s="500"/>
      <c r="C2257" s="499" t="s">
        <v>309</v>
      </c>
      <c r="D2257" s="499" t="s">
        <v>685</v>
      </c>
      <c r="E2257" s="499" t="s">
        <v>684</v>
      </c>
      <c r="F2257" s="499" t="s">
        <v>683</v>
      </c>
      <c r="G2257" s="498" t="s">
        <v>682</v>
      </c>
      <c r="H2257" s="497"/>
      <c r="I2257" s="497"/>
      <c r="J2257" s="497"/>
      <c r="K2257" s="497"/>
      <c r="L2257" s="496"/>
    </row>
    <row r="2258" spans="1:12" ht="16.149999999999999" customHeight="1">
      <c r="A2258" s="733" t="s">
        <v>250</v>
      </c>
      <c r="B2258" s="734"/>
      <c r="C2258" s="495"/>
      <c r="D2258" s="494"/>
      <c r="E2258" s="493"/>
      <c r="F2258" s="492"/>
      <c r="G2258" s="486" t="s">
        <v>651</v>
      </c>
      <c r="H2258" s="549"/>
      <c r="I2258" s="549"/>
      <c r="J2258" s="549"/>
      <c r="K2258" s="549"/>
      <c r="L2258" s="551"/>
    </row>
    <row r="2259" spans="1:12" ht="16.149999999999999" customHeight="1">
      <c r="A2259" s="735"/>
      <c r="B2259" s="736"/>
      <c r="C2259" s="490"/>
      <c r="D2259" s="489"/>
      <c r="E2259" s="491"/>
      <c r="F2259" s="487" t="s">
        <v>651</v>
      </c>
      <c r="G2259" s="486" t="s">
        <v>651</v>
      </c>
      <c r="H2259" s="549"/>
      <c r="I2259" s="549"/>
      <c r="J2259" s="549"/>
      <c r="K2259" s="549"/>
      <c r="L2259" s="551"/>
    </row>
    <row r="2260" spans="1:12" ht="16.149999999999999" customHeight="1">
      <c r="A2260" s="735" t="s">
        <v>651</v>
      </c>
      <c r="B2260" s="736"/>
      <c r="C2260" s="490" t="s">
        <v>248</v>
      </c>
      <c r="D2260" s="489"/>
      <c r="E2260" s="488"/>
      <c r="F2260" s="487"/>
      <c r="G2260" s="486" t="s">
        <v>651</v>
      </c>
      <c r="H2260" s="549"/>
      <c r="I2260" s="549"/>
      <c r="J2260" s="549"/>
      <c r="K2260" s="549"/>
      <c r="L2260" s="551"/>
    </row>
    <row r="2261" spans="1:12" ht="16.149999999999999" customHeight="1">
      <c r="A2261" s="737"/>
      <c r="B2261" s="738"/>
      <c r="C2261" s="485"/>
      <c r="D2261" s="484"/>
      <c r="E2261" s="483"/>
      <c r="F2261" s="482"/>
      <c r="G2261" s="481" t="s">
        <v>651</v>
      </c>
      <c r="H2261" s="476"/>
      <c r="I2261" s="476"/>
      <c r="J2261" s="476"/>
      <c r="K2261" s="476"/>
      <c r="L2261" s="475"/>
    </row>
    <row r="2262" spans="1:12" ht="16.149999999999999" customHeight="1">
      <c r="A2262" s="733" t="s">
        <v>651</v>
      </c>
      <c r="B2262" s="734"/>
      <c r="C2262" s="495"/>
      <c r="D2262" s="494"/>
      <c r="E2262" s="493"/>
      <c r="F2262" s="492"/>
      <c r="G2262" s="486" t="s">
        <v>651</v>
      </c>
      <c r="H2262" s="549"/>
      <c r="I2262" s="549"/>
      <c r="J2262" s="549"/>
      <c r="K2262" s="549"/>
      <c r="L2262" s="551"/>
    </row>
    <row r="2263" spans="1:12" ht="16.149999999999999" customHeight="1">
      <c r="A2263" s="735"/>
      <c r="B2263" s="736"/>
      <c r="C2263" s="490"/>
      <c r="D2263" s="489"/>
      <c r="E2263" s="491"/>
      <c r="F2263" s="487" t="s">
        <v>651</v>
      </c>
      <c r="G2263" s="486" t="s">
        <v>651</v>
      </c>
      <c r="H2263" s="549"/>
      <c r="I2263" s="549"/>
      <c r="J2263" s="549"/>
      <c r="K2263" s="549"/>
      <c r="L2263" s="551"/>
    </row>
    <row r="2264" spans="1:12" ht="16.149999999999999" customHeight="1">
      <c r="A2264" s="735" t="s">
        <v>691</v>
      </c>
      <c r="B2264" s="736"/>
      <c r="C2264" s="490" t="s">
        <v>246</v>
      </c>
      <c r="D2264" s="489">
        <v>1</v>
      </c>
      <c r="E2264" s="488"/>
      <c r="F2264" s="487"/>
      <c r="G2264" s="486" t="s">
        <v>651</v>
      </c>
      <c r="H2264" s="549"/>
      <c r="I2264" s="549"/>
      <c r="J2264" s="549"/>
      <c r="K2264" s="549"/>
      <c r="L2264" s="551"/>
    </row>
    <row r="2265" spans="1:12" ht="16.149999999999999" customHeight="1">
      <c r="A2265" s="737"/>
      <c r="B2265" s="738"/>
      <c r="C2265" s="485"/>
      <c r="D2265" s="484"/>
      <c r="E2265" s="483"/>
      <c r="F2265" s="482"/>
      <c r="G2265" s="481" t="s">
        <v>651</v>
      </c>
      <c r="H2265" s="476"/>
      <c r="I2265" s="476"/>
      <c r="J2265" s="476"/>
      <c r="K2265" s="476"/>
      <c r="L2265" s="475"/>
    </row>
    <row r="2266" spans="1:12" ht="16.149999999999999" customHeight="1">
      <c r="A2266" s="733" t="s">
        <v>651</v>
      </c>
      <c r="B2266" s="734"/>
      <c r="C2266" s="495"/>
      <c r="D2266" s="494"/>
      <c r="E2266" s="493"/>
      <c r="F2266" s="492"/>
      <c r="G2266" s="486" t="s">
        <v>651</v>
      </c>
      <c r="H2266" s="549"/>
      <c r="I2266" s="549"/>
      <c r="J2266" s="549"/>
      <c r="K2266" s="549"/>
      <c r="L2266" s="551"/>
    </row>
    <row r="2267" spans="1:12" ht="16.149999999999999" customHeight="1">
      <c r="A2267" s="735"/>
      <c r="B2267" s="736"/>
      <c r="C2267" s="490"/>
      <c r="D2267" s="489"/>
      <c r="E2267" s="491"/>
      <c r="F2267" s="487" t="s">
        <v>651</v>
      </c>
      <c r="G2267" s="486" t="s">
        <v>651</v>
      </c>
      <c r="H2267" s="549"/>
      <c r="I2267" s="549"/>
      <c r="J2267" s="549"/>
      <c r="K2267" s="549"/>
      <c r="L2267" s="551"/>
    </row>
    <row r="2268" spans="1:12" ht="16.149999999999999" customHeight="1">
      <c r="A2268" s="735" t="s">
        <v>681</v>
      </c>
      <c r="B2268" s="736"/>
      <c r="C2268" s="490" t="s">
        <v>246</v>
      </c>
      <c r="D2268" s="489">
        <v>1</v>
      </c>
      <c r="E2268" s="488" t="s">
        <v>618</v>
      </c>
      <c r="F2268" s="487"/>
      <c r="G2268" s="486" t="s">
        <v>651</v>
      </c>
      <c r="H2268" s="549"/>
      <c r="I2268" s="549"/>
      <c r="J2268" s="549"/>
      <c r="K2268" s="549"/>
      <c r="L2268" s="551"/>
    </row>
    <row r="2269" spans="1:12" ht="16.149999999999999" customHeight="1">
      <c r="A2269" s="737"/>
      <c r="B2269" s="738"/>
      <c r="C2269" s="485"/>
      <c r="D2269" s="484"/>
      <c r="E2269" s="483"/>
      <c r="F2269" s="482"/>
      <c r="G2269" s="481" t="s">
        <v>651</v>
      </c>
      <c r="H2269" s="476"/>
      <c r="I2269" s="476"/>
      <c r="J2269" s="476"/>
      <c r="K2269" s="476"/>
      <c r="L2269" s="475"/>
    </row>
    <row r="2276" spans="1:12" ht="16.149999999999999" customHeight="1">
      <c r="A2276" s="507" t="s">
        <v>651</v>
      </c>
      <c r="B2276" s="479" t="s">
        <v>807</v>
      </c>
      <c r="C2276" s="480"/>
      <c r="D2276" s="479"/>
      <c r="E2276" s="479"/>
      <c r="F2276" s="479"/>
      <c r="G2276" s="479"/>
      <c r="H2276" s="479" t="s">
        <v>617</v>
      </c>
      <c r="I2276" s="480" t="s">
        <v>806</v>
      </c>
      <c r="J2276" s="479" t="s">
        <v>689</v>
      </c>
      <c r="K2276" s="479" t="s">
        <v>688</v>
      </c>
      <c r="L2276" s="506"/>
    </row>
    <row r="2277" spans="1:12" ht="16.149999999999999" customHeight="1">
      <c r="A2277" s="505" t="s">
        <v>651</v>
      </c>
      <c r="B2277" s="549" t="s">
        <v>1049</v>
      </c>
      <c r="C2277" s="550"/>
      <c r="D2277" s="549"/>
      <c r="E2277" s="549"/>
      <c r="F2277" s="549"/>
      <c r="G2277" s="478"/>
      <c r="H2277" s="549"/>
      <c r="I2277" s="504"/>
      <c r="J2277" s="503" t="s">
        <v>687</v>
      </c>
      <c r="K2277" s="502" t="s">
        <v>246</v>
      </c>
      <c r="L2277" s="501" t="s">
        <v>618</v>
      </c>
    </row>
    <row r="2278" spans="1:12" ht="16.149999999999999" customHeight="1">
      <c r="A2278" s="477" t="s">
        <v>651</v>
      </c>
      <c r="B2278" s="549"/>
      <c r="C2278" s="550"/>
      <c r="D2278" s="549"/>
      <c r="E2278" s="549"/>
      <c r="F2278" s="549"/>
      <c r="G2278" s="478"/>
      <c r="H2278" s="478"/>
      <c r="I2278" s="478"/>
      <c r="J2278" s="478"/>
      <c r="K2278" s="478"/>
      <c r="L2278" s="501"/>
    </row>
    <row r="2279" spans="1:12" ht="16.149999999999999" customHeight="1">
      <c r="A2279" s="498" t="s">
        <v>686</v>
      </c>
      <c r="B2279" s="500"/>
      <c r="C2279" s="499" t="s">
        <v>309</v>
      </c>
      <c r="D2279" s="499" t="s">
        <v>685</v>
      </c>
      <c r="E2279" s="499" t="s">
        <v>684</v>
      </c>
      <c r="F2279" s="499" t="s">
        <v>683</v>
      </c>
      <c r="G2279" s="498" t="s">
        <v>682</v>
      </c>
      <c r="H2279" s="497"/>
      <c r="I2279" s="497"/>
      <c r="J2279" s="497"/>
      <c r="K2279" s="497"/>
      <c r="L2279" s="496"/>
    </row>
    <row r="2280" spans="1:12" ht="16.149999999999999" customHeight="1">
      <c r="A2280" s="733" t="s">
        <v>250</v>
      </c>
      <c r="B2280" s="734"/>
      <c r="C2280" s="495"/>
      <c r="D2280" s="494"/>
      <c r="E2280" s="493"/>
      <c r="F2280" s="492"/>
      <c r="G2280" s="486" t="s">
        <v>651</v>
      </c>
      <c r="H2280" s="549"/>
      <c r="I2280" s="549"/>
      <c r="J2280" s="549"/>
      <c r="K2280" s="549"/>
      <c r="L2280" s="551"/>
    </row>
    <row r="2281" spans="1:12" ht="16.149999999999999" customHeight="1">
      <c r="A2281" s="735"/>
      <c r="B2281" s="736"/>
      <c r="C2281" s="490"/>
      <c r="D2281" s="489"/>
      <c r="E2281" s="491"/>
      <c r="F2281" s="487" t="s">
        <v>651</v>
      </c>
      <c r="G2281" s="486" t="s">
        <v>651</v>
      </c>
      <c r="H2281" s="549"/>
      <c r="I2281" s="549"/>
      <c r="J2281" s="549"/>
      <c r="K2281" s="549"/>
      <c r="L2281" s="551"/>
    </row>
    <row r="2282" spans="1:12" ht="16.149999999999999" customHeight="1">
      <c r="A2282" s="735" t="s">
        <v>651</v>
      </c>
      <c r="B2282" s="736"/>
      <c r="C2282" s="490" t="s">
        <v>248</v>
      </c>
      <c r="D2282" s="489"/>
      <c r="E2282" s="488"/>
      <c r="F2282" s="487"/>
      <c r="G2282" s="486" t="s">
        <v>651</v>
      </c>
      <c r="H2282" s="549"/>
      <c r="I2282" s="549"/>
      <c r="J2282" s="549"/>
      <c r="K2282" s="549"/>
      <c r="L2282" s="551"/>
    </row>
    <row r="2283" spans="1:12" ht="16.149999999999999" customHeight="1">
      <c r="A2283" s="737"/>
      <c r="B2283" s="738"/>
      <c r="C2283" s="485"/>
      <c r="D2283" s="484"/>
      <c r="E2283" s="483"/>
      <c r="F2283" s="482"/>
      <c r="G2283" s="481" t="s">
        <v>651</v>
      </c>
      <c r="H2283" s="476"/>
      <c r="I2283" s="476"/>
      <c r="J2283" s="476"/>
      <c r="K2283" s="476"/>
      <c r="L2283" s="475"/>
    </row>
    <row r="2284" spans="1:12" ht="16.149999999999999" customHeight="1">
      <c r="A2284" s="733" t="s">
        <v>651</v>
      </c>
      <c r="B2284" s="734"/>
      <c r="C2284" s="495"/>
      <c r="D2284" s="494"/>
      <c r="E2284" s="493"/>
      <c r="F2284" s="492"/>
      <c r="G2284" s="486" t="s">
        <v>651</v>
      </c>
      <c r="H2284" s="549"/>
      <c r="I2284" s="549"/>
      <c r="J2284" s="549"/>
      <c r="K2284" s="549"/>
      <c r="L2284" s="551"/>
    </row>
    <row r="2285" spans="1:12" ht="16.149999999999999" customHeight="1">
      <c r="A2285" s="735"/>
      <c r="B2285" s="736"/>
      <c r="C2285" s="490"/>
      <c r="D2285" s="489"/>
      <c r="E2285" s="491"/>
      <c r="F2285" s="487" t="s">
        <v>651</v>
      </c>
      <c r="G2285" s="486" t="s">
        <v>651</v>
      </c>
      <c r="H2285" s="549"/>
      <c r="I2285" s="549"/>
      <c r="J2285" s="549"/>
      <c r="K2285" s="549"/>
      <c r="L2285" s="551"/>
    </row>
    <row r="2286" spans="1:12" ht="16.149999999999999" customHeight="1">
      <c r="A2286" s="735" t="s">
        <v>691</v>
      </c>
      <c r="B2286" s="736"/>
      <c r="C2286" s="490" t="s">
        <v>246</v>
      </c>
      <c r="D2286" s="489">
        <v>1</v>
      </c>
      <c r="E2286" s="488"/>
      <c r="F2286" s="487"/>
      <c r="G2286" s="486" t="s">
        <v>651</v>
      </c>
      <c r="H2286" s="549"/>
      <c r="I2286" s="549"/>
      <c r="J2286" s="549"/>
      <c r="K2286" s="549"/>
      <c r="L2286" s="551"/>
    </row>
    <row r="2287" spans="1:12" ht="16.149999999999999" customHeight="1">
      <c r="A2287" s="737"/>
      <c r="B2287" s="738"/>
      <c r="C2287" s="485"/>
      <c r="D2287" s="484"/>
      <c r="E2287" s="483"/>
      <c r="F2287" s="482"/>
      <c r="G2287" s="481" t="s">
        <v>651</v>
      </c>
      <c r="H2287" s="476"/>
      <c r="I2287" s="476"/>
      <c r="J2287" s="476"/>
      <c r="K2287" s="476"/>
      <c r="L2287" s="475"/>
    </row>
    <row r="2288" spans="1:12" ht="16.149999999999999" customHeight="1">
      <c r="A2288" s="733" t="s">
        <v>651</v>
      </c>
      <c r="B2288" s="734"/>
      <c r="C2288" s="495"/>
      <c r="D2288" s="494"/>
      <c r="E2288" s="493"/>
      <c r="F2288" s="492"/>
      <c r="G2288" s="486" t="s">
        <v>651</v>
      </c>
      <c r="H2288" s="549"/>
      <c r="I2288" s="549"/>
      <c r="J2288" s="549"/>
      <c r="K2288" s="549"/>
      <c r="L2288" s="551"/>
    </row>
    <row r="2289" spans="1:12" ht="16.149999999999999" customHeight="1">
      <c r="A2289" s="735"/>
      <c r="B2289" s="736"/>
      <c r="C2289" s="490"/>
      <c r="D2289" s="489"/>
      <c r="E2289" s="491"/>
      <c r="F2289" s="487" t="s">
        <v>651</v>
      </c>
      <c r="G2289" s="486" t="s">
        <v>651</v>
      </c>
      <c r="H2289" s="549"/>
      <c r="I2289" s="549"/>
      <c r="J2289" s="549"/>
      <c r="K2289" s="549"/>
      <c r="L2289" s="551"/>
    </row>
    <row r="2290" spans="1:12" ht="16.149999999999999" customHeight="1">
      <c r="A2290" s="735" t="s">
        <v>681</v>
      </c>
      <c r="B2290" s="736"/>
      <c r="C2290" s="490" t="s">
        <v>246</v>
      </c>
      <c r="D2290" s="489">
        <v>1</v>
      </c>
      <c r="E2290" s="488" t="s">
        <v>618</v>
      </c>
      <c r="F2290" s="487"/>
      <c r="G2290" s="486" t="s">
        <v>651</v>
      </c>
      <c r="H2290" s="549"/>
      <c r="I2290" s="549"/>
      <c r="J2290" s="549"/>
      <c r="K2290" s="549"/>
      <c r="L2290" s="551"/>
    </row>
    <row r="2291" spans="1:12" ht="16.149999999999999" customHeight="1">
      <c r="A2291" s="737"/>
      <c r="B2291" s="738"/>
      <c r="C2291" s="485"/>
      <c r="D2291" s="484"/>
      <c r="E2291" s="483"/>
      <c r="F2291" s="482"/>
      <c r="G2291" s="481" t="s">
        <v>651</v>
      </c>
      <c r="H2291" s="476"/>
      <c r="I2291" s="476"/>
      <c r="J2291" s="476"/>
      <c r="K2291" s="476"/>
      <c r="L2291" s="475"/>
    </row>
    <row r="2293" spans="1:12" ht="16.149999999999999" customHeight="1">
      <c r="A2293" s="507" t="s">
        <v>651</v>
      </c>
      <c r="B2293" s="479" t="s">
        <v>1664</v>
      </c>
      <c r="C2293" s="480"/>
      <c r="D2293" s="479"/>
      <c r="E2293" s="479"/>
      <c r="F2293" s="479"/>
      <c r="G2293" s="479"/>
      <c r="H2293" s="479" t="s">
        <v>617</v>
      </c>
      <c r="I2293" s="480" t="s">
        <v>805</v>
      </c>
      <c r="J2293" s="479" t="s">
        <v>689</v>
      </c>
      <c r="K2293" s="479" t="s">
        <v>688</v>
      </c>
      <c r="L2293" s="506"/>
    </row>
    <row r="2294" spans="1:12" ht="16.149999999999999" customHeight="1">
      <c r="A2294" s="505" t="s">
        <v>651</v>
      </c>
      <c r="B2294" s="549" t="s">
        <v>773</v>
      </c>
      <c r="C2294" s="550"/>
      <c r="D2294" s="549"/>
      <c r="E2294" s="549"/>
      <c r="F2294" s="549"/>
      <c r="G2294" s="478"/>
      <c r="H2294" s="549"/>
      <c r="I2294" s="504"/>
      <c r="J2294" s="503" t="s">
        <v>708</v>
      </c>
      <c r="K2294" s="502" t="s">
        <v>240</v>
      </c>
      <c r="L2294" s="501" t="s">
        <v>618</v>
      </c>
    </row>
    <row r="2295" spans="1:12" ht="16.149999999999999" customHeight="1">
      <c r="A2295" s="477" t="s">
        <v>651</v>
      </c>
      <c r="B2295" s="549"/>
      <c r="C2295" s="550"/>
      <c r="D2295" s="549"/>
      <c r="E2295" s="549"/>
      <c r="F2295" s="549"/>
      <c r="G2295" s="478"/>
      <c r="H2295" s="478"/>
      <c r="I2295" s="478"/>
      <c r="J2295" s="478"/>
      <c r="K2295" s="478"/>
      <c r="L2295" s="501"/>
    </row>
    <row r="2296" spans="1:12" ht="16.149999999999999" customHeight="1">
      <c r="A2296" s="498" t="s">
        <v>686</v>
      </c>
      <c r="B2296" s="500"/>
      <c r="C2296" s="499" t="s">
        <v>309</v>
      </c>
      <c r="D2296" s="499" t="s">
        <v>685</v>
      </c>
      <c r="E2296" s="499" t="s">
        <v>684</v>
      </c>
      <c r="F2296" s="499" t="s">
        <v>683</v>
      </c>
      <c r="G2296" s="498" t="s">
        <v>682</v>
      </c>
      <c r="H2296" s="497"/>
      <c r="I2296" s="497"/>
      <c r="J2296" s="497"/>
      <c r="K2296" s="497"/>
      <c r="L2296" s="496"/>
    </row>
    <row r="2297" spans="1:12" ht="16.149999999999999" customHeight="1">
      <c r="A2297" s="733" t="s">
        <v>701</v>
      </c>
      <c r="B2297" s="734"/>
      <c r="C2297" s="495"/>
      <c r="D2297" s="494"/>
      <c r="E2297" s="493"/>
      <c r="F2297" s="492"/>
      <c r="G2297" s="486" t="s">
        <v>651</v>
      </c>
      <c r="H2297" s="549"/>
      <c r="I2297" s="549"/>
      <c r="J2297" s="549"/>
      <c r="K2297" s="549"/>
      <c r="L2297" s="551"/>
    </row>
    <row r="2298" spans="1:12" ht="16.149999999999999" customHeight="1">
      <c r="A2298" s="735"/>
      <c r="B2298" s="736"/>
      <c r="C2298" s="490"/>
      <c r="D2298" s="489"/>
      <c r="E2298" s="491"/>
      <c r="F2298" s="487" t="s">
        <v>651</v>
      </c>
      <c r="G2298" s="486" t="s">
        <v>651</v>
      </c>
      <c r="H2298" s="549"/>
      <c r="I2298" s="549"/>
      <c r="J2298" s="549"/>
      <c r="K2298" s="549"/>
      <c r="L2298" s="551"/>
    </row>
    <row r="2299" spans="1:12" ht="16.149999999999999" customHeight="1">
      <c r="A2299" s="735" t="s">
        <v>651</v>
      </c>
      <c r="B2299" s="736"/>
      <c r="C2299" s="490" t="s">
        <v>248</v>
      </c>
      <c r="D2299" s="489"/>
      <c r="E2299" s="488"/>
      <c r="F2299" s="487"/>
      <c r="G2299" s="486" t="s">
        <v>651</v>
      </c>
      <c r="H2299" s="549"/>
      <c r="I2299" s="549"/>
      <c r="J2299" s="549"/>
      <c r="K2299" s="549"/>
      <c r="L2299" s="551"/>
    </row>
    <row r="2300" spans="1:12" ht="16.149999999999999" customHeight="1">
      <c r="A2300" s="737"/>
      <c r="B2300" s="738"/>
      <c r="C2300" s="485"/>
      <c r="D2300" s="484"/>
      <c r="E2300" s="483"/>
      <c r="F2300" s="482"/>
      <c r="G2300" s="481" t="s">
        <v>651</v>
      </c>
      <c r="H2300" s="476"/>
      <c r="I2300" s="476"/>
      <c r="J2300" s="476"/>
      <c r="K2300" s="476"/>
      <c r="L2300" s="475"/>
    </row>
    <row r="2301" spans="1:12" ht="16.149999999999999" customHeight="1">
      <c r="A2301" s="733" t="s">
        <v>250</v>
      </c>
      <c r="B2301" s="734"/>
      <c r="C2301" s="495"/>
      <c r="D2301" s="494"/>
      <c r="E2301" s="493"/>
      <c r="F2301" s="492"/>
      <c r="G2301" s="486" t="s">
        <v>651</v>
      </c>
      <c r="H2301" s="549"/>
      <c r="I2301" s="549"/>
      <c r="J2301" s="549"/>
      <c r="K2301" s="549"/>
      <c r="L2301" s="551"/>
    </row>
    <row r="2302" spans="1:12" ht="16.149999999999999" customHeight="1">
      <c r="A2302" s="735"/>
      <c r="B2302" s="736"/>
      <c r="C2302" s="490"/>
      <c r="D2302" s="489"/>
      <c r="E2302" s="491"/>
      <c r="F2302" s="487" t="s">
        <v>651</v>
      </c>
      <c r="G2302" s="486" t="s">
        <v>651</v>
      </c>
      <c r="H2302" s="549"/>
      <c r="I2302" s="549"/>
      <c r="J2302" s="549"/>
      <c r="K2302" s="549"/>
      <c r="L2302" s="551"/>
    </row>
    <row r="2303" spans="1:12" ht="16.149999999999999" customHeight="1">
      <c r="A2303" s="735" t="s">
        <v>651</v>
      </c>
      <c r="B2303" s="736"/>
      <c r="C2303" s="490" t="s">
        <v>248</v>
      </c>
      <c r="D2303" s="489"/>
      <c r="E2303" s="488"/>
      <c r="F2303" s="487"/>
      <c r="G2303" s="486" t="s">
        <v>651</v>
      </c>
      <c r="H2303" s="549"/>
      <c r="I2303" s="549"/>
      <c r="J2303" s="549"/>
      <c r="K2303" s="549"/>
      <c r="L2303" s="551"/>
    </row>
    <row r="2304" spans="1:12" ht="16.149999999999999" customHeight="1">
      <c r="A2304" s="737"/>
      <c r="B2304" s="738"/>
      <c r="C2304" s="485"/>
      <c r="D2304" s="484"/>
      <c r="E2304" s="483"/>
      <c r="F2304" s="482"/>
      <c r="G2304" s="481" t="s">
        <v>651</v>
      </c>
      <c r="H2304" s="476"/>
      <c r="I2304" s="476"/>
      <c r="J2304" s="476"/>
      <c r="K2304" s="476"/>
      <c r="L2304" s="475"/>
    </row>
    <row r="2305" spans="1:12" ht="16.149999999999999" customHeight="1">
      <c r="A2305" s="733" t="s">
        <v>742</v>
      </c>
      <c r="B2305" s="734"/>
      <c r="C2305" s="495"/>
      <c r="D2305" s="494"/>
      <c r="E2305" s="493"/>
      <c r="F2305" s="492"/>
      <c r="G2305" s="486" t="s">
        <v>741</v>
      </c>
      <c r="H2305" s="549"/>
      <c r="I2305" s="549"/>
      <c r="J2305" s="549"/>
      <c r="K2305" s="549"/>
      <c r="L2305" s="551"/>
    </row>
    <row r="2306" spans="1:12" ht="16.149999999999999" customHeight="1">
      <c r="A2306" s="735"/>
      <c r="B2306" s="736"/>
      <c r="C2306" s="490"/>
      <c r="D2306" s="489"/>
      <c r="E2306" s="491"/>
      <c r="F2306" s="487" t="s">
        <v>651</v>
      </c>
      <c r="G2306" s="486" t="s">
        <v>651</v>
      </c>
      <c r="H2306" s="549"/>
      <c r="I2306" s="549"/>
      <c r="J2306" s="549"/>
      <c r="K2306" s="549"/>
      <c r="L2306" s="551"/>
    </row>
    <row r="2307" spans="1:12" ht="16.149999999999999" customHeight="1">
      <c r="A2307" s="735" t="s">
        <v>1663</v>
      </c>
      <c r="B2307" s="736"/>
      <c r="C2307" s="490" t="s">
        <v>731</v>
      </c>
      <c r="D2307" s="489"/>
      <c r="E2307" s="488"/>
      <c r="F2307" s="487"/>
      <c r="G2307" s="486" t="s">
        <v>651</v>
      </c>
      <c r="H2307" s="549"/>
      <c r="I2307" s="549"/>
      <c r="J2307" s="549"/>
      <c r="K2307" s="549"/>
      <c r="L2307" s="551"/>
    </row>
    <row r="2308" spans="1:12" ht="16.149999999999999" customHeight="1">
      <c r="A2308" s="737"/>
      <c r="B2308" s="738"/>
      <c r="C2308" s="485"/>
      <c r="D2308" s="484"/>
      <c r="E2308" s="483"/>
      <c r="F2308" s="482"/>
      <c r="G2308" s="481" t="s">
        <v>651</v>
      </c>
      <c r="H2308" s="476"/>
      <c r="I2308" s="476"/>
      <c r="J2308" s="476"/>
      <c r="K2308" s="476"/>
      <c r="L2308" s="475"/>
    </row>
    <row r="2311" spans="1:12" ht="16.149999999999999" customHeight="1">
      <c r="A2311" s="507" t="s">
        <v>651</v>
      </c>
      <c r="B2311" s="479" t="s">
        <v>1664</v>
      </c>
      <c r="C2311" s="480"/>
      <c r="D2311" s="479"/>
      <c r="E2311" s="479"/>
      <c r="F2311" s="479"/>
      <c r="G2311" s="479"/>
      <c r="H2311" s="479" t="s">
        <v>617</v>
      </c>
      <c r="I2311" s="480" t="s">
        <v>805</v>
      </c>
      <c r="J2311" s="479" t="s">
        <v>689</v>
      </c>
      <c r="K2311" s="479" t="s">
        <v>688</v>
      </c>
      <c r="L2311" s="506"/>
    </row>
    <row r="2312" spans="1:12" ht="16.149999999999999" customHeight="1">
      <c r="A2312" s="505" t="s">
        <v>651</v>
      </c>
      <c r="B2312" s="549" t="s">
        <v>773</v>
      </c>
      <c r="C2312" s="550"/>
      <c r="D2312" s="549"/>
      <c r="E2312" s="549"/>
      <c r="F2312" s="549"/>
      <c r="G2312" s="478"/>
      <c r="H2312" s="549"/>
      <c r="I2312" s="504"/>
      <c r="J2312" s="503" t="s">
        <v>708</v>
      </c>
      <c r="K2312" s="502" t="s">
        <v>240</v>
      </c>
      <c r="L2312" s="501" t="s">
        <v>618</v>
      </c>
    </row>
    <row r="2313" spans="1:12" ht="16.149999999999999" customHeight="1">
      <c r="A2313" s="477" t="s">
        <v>651</v>
      </c>
      <c r="B2313" s="549"/>
      <c r="C2313" s="550"/>
      <c r="D2313" s="549"/>
      <c r="E2313" s="549"/>
      <c r="F2313" s="549"/>
      <c r="G2313" s="478"/>
      <c r="H2313" s="478"/>
      <c r="I2313" s="478"/>
      <c r="J2313" s="478"/>
      <c r="K2313" s="478"/>
      <c r="L2313" s="501"/>
    </row>
    <row r="2314" spans="1:12" ht="16.149999999999999" customHeight="1">
      <c r="A2314" s="498" t="s">
        <v>686</v>
      </c>
      <c r="B2314" s="500"/>
      <c r="C2314" s="499" t="s">
        <v>309</v>
      </c>
      <c r="D2314" s="499" t="s">
        <v>685</v>
      </c>
      <c r="E2314" s="499" t="s">
        <v>684</v>
      </c>
      <c r="F2314" s="499" t="s">
        <v>683</v>
      </c>
      <c r="G2314" s="498" t="s">
        <v>682</v>
      </c>
      <c r="H2314" s="497"/>
      <c r="I2314" s="497"/>
      <c r="J2314" s="497"/>
      <c r="K2314" s="497"/>
      <c r="L2314" s="496"/>
    </row>
    <row r="2315" spans="1:12" ht="16.149999999999999" customHeight="1">
      <c r="A2315" s="733" t="s">
        <v>651</v>
      </c>
      <c r="B2315" s="734"/>
      <c r="C2315" s="495"/>
      <c r="D2315" s="494"/>
      <c r="E2315" s="493"/>
      <c r="F2315" s="492"/>
      <c r="G2315" s="486" t="s">
        <v>651</v>
      </c>
      <c r="H2315" s="549"/>
      <c r="I2315" s="549"/>
      <c r="J2315" s="549"/>
      <c r="K2315" s="549"/>
      <c r="L2315" s="551"/>
    </row>
    <row r="2316" spans="1:12" ht="16.149999999999999" customHeight="1">
      <c r="A2316" s="735"/>
      <c r="B2316" s="736"/>
      <c r="C2316" s="490"/>
      <c r="D2316" s="489"/>
      <c r="E2316" s="491"/>
      <c r="F2316" s="487" t="s">
        <v>651</v>
      </c>
      <c r="G2316" s="486" t="s">
        <v>651</v>
      </c>
      <c r="H2316" s="549"/>
      <c r="I2316" s="549"/>
      <c r="J2316" s="549"/>
      <c r="K2316" s="549"/>
      <c r="L2316" s="551"/>
    </row>
    <row r="2317" spans="1:12" ht="16.149999999999999" customHeight="1">
      <c r="A2317" s="735" t="s">
        <v>691</v>
      </c>
      <c r="B2317" s="736"/>
      <c r="C2317" s="490" t="s">
        <v>240</v>
      </c>
      <c r="D2317" s="489">
        <v>10</v>
      </c>
      <c r="E2317" s="488"/>
      <c r="F2317" s="487"/>
      <c r="G2317" s="486" t="s">
        <v>651</v>
      </c>
      <c r="H2317" s="549"/>
      <c r="I2317" s="549"/>
      <c r="J2317" s="549"/>
      <c r="K2317" s="549"/>
      <c r="L2317" s="551"/>
    </row>
    <row r="2318" spans="1:12" ht="16.149999999999999" customHeight="1">
      <c r="A2318" s="737"/>
      <c r="B2318" s="738"/>
      <c r="C2318" s="485"/>
      <c r="D2318" s="484"/>
      <c r="E2318" s="483"/>
      <c r="F2318" s="482"/>
      <c r="G2318" s="481" t="s">
        <v>651</v>
      </c>
      <c r="H2318" s="476"/>
      <c r="I2318" s="476"/>
      <c r="J2318" s="476"/>
      <c r="K2318" s="476"/>
      <c r="L2318" s="475"/>
    </row>
    <row r="2319" spans="1:12" ht="16.149999999999999" customHeight="1">
      <c r="A2319" s="733" t="s">
        <v>651</v>
      </c>
      <c r="B2319" s="734"/>
      <c r="C2319" s="495"/>
      <c r="D2319" s="494"/>
      <c r="E2319" s="493"/>
      <c r="F2319" s="492"/>
      <c r="G2319" s="486" t="s">
        <v>651</v>
      </c>
      <c r="H2319" s="549"/>
      <c r="I2319" s="549"/>
      <c r="J2319" s="549"/>
      <c r="K2319" s="549"/>
      <c r="L2319" s="551"/>
    </row>
    <row r="2320" spans="1:12" ht="16.149999999999999" customHeight="1">
      <c r="A2320" s="735"/>
      <c r="B2320" s="736"/>
      <c r="C2320" s="490"/>
      <c r="D2320" s="489"/>
      <c r="E2320" s="491"/>
      <c r="F2320" s="487" t="s">
        <v>651</v>
      </c>
      <c r="G2320" s="486" t="s">
        <v>651</v>
      </c>
      <c r="H2320" s="549"/>
      <c r="I2320" s="549"/>
      <c r="J2320" s="549"/>
      <c r="K2320" s="549"/>
      <c r="L2320" s="551"/>
    </row>
    <row r="2321" spans="1:12" ht="16.149999999999999" customHeight="1">
      <c r="A2321" s="735" t="s">
        <v>681</v>
      </c>
      <c r="B2321" s="736"/>
      <c r="C2321" s="490" t="s">
        <v>240</v>
      </c>
      <c r="D2321" s="489">
        <v>1</v>
      </c>
      <c r="E2321" s="488" t="s">
        <v>618</v>
      </c>
      <c r="F2321" s="487"/>
      <c r="G2321" s="486" t="s">
        <v>651</v>
      </c>
      <c r="H2321" s="549"/>
      <c r="I2321" s="549"/>
      <c r="J2321" s="549"/>
      <c r="K2321" s="549"/>
      <c r="L2321" s="551"/>
    </row>
    <row r="2322" spans="1:12" ht="16.149999999999999" customHeight="1">
      <c r="A2322" s="737"/>
      <c r="B2322" s="738"/>
      <c r="C2322" s="485"/>
      <c r="D2322" s="484"/>
      <c r="E2322" s="483"/>
      <c r="F2322" s="482"/>
      <c r="G2322" s="481" t="s">
        <v>651</v>
      </c>
      <c r="H2322" s="476"/>
      <c r="I2322" s="476"/>
      <c r="J2322" s="476"/>
      <c r="K2322" s="476"/>
      <c r="L2322" s="475"/>
    </row>
    <row r="2324" spans="1:12" ht="16.149999999999999" customHeight="1">
      <c r="A2324" s="507" t="s">
        <v>651</v>
      </c>
      <c r="B2324" s="479" t="s">
        <v>768</v>
      </c>
      <c r="C2324" s="480"/>
      <c r="D2324" s="479"/>
      <c r="E2324" s="479"/>
      <c r="F2324" s="479"/>
      <c r="G2324" s="479"/>
      <c r="H2324" s="479" t="s">
        <v>617</v>
      </c>
      <c r="I2324" s="480" t="s">
        <v>803</v>
      </c>
      <c r="J2324" s="479" t="s">
        <v>689</v>
      </c>
      <c r="K2324" s="479" t="s">
        <v>688</v>
      </c>
      <c r="L2324" s="506"/>
    </row>
    <row r="2325" spans="1:12" ht="16.149999999999999" customHeight="1">
      <c r="A2325" s="505" t="s">
        <v>651</v>
      </c>
      <c r="B2325" s="549" t="s">
        <v>802</v>
      </c>
      <c r="C2325" s="550"/>
      <c r="D2325" s="549"/>
      <c r="E2325" s="549"/>
      <c r="F2325" s="549"/>
      <c r="G2325" s="478"/>
      <c r="H2325" s="549"/>
      <c r="I2325" s="504"/>
      <c r="J2325" s="503" t="s">
        <v>722</v>
      </c>
      <c r="K2325" s="502" t="s">
        <v>240</v>
      </c>
      <c r="L2325" s="501" t="s">
        <v>618</v>
      </c>
    </row>
    <row r="2326" spans="1:12" ht="16.149999999999999" customHeight="1">
      <c r="A2326" s="477" t="s">
        <v>651</v>
      </c>
      <c r="B2326" s="549"/>
      <c r="C2326" s="550"/>
      <c r="D2326" s="549"/>
      <c r="E2326" s="549"/>
      <c r="F2326" s="549"/>
      <c r="G2326" s="478"/>
      <c r="H2326" s="478"/>
      <c r="I2326" s="478"/>
      <c r="J2326" s="478"/>
      <c r="K2326" s="478"/>
      <c r="L2326" s="501"/>
    </row>
    <row r="2327" spans="1:12" ht="16.149999999999999" customHeight="1">
      <c r="A2327" s="498" t="s">
        <v>686</v>
      </c>
      <c r="B2327" s="500"/>
      <c r="C2327" s="499" t="s">
        <v>309</v>
      </c>
      <c r="D2327" s="499" t="s">
        <v>685</v>
      </c>
      <c r="E2327" s="499" t="s">
        <v>684</v>
      </c>
      <c r="F2327" s="499" t="s">
        <v>683</v>
      </c>
      <c r="G2327" s="498" t="s">
        <v>682</v>
      </c>
      <c r="H2327" s="497"/>
      <c r="I2327" s="497"/>
      <c r="J2327" s="497"/>
      <c r="K2327" s="497"/>
      <c r="L2327" s="496"/>
    </row>
    <row r="2328" spans="1:12" ht="16.149999999999999" customHeight="1">
      <c r="A2328" s="733" t="s">
        <v>701</v>
      </c>
      <c r="B2328" s="734"/>
      <c r="C2328" s="495"/>
      <c r="D2328" s="494"/>
      <c r="E2328" s="493"/>
      <c r="F2328" s="492"/>
      <c r="G2328" s="486" t="s">
        <v>651</v>
      </c>
      <c r="H2328" s="549"/>
      <c r="I2328" s="549"/>
      <c r="J2328" s="549"/>
      <c r="K2328" s="549"/>
      <c r="L2328" s="551"/>
    </row>
    <row r="2329" spans="1:12" ht="16.149999999999999" customHeight="1">
      <c r="A2329" s="735"/>
      <c r="B2329" s="736"/>
      <c r="C2329" s="490"/>
      <c r="D2329" s="489"/>
      <c r="E2329" s="491"/>
      <c r="F2329" s="487" t="s">
        <v>651</v>
      </c>
      <c r="G2329" s="486" t="s">
        <v>651</v>
      </c>
      <c r="H2329" s="549"/>
      <c r="I2329" s="549"/>
      <c r="J2329" s="549"/>
      <c r="K2329" s="549"/>
      <c r="L2329" s="551"/>
    </row>
    <row r="2330" spans="1:12" ht="16.149999999999999" customHeight="1">
      <c r="A2330" s="735" t="s">
        <v>651</v>
      </c>
      <c r="B2330" s="736"/>
      <c r="C2330" s="490" t="s">
        <v>248</v>
      </c>
      <c r="D2330" s="489"/>
      <c r="E2330" s="488"/>
      <c r="F2330" s="487"/>
      <c r="G2330" s="486" t="s">
        <v>651</v>
      </c>
      <c r="H2330" s="549"/>
      <c r="I2330" s="549"/>
      <c r="J2330" s="549"/>
      <c r="K2330" s="549"/>
      <c r="L2330" s="551"/>
    </row>
    <row r="2331" spans="1:12" ht="16.149999999999999" customHeight="1">
      <c r="A2331" s="737"/>
      <c r="B2331" s="738"/>
      <c r="C2331" s="485"/>
      <c r="D2331" s="484"/>
      <c r="E2331" s="483"/>
      <c r="F2331" s="482"/>
      <c r="G2331" s="481" t="s">
        <v>651</v>
      </c>
      <c r="H2331" s="476"/>
      <c r="I2331" s="476"/>
      <c r="J2331" s="476"/>
      <c r="K2331" s="476"/>
      <c r="L2331" s="475"/>
    </row>
    <row r="2332" spans="1:12" ht="16.149999999999999" customHeight="1">
      <c r="A2332" s="733" t="s">
        <v>250</v>
      </c>
      <c r="B2332" s="734"/>
      <c r="C2332" s="495"/>
      <c r="D2332" s="494"/>
      <c r="E2332" s="493"/>
      <c r="F2332" s="492"/>
      <c r="G2332" s="486" t="s">
        <v>651</v>
      </c>
      <c r="H2332" s="549"/>
      <c r="I2332" s="549"/>
      <c r="J2332" s="549"/>
      <c r="K2332" s="549"/>
      <c r="L2332" s="551"/>
    </row>
    <row r="2333" spans="1:12" ht="16.149999999999999" customHeight="1">
      <c r="A2333" s="735"/>
      <c r="B2333" s="736"/>
      <c r="C2333" s="490"/>
      <c r="D2333" s="489"/>
      <c r="E2333" s="491"/>
      <c r="F2333" s="487" t="s">
        <v>651</v>
      </c>
      <c r="G2333" s="486" t="s">
        <v>651</v>
      </c>
      <c r="H2333" s="549"/>
      <c r="I2333" s="549"/>
      <c r="J2333" s="549"/>
      <c r="K2333" s="549"/>
      <c r="L2333" s="551"/>
    </row>
    <row r="2334" spans="1:12" ht="16.149999999999999" customHeight="1">
      <c r="A2334" s="735" t="s">
        <v>651</v>
      </c>
      <c r="B2334" s="736"/>
      <c r="C2334" s="490" t="s">
        <v>248</v>
      </c>
      <c r="D2334" s="489"/>
      <c r="E2334" s="488"/>
      <c r="F2334" s="487"/>
      <c r="G2334" s="486" t="s">
        <v>651</v>
      </c>
      <c r="H2334" s="549"/>
      <c r="I2334" s="549"/>
      <c r="J2334" s="549"/>
      <c r="K2334" s="549"/>
      <c r="L2334" s="551"/>
    </row>
    <row r="2335" spans="1:12" ht="16.149999999999999" customHeight="1">
      <c r="A2335" s="737"/>
      <c r="B2335" s="738"/>
      <c r="C2335" s="485"/>
      <c r="D2335" s="484"/>
      <c r="E2335" s="483"/>
      <c r="F2335" s="482"/>
      <c r="G2335" s="481" t="s">
        <v>651</v>
      </c>
      <c r="H2335" s="476"/>
      <c r="I2335" s="476"/>
      <c r="J2335" s="476"/>
      <c r="K2335" s="476"/>
      <c r="L2335" s="475"/>
    </row>
    <row r="2336" spans="1:12" ht="16.149999999999999" customHeight="1">
      <c r="A2336" s="733" t="s">
        <v>771</v>
      </c>
      <c r="B2336" s="734"/>
      <c r="C2336" s="495"/>
      <c r="D2336" s="494"/>
      <c r="E2336" s="493"/>
      <c r="F2336" s="492"/>
      <c r="G2336" s="486" t="s">
        <v>651</v>
      </c>
      <c r="H2336" s="549"/>
      <c r="I2336" s="549"/>
      <c r="J2336" s="549"/>
      <c r="K2336" s="549"/>
      <c r="L2336" s="551"/>
    </row>
    <row r="2337" spans="1:12" ht="16.149999999999999" customHeight="1">
      <c r="A2337" s="735"/>
      <c r="B2337" s="736"/>
      <c r="C2337" s="490"/>
      <c r="D2337" s="489"/>
      <c r="E2337" s="491"/>
      <c r="F2337" s="487" t="s">
        <v>651</v>
      </c>
      <c r="G2337" s="486" t="s">
        <v>651</v>
      </c>
      <c r="H2337" s="549"/>
      <c r="I2337" s="549"/>
      <c r="J2337" s="549"/>
      <c r="K2337" s="549"/>
      <c r="L2337" s="551"/>
    </row>
    <row r="2338" spans="1:12" ht="16.149999999999999" customHeight="1">
      <c r="A2338" s="735" t="s">
        <v>804</v>
      </c>
      <c r="B2338" s="736"/>
      <c r="C2338" s="490" t="s">
        <v>240</v>
      </c>
      <c r="D2338" s="489">
        <v>120</v>
      </c>
      <c r="E2338" s="488"/>
      <c r="F2338" s="487"/>
      <c r="G2338" s="486" t="s">
        <v>651</v>
      </c>
      <c r="H2338" s="549"/>
      <c r="I2338" s="549"/>
      <c r="J2338" s="549"/>
      <c r="K2338" s="549"/>
      <c r="L2338" s="551"/>
    </row>
    <row r="2339" spans="1:12" ht="16.149999999999999" customHeight="1">
      <c r="A2339" s="737"/>
      <c r="B2339" s="738"/>
      <c r="C2339" s="485"/>
      <c r="D2339" s="484"/>
      <c r="E2339" s="483"/>
      <c r="F2339" s="482"/>
      <c r="G2339" s="481" t="s">
        <v>651</v>
      </c>
      <c r="H2339" s="476"/>
      <c r="I2339" s="476"/>
      <c r="J2339" s="476"/>
      <c r="K2339" s="476"/>
      <c r="L2339" s="475"/>
    </row>
    <row r="2340" spans="1:12" ht="16.149999999999999" customHeight="1">
      <c r="A2340" s="733" t="s">
        <v>769</v>
      </c>
      <c r="B2340" s="734"/>
      <c r="C2340" s="495"/>
      <c r="D2340" s="494"/>
      <c r="E2340" s="493"/>
      <c r="F2340" s="492"/>
      <c r="G2340" s="486" t="s">
        <v>651</v>
      </c>
      <c r="H2340" s="549"/>
      <c r="I2340" s="549"/>
      <c r="J2340" s="549"/>
      <c r="K2340" s="549"/>
      <c r="L2340" s="551"/>
    </row>
    <row r="2341" spans="1:12" ht="16.149999999999999" customHeight="1">
      <c r="A2341" s="735"/>
      <c r="B2341" s="736"/>
      <c r="C2341" s="490"/>
      <c r="D2341" s="489"/>
      <c r="E2341" s="491"/>
      <c r="F2341" s="487" t="s">
        <v>651</v>
      </c>
      <c r="G2341" s="486" t="s">
        <v>651</v>
      </c>
      <c r="H2341" s="549"/>
      <c r="I2341" s="549"/>
      <c r="J2341" s="549"/>
      <c r="K2341" s="549"/>
      <c r="L2341" s="551"/>
    </row>
    <row r="2342" spans="1:12" ht="16.149999999999999" customHeight="1">
      <c r="A2342" s="735" t="s">
        <v>802</v>
      </c>
      <c r="B2342" s="736"/>
      <c r="C2342" s="490" t="s">
        <v>237</v>
      </c>
      <c r="D2342" s="489">
        <v>160</v>
      </c>
      <c r="E2342" s="488"/>
      <c r="F2342" s="487"/>
      <c r="G2342" s="486" t="s">
        <v>651</v>
      </c>
      <c r="H2342" s="549"/>
      <c r="I2342" s="549"/>
      <c r="J2342" s="549"/>
      <c r="K2342" s="549"/>
      <c r="L2342" s="551"/>
    </row>
    <row r="2343" spans="1:12" ht="16.149999999999999" customHeight="1">
      <c r="A2343" s="737"/>
      <c r="B2343" s="738"/>
      <c r="C2343" s="485"/>
      <c r="D2343" s="484"/>
      <c r="E2343" s="483"/>
      <c r="F2343" s="482"/>
      <c r="G2343" s="481" t="s">
        <v>651</v>
      </c>
      <c r="H2343" s="476"/>
      <c r="I2343" s="476"/>
      <c r="J2343" s="476"/>
      <c r="K2343" s="476"/>
      <c r="L2343" s="475"/>
    </row>
    <row r="2346" spans="1:12" ht="16.149999999999999" customHeight="1">
      <c r="A2346" s="507" t="s">
        <v>651</v>
      </c>
      <c r="B2346" s="479" t="s">
        <v>768</v>
      </c>
      <c r="C2346" s="480"/>
      <c r="D2346" s="479"/>
      <c r="E2346" s="479"/>
      <c r="F2346" s="479"/>
      <c r="G2346" s="479"/>
      <c r="H2346" s="479" t="s">
        <v>617</v>
      </c>
      <c r="I2346" s="480" t="s">
        <v>803</v>
      </c>
      <c r="J2346" s="479" t="s">
        <v>689</v>
      </c>
      <c r="K2346" s="479" t="s">
        <v>688</v>
      </c>
      <c r="L2346" s="506"/>
    </row>
    <row r="2347" spans="1:12" ht="16.149999999999999" customHeight="1">
      <c r="A2347" s="505" t="s">
        <v>651</v>
      </c>
      <c r="B2347" s="549" t="s">
        <v>802</v>
      </c>
      <c r="C2347" s="550"/>
      <c r="D2347" s="549"/>
      <c r="E2347" s="549"/>
      <c r="F2347" s="549"/>
      <c r="G2347" s="478"/>
      <c r="H2347" s="549"/>
      <c r="I2347" s="504"/>
      <c r="J2347" s="503" t="s">
        <v>722</v>
      </c>
      <c r="K2347" s="502" t="s">
        <v>240</v>
      </c>
      <c r="L2347" s="501" t="s">
        <v>618</v>
      </c>
    </row>
    <row r="2348" spans="1:12" ht="16.149999999999999" customHeight="1">
      <c r="A2348" s="477" t="s">
        <v>651</v>
      </c>
      <c r="B2348" s="549"/>
      <c r="C2348" s="550"/>
      <c r="D2348" s="549"/>
      <c r="E2348" s="549"/>
      <c r="F2348" s="549"/>
      <c r="G2348" s="478"/>
      <c r="H2348" s="478"/>
      <c r="I2348" s="478"/>
      <c r="J2348" s="478"/>
      <c r="K2348" s="478"/>
      <c r="L2348" s="501"/>
    </row>
    <row r="2349" spans="1:12" ht="16.149999999999999" customHeight="1">
      <c r="A2349" s="498" t="s">
        <v>686</v>
      </c>
      <c r="B2349" s="500"/>
      <c r="C2349" s="499" t="s">
        <v>309</v>
      </c>
      <c r="D2349" s="499" t="s">
        <v>685</v>
      </c>
      <c r="E2349" s="499" t="s">
        <v>684</v>
      </c>
      <c r="F2349" s="499" t="s">
        <v>683</v>
      </c>
      <c r="G2349" s="498" t="s">
        <v>682</v>
      </c>
      <c r="H2349" s="497"/>
      <c r="I2349" s="497"/>
      <c r="J2349" s="497"/>
      <c r="K2349" s="497"/>
      <c r="L2349" s="496"/>
    </row>
    <row r="2350" spans="1:12" ht="16.149999999999999" customHeight="1">
      <c r="A2350" s="733" t="s">
        <v>651</v>
      </c>
      <c r="B2350" s="734"/>
      <c r="C2350" s="495"/>
      <c r="D2350" s="494"/>
      <c r="E2350" s="493"/>
      <c r="F2350" s="492"/>
      <c r="G2350" s="486" t="s">
        <v>651</v>
      </c>
      <c r="H2350" s="549"/>
      <c r="I2350" s="549"/>
      <c r="J2350" s="549"/>
      <c r="K2350" s="549"/>
      <c r="L2350" s="551"/>
    </row>
    <row r="2351" spans="1:12" ht="16.149999999999999" customHeight="1">
      <c r="A2351" s="735"/>
      <c r="B2351" s="736"/>
      <c r="C2351" s="490"/>
      <c r="D2351" s="489"/>
      <c r="E2351" s="491"/>
      <c r="F2351" s="487" t="s">
        <v>651</v>
      </c>
      <c r="G2351" s="486" t="s">
        <v>651</v>
      </c>
      <c r="H2351" s="549"/>
      <c r="I2351" s="549"/>
      <c r="J2351" s="549"/>
      <c r="K2351" s="549"/>
      <c r="L2351" s="551"/>
    </row>
    <row r="2352" spans="1:12" ht="16.149999999999999" customHeight="1">
      <c r="A2352" s="735" t="s">
        <v>691</v>
      </c>
      <c r="B2352" s="736"/>
      <c r="C2352" s="490" t="s">
        <v>240</v>
      </c>
      <c r="D2352" s="489">
        <v>100</v>
      </c>
      <c r="E2352" s="488"/>
      <c r="F2352" s="487"/>
      <c r="G2352" s="486" t="s">
        <v>651</v>
      </c>
      <c r="H2352" s="549"/>
      <c r="I2352" s="549"/>
      <c r="J2352" s="549"/>
      <c r="K2352" s="549"/>
      <c r="L2352" s="551"/>
    </row>
    <row r="2353" spans="1:12" ht="16.149999999999999" customHeight="1">
      <c r="A2353" s="737"/>
      <c r="B2353" s="738"/>
      <c r="C2353" s="485"/>
      <c r="D2353" s="484"/>
      <c r="E2353" s="483"/>
      <c r="F2353" s="482"/>
      <c r="G2353" s="481" t="s">
        <v>651</v>
      </c>
      <c r="H2353" s="476"/>
      <c r="I2353" s="476"/>
      <c r="J2353" s="476"/>
      <c r="K2353" s="476"/>
      <c r="L2353" s="475"/>
    </row>
    <row r="2354" spans="1:12" ht="16.149999999999999" customHeight="1">
      <c r="A2354" s="733" t="s">
        <v>651</v>
      </c>
      <c r="B2354" s="734"/>
      <c r="C2354" s="495"/>
      <c r="D2354" s="494"/>
      <c r="E2354" s="493"/>
      <c r="F2354" s="492"/>
      <c r="G2354" s="486" t="s">
        <v>651</v>
      </c>
      <c r="H2354" s="549"/>
      <c r="I2354" s="549"/>
      <c r="J2354" s="549"/>
      <c r="K2354" s="549"/>
      <c r="L2354" s="551"/>
    </row>
    <row r="2355" spans="1:12" ht="16.149999999999999" customHeight="1">
      <c r="A2355" s="735"/>
      <c r="B2355" s="736"/>
      <c r="C2355" s="490"/>
      <c r="D2355" s="489"/>
      <c r="E2355" s="491"/>
      <c r="F2355" s="487" t="s">
        <v>651</v>
      </c>
      <c r="G2355" s="486" t="s">
        <v>651</v>
      </c>
      <c r="H2355" s="549"/>
      <c r="I2355" s="549"/>
      <c r="J2355" s="549"/>
      <c r="K2355" s="549"/>
      <c r="L2355" s="551"/>
    </row>
    <row r="2356" spans="1:12" ht="16.149999999999999" customHeight="1">
      <c r="A2356" s="735" t="s">
        <v>681</v>
      </c>
      <c r="B2356" s="736"/>
      <c r="C2356" s="490" t="s">
        <v>240</v>
      </c>
      <c r="D2356" s="489">
        <v>1</v>
      </c>
      <c r="E2356" s="488" t="s">
        <v>618</v>
      </c>
      <c r="F2356" s="487"/>
      <c r="G2356" s="486" t="s">
        <v>651</v>
      </c>
      <c r="H2356" s="549"/>
      <c r="I2356" s="549"/>
      <c r="J2356" s="549"/>
      <c r="K2356" s="549"/>
      <c r="L2356" s="551"/>
    </row>
    <row r="2357" spans="1:12" ht="16.149999999999999" customHeight="1">
      <c r="A2357" s="737"/>
      <c r="B2357" s="738"/>
      <c r="C2357" s="485"/>
      <c r="D2357" s="484"/>
      <c r="E2357" s="483"/>
      <c r="F2357" s="482"/>
      <c r="G2357" s="481" t="s">
        <v>651</v>
      </c>
      <c r="H2357" s="476"/>
      <c r="I2357" s="476"/>
      <c r="J2357" s="476"/>
      <c r="K2357" s="476"/>
      <c r="L2357" s="475"/>
    </row>
    <row r="2359" spans="1:12" ht="16.149999999999999" customHeight="1">
      <c r="A2359" s="507" t="s">
        <v>651</v>
      </c>
      <c r="B2359" s="479" t="s">
        <v>756</v>
      </c>
      <c r="C2359" s="480"/>
      <c r="D2359" s="479"/>
      <c r="E2359" s="479"/>
      <c r="F2359" s="479"/>
      <c r="G2359" s="479"/>
      <c r="H2359" s="479" t="s">
        <v>617</v>
      </c>
      <c r="I2359" s="480" t="s">
        <v>801</v>
      </c>
      <c r="J2359" s="479" t="s">
        <v>689</v>
      </c>
      <c r="K2359" s="479" t="s">
        <v>688</v>
      </c>
      <c r="L2359" s="506"/>
    </row>
    <row r="2360" spans="1:12" ht="16.149999999999999" customHeight="1">
      <c r="A2360" s="505" t="s">
        <v>651</v>
      </c>
      <c r="B2360" s="549" t="s">
        <v>800</v>
      </c>
      <c r="C2360" s="550"/>
      <c r="D2360" s="549"/>
      <c r="E2360" s="549"/>
      <c r="F2360" s="549"/>
      <c r="G2360" s="478"/>
      <c r="H2360" s="549"/>
      <c r="I2360" s="504"/>
      <c r="J2360" s="503" t="s">
        <v>687</v>
      </c>
      <c r="K2360" s="502" t="s">
        <v>697</v>
      </c>
      <c r="L2360" s="501" t="s">
        <v>618</v>
      </c>
    </row>
    <row r="2361" spans="1:12" ht="16.149999999999999" customHeight="1">
      <c r="A2361" s="477" t="s">
        <v>651</v>
      </c>
      <c r="B2361" s="549"/>
      <c r="C2361" s="550"/>
      <c r="D2361" s="549"/>
      <c r="E2361" s="549"/>
      <c r="F2361" s="549"/>
      <c r="G2361" s="478"/>
      <c r="H2361" s="478"/>
      <c r="I2361" s="478"/>
      <c r="J2361" s="478"/>
      <c r="K2361" s="478"/>
      <c r="L2361" s="501"/>
    </row>
    <row r="2362" spans="1:12" ht="16.149999999999999" customHeight="1">
      <c r="A2362" s="498" t="s">
        <v>686</v>
      </c>
      <c r="B2362" s="500"/>
      <c r="C2362" s="499" t="s">
        <v>309</v>
      </c>
      <c r="D2362" s="499" t="s">
        <v>685</v>
      </c>
      <c r="E2362" s="499" t="s">
        <v>684</v>
      </c>
      <c r="F2362" s="499" t="s">
        <v>683</v>
      </c>
      <c r="G2362" s="498" t="s">
        <v>682</v>
      </c>
      <c r="H2362" s="497"/>
      <c r="I2362" s="497"/>
      <c r="J2362" s="497"/>
      <c r="K2362" s="497"/>
      <c r="L2362" s="496"/>
    </row>
    <row r="2363" spans="1:12" ht="16.149999999999999" customHeight="1">
      <c r="A2363" s="733" t="s">
        <v>701</v>
      </c>
      <c r="B2363" s="734"/>
      <c r="C2363" s="495"/>
      <c r="D2363" s="494"/>
      <c r="E2363" s="493"/>
      <c r="F2363" s="492"/>
      <c r="G2363" s="486" t="s">
        <v>651</v>
      </c>
      <c r="H2363" s="549"/>
      <c r="I2363" s="549"/>
      <c r="J2363" s="549"/>
      <c r="K2363" s="549"/>
      <c r="L2363" s="551"/>
    </row>
    <row r="2364" spans="1:12" ht="16.149999999999999" customHeight="1">
      <c r="A2364" s="735"/>
      <c r="B2364" s="736"/>
      <c r="C2364" s="490"/>
      <c r="D2364" s="489"/>
      <c r="E2364" s="491"/>
      <c r="F2364" s="487" t="s">
        <v>651</v>
      </c>
      <c r="G2364" s="486" t="s">
        <v>651</v>
      </c>
      <c r="H2364" s="549"/>
      <c r="I2364" s="549"/>
      <c r="J2364" s="549"/>
      <c r="K2364" s="549"/>
      <c r="L2364" s="551"/>
    </row>
    <row r="2365" spans="1:12" ht="16.149999999999999" customHeight="1">
      <c r="A2365" s="735" t="s">
        <v>651</v>
      </c>
      <c r="B2365" s="736"/>
      <c r="C2365" s="490" t="s">
        <v>248</v>
      </c>
      <c r="D2365" s="489"/>
      <c r="E2365" s="488"/>
      <c r="F2365" s="487"/>
      <c r="G2365" s="486" t="s">
        <v>651</v>
      </c>
      <c r="H2365" s="549"/>
      <c r="I2365" s="549"/>
      <c r="J2365" s="549"/>
      <c r="K2365" s="549"/>
      <c r="L2365" s="551"/>
    </row>
    <row r="2366" spans="1:12" ht="16.149999999999999" customHeight="1">
      <c r="A2366" s="737"/>
      <c r="B2366" s="738"/>
      <c r="C2366" s="485"/>
      <c r="D2366" s="484"/>
      <c r="E2366" s="483"/>
      <c r="F2366" s="482"/>
      <c r="G2366" s="481" t="s">
        <v>651</v>
      </c>
      <c r="H2366" s="476"/>
      <c r="I2366" s="476"/>
      <c r="J2366" s="476"/>
      <c r="K2366" s="476"/>
      <c r="L2366" s="475"/>
    </row>
    <row r="2367" spans="1:12" ht="16.149999999999999" customHeight="1">
      <c r="A2367" s="733" t="s">
        <v>250</v>
      </c>
      <c r="B2367" s="734"/>
      <c r="C2367" s="495"/>
      <c r="D2367" s="494"/>
      <c r="E2367" s="493"/>
      <c r="F2367" s="492"/>
      <c r="G2367" s="486" t="s">
        <v>651</v>
      </c>
      <c r="H2367" s="549"/>
      <c r="I2367" s="549"/>
      <c r="J2367" s="549"/>
      <c r="K2367" s="549"/>
      <c r="L2367" s="551"/>
    </row>
    <row r="2368" spans="1:12" ht="16.149999999999999" customHeight="1">
      <c r="A2368" s="735"/>
      <c r="B2368" s="736"/>
      <c r="C2368" s="490"/>
      <c r="D2368" s="489"/>
      <c r="E2368" s="491"/>
      <c r="F2368" s="487" t="s">
        <v>651</v>
      </c>
      <c r="G2368" s="486" t="s">
        <v>651</v>
      </c>
      <c r="H2368" s="549"/>
      <c r="I2368" s="549"/>
      <c r="J2368" s="549"/>
      <c r="K2368" s="549"/>
      <c r="L2368" s="551"/>
    </row>
    <row r="2369" spans="1:12" ht="16.149999999999999" customHeight="1">
      <c r="A2369" s="735" t="s">
        <v>651</v>
      </c>
      <c r="B2369" s="736"/>
      <c r="C2369" s="490" t="s">
        <v>248</v>
      </c>
      <c r="D2369" s="489"/>
      <c r="E2369" s="488"/>
      <c r="F2369" s="487"/>
      <c r="G2369" s="486" t="s">
        <v>651</v>
      </c>
      <c r="H2369" s="549"/>
      <c r="I2369" s="549"/>
      <c r="J2369" s="549"/>
      <c r="K2369" s="549"/>
      <c r="L2369" s="551"/>
    </row>
    <row r="2370" spans="1:12" ht="16.149999999999999" customHeight="1">
      <c r="A2370" s="737"/>
      <c r="B2370" s="738"/>
      <c r="C2370" s="485"/>
      <c r="D2370" s="484"/>
      <c r="E2370" s="483"/>
      <c r="F2370" s="482"/>
      <c r="G2370" s="481" t="s">
        <v>651</v>
      </c>
      <c r="H2370" s="476"/>
      <c r="I2370" s="476"/>
      <c r="J2370" s="476"/>
      <c r="K2370" s="476"/>
      <c r="L2370" s="475"/>
    </row>
    <row r="2371" spans="1:12" ht="16.149999999999999" customHeight="1">
      <c r="A2371" s="733" t="s">
        <v>700</v>
      </c>
      <c r="B2371" s="734"/>
      <c r="C2371" s="495"/>
      <c r="D2371" s="494"/>
      <c r="E2371" s="493"/>
      <c r="F2371" s="492"/>
      <c r="G2371" s="486" t="s">
        <v>651</v>
      </c>
      <c r="H2371" s="549"/>
      <c r="I2371" s="549"/>
      <c r="J2371" s="549"/>
      <c r="K2371" s="549"/>
      <c r="L2371" s="551"/>
    </row>
    <row r="2372" spans="1:12" ht="16.149999999999999" customHeight="1">
      <c r="A2372" s="735"/>
      <c r="B2372" s="736"/>
      <c r="C2372" s="490"/>
      <c r="D2372" s="489"/>
      <c r="E2372" s="491"/>
      <c r="F2372" s="487" t="s">
        <v>651</v>
      </c>
      <c r="G2372" s="486" t="s">
        <v>651</v>
      </c>
      <c r="H2372" s="549"/>
      <c r="I2372" s="549"/>
      <c r="J2372" s="549"/>
      <c r="K2372" s="549"/>
      <c r="L2372" s="551"/>
    </row>
    <row r="2373" spans="1:12" ht="16.149999999999999" customHeight="1">
      <c r="A2373" s="735" t="s">
        <v>651</v>
      </c>
      <c r="B2373" s="736"/>
      <c r="C2373" s="490" t="s">
        <v>242</v>
      </c>
      <c r="D2373" s="489">
        <v>1</v>
      </c>
      <c r="E2373" s="488"/>
      <c r="F2373" s="487"/>
      <c r="G2373" s="486" t="s">
        <v>651</v>
      </c>
      <c r="H2373" s="549"/>
      <c r="I2373" s="549"/>
      <c r="J2373" s="549"/>
      <c r="K2373" s="549"/>
      <c r="L2373" s="551"/>
    </row>
    <row r="2374" spans="1:12" ht="16.149999999999999" customHeight="1">
      <c r="A2374" s="737"/>
      <c r="B2374" s="738"/>
      <c r="C2374" s="485"/>
      <c r="D2374" s="484"/>
      <c r="E2374" s="483"/>
      <c r="F2374" s="482"/>
      <c r="G2374" s="481" t="s">
        <v>651</v>
      </c>
      <c r="H2374" s="476"/>
      <c r="I2374" s="476"/>
      <c r="J2374" s="476"/>
      <c r="K2374" s="476"/>
      <c r="L2374" s="475"/>
    </row>
    <row r="2375" spans="1:12" ht="16.149999999999999" customHeight="1">
      <c r="A2375" s="733" t="s">
        <v>651</v>
      </c>
      <c r="B2375" s="734"/>
      <c r="C2375" s="495"/>
      <c r="D2375" s="494"/>
      <c r="E2375" s="493"/>
      <c r="F2375" s="492"/>
      <c r="G2375" s="486" t="s">
        <v>651</v>
      </c>
      <c r="H2375" s="549"/>
      <c r="I2375" s="549"/>
      <c r="J2375" s="549"/>
      <c r="K2375" s="549"/>
      <c r="L2375" s="551"/>
    </row>
    <row r="2376" spans="1:12" ht="16.149999999999999" customHeight="1">
      <c r="A2376" s="735"/>
      <c r="B2376" s="736"/>
      <c r="C2376" s="490"/>
      <c r="D2376" s="489"/>
      <c r="E2376" s="491"/>
      <c r="F2376" s="487" t="s">
        <v>651</v>
      </c>
      <c r="G2376" s="486" t="s">
        <v>651</v>
      </c>
      <c r="H2376" s="549"/>
      <c r="I2376" s="549"/>
      <c r="J2376" s="549"/>
      <c r="K2376" s="549"/>
      <c r="L2376" s="551"/>
    </row>
    <row r="2377" spans="1:12" ht="16.149999999999999" customHeight="1">
      <c r="A2377" s="735" t="s">
        <v>691</v>
      </c>
      <c r="B2377" s="736"/>
      <c r="C2377" s="490" t="s">
        <v>697</v>
      </c>
      <c r="D2377" s="489">
        <v>1</v>
      </c>
      <c r="E2377" s="488"/>
      <c r="F2377" s="487"/>
      <c r="G2377" s="486" t="s">
        <v>651</v>
      </c>
      <c r="H2377" s="549"/>
      <c r="I2377" s="549"/>
      <c r="J2377" s="549"/>
      <c r="K2377" s="549"/>
      <c r="L2377" s="551"/>
    </row>
    <row r="2378" spans="1:12" ht="16.149999999999999" customHeight="1">
      <c r="A2378" s="737"/>
      <c r="B2378" s="738"/>
      <c r="C2378" s="485"/>
      <c r="D2378" s="484"/>
      <c r="E2378" s="483"/>
      <c r="F2378" s="482"/>
      <c r="G2378" s="481" t="s">
        <v>651</v>
      </c>
      <c r="H2378" s="476"/>
      <c r="I2378" s="476"/>
      <c r="J2378" s="476"/>
      <c r="K2378" s="476"/>
      <c r="L2378" s="475"/>
    </row>
    <row r="2381" spans="1:12" ht="16.149999999999999" customHeight="1">
      <c r="A2381" s="507" t="s">
        <v>651</v>
      </c>
      <c r="B2381" s="479" t="s">
        <v>756</v>
      </c>
      <c r="C2381" s="480"/>
      <c r="D2381" s="479"/>
      <c r="E2381" s="479"/>
      <c r="F2381" s="479"/>
      <c r="G2381" s="479"/>
      <c r="H2381" s="479" t="s">
        <v>617</v>
      </c>
      <c r="I2381" s="480" t="s">
        <v>801</v>
      </c>
      <c r="J2381" s="479" t="s">
        <v>689</v>
      </c>
      <c r="K2381" s="479" t="s">
        <v>688</v>
      </c>
      <c r="L2381" s="506"/>
    </row>
    <row r="2382" spans="1:12" ht="16.149999999999999" customHeight="1">
      <c r="A2382" s="505" t="s">
        <v>651</v>
      </c>
      <c r="B2382" s="549" t="s">
        <v>800</v>
      </c>
      <c r="C2382" s="550"/>
      <c r="D2382" s="549"/>
      <c r="E2382" s="549"/>
      <c r="F2382" s="549"/>
      <c r="G2382" s="478"/>
      <c r="H2382" s="549"/>
      <c r="I2382" s="504"/>
      <c r="J2382" s="503" t="s">
        <v>687</v>
      </c>
      <c r="K2382" s="502" t="s">
        <v>697</v>
      </c>
      <c r="L2382" s="501" t="s">
        <v>618</v>
      </c>
    </row>
    <row r="2383" spans="1:12" ht="16.149999999999999" customHeight="1">
      <c r="A2383" s="477" t="s">
        <v>651</v>
      </c>
      <c r="B2383" s="549"/>
      <c r="C2383" s="550"/>
      <c r="D2383" s="549"/>
      <c r="E2383" s="549"/>
      <c r="F2383" s="549"/>
      <c r="G2383" s="478"/>
      <c r="H2383" s="478"/>
      <c r="I2383" s="478"/>
      <c r="J2383" s="478"/>
      <c r="K2383" s="478"/>
      <c r="L2383" s="501"/>
    </row>
    <row r="2384" spans="1:12" ht="16.149999999999999" customHeight="1">
      <c r="A2384" s="498" t="s">
        <v>686</v>
      </c>
      <c r="B2384" s="500"/>
      <c r="C2384" s="499" t="s">
        <v>309</v>
      </c>
      <c r="D2384" s="499" t="s">
        <v>685</v>
      </c>
      <c r="E2384" s="499" t="s">
        <v>684</v>
      </c>
      <c r="F2384" s="499" t="s">
        <v>683</v>
      </c>
      <c r="G2384" s="498" t="s">
        <v>682</v>
      </c>
      <c r="H2384" s="497"/>
      <c r="I2384" s="497"/>
      <c r="J2384" s="497"/>
      <c r="K2384" s="497"/>
      <c r="L2384" s="496"/>
    </row>
    <row r="2385" spans="1:12" ht="16.149999999999999" customHeight="1">
      <c r="A2385" s="733" t="s">
        <v>651</v>
      </c>
      <c r="B2385" s="734"/>
      <c r="C2385" s="495"/>
      <c r="D2385" s="494"/>
      <c r="E2385" s="493"/>
      <c r="F2385" s="492"/>
      <c r="G2385" s="486" t="s">
        <v>651</v>
      </c>
      <c r="H2385" s="549"/>
      <c r="I2385" s="549"/>
      <c r="J2385" s="549"/>
      <c r="K2385" s="549"/>
      <c r="L2385" s="551"/>
    </row>
    <row r="2386" spans="1:12" ht="16.149999999999999" customHeight="1">
      <c r="A2386" s="735"/>
      <c r="B2386" s="736"/>
      <c r="C2386" s="490"/>
      <c r="D2386" s="489"/>
      <c r="E2386" s="491"/>
      <c r="F2386" s="487" t="s">
        <v>651</v>
      </c>
      <c r="G2386" s="486" t="s">
        <v>651</v>
      </c>
      <c r="H2386" s="549"/>
      <c r="I2386" s="549"/>
      <c r="J2386" s="549"/>
      <c r="K2386" s="549"/>
      <c r="L2386" s="551"/>
    </row>
    <row r="2387" spans="1:12" ht="16.149999999999999" customHeight="1">
      <c r="A2387" s="735" t="s">
        <v>681</v>
      </c>
      <c r="B2387" s="736"/>
      <c r="C2387" s="490" t="s">
        <v>697</v>
      </c>
      <c r="D2387" s="489">
        <v>1</v>
      </c>
      <c r="E2387" s="488" t="s">
        <v>618</v>
      </c>
      <c r="F2387" s="487"/>
      <c r="G2387" s="486" t="s">
        <v>651</v>
      </c>
      <c r="H2387" s="549"/>
      <c r="I2387" s="549"/>
      <c r="J2387" s="549"/>
      <c r="K2387" s="549"/>
      <c r="L2387" s="551"/>
    </row>
    <row r="2388" spans="1:12" ht="16.149999999999999" customHeight="1">
      <c r="A2388" s="737"/>
      <c r="B2388" s="738"/>
      <c r="C2388" s="485"/>
      <c r="D2388" s="484"/>
      <c r="E2388" s="483"/>
      <c r="F2388" s="482"/>
      <c r="G2388" s="481" t="s">
        <v>651</v>
      </c>
      <c r="H2388" s="476"/>
      <c r="I2388" s="476"/>
      <c r="J2388" s="476"/>
      <c r="K2388" s="476"/>
      <c r="L2388" s="475"/>
    </row>
    <row r="2390" spans="1:12" ht="16.149999999999999" customHeight="1">
      <c r="A2390" s="507" t="s">
        <v>651</v>
      </c>
      <c r="B2390" s="479" t="s">
        <v>756</v>
      </c>
      <c r="C2390" s="480"/>
      <c r="D2390" s="479"/>
      <c r="E2390" s="479"/>
      <c r="F2390" s="479"/>
      <c r="G2390" s="479"/>
      <c r="H2390" s="479" t="s">
        <v>617</v>
      </c>
      <c r="I2390" s="480" t="s">
        <v>799</v>
      </c>
      <c r="J2390" s="479" t="s">
        <v>689</v>
      </c>
      <c r="K2390" s="479" t="s">
        <v>688</v>
      </c>
      <c r="L2390" s="506"/>
    </row>
    <row r="2391" spans="1:12" ht="16.149999999999999" customHeight="1">
      <c r="A2391" s="505" t="s">
        <v>651</v>
      </c>
      <c r="B2391" s="549" t="s">
        <v>798</v>
      </c>
      <c r="C2391" s="550"/>
      <c r="D2391" s="549"/>
      <c r="E2391" s="549"/>
      <c r="F2391" s="549"/>
      <c r="G2391" s="478"/>
      <c r="H2391" s="549"/>
      <c r="I2391" s="504"/>
      <c r="J2391" s="503" t="s">
        <v>687</v>
      </c>
      <c r="K2391" s="502" t="s">
        <v>697</v>
      </c>
      <c r="L2391" s="501" t="s">
        <v>618</v>
      </c>
    </row>
    <row r="2392" spans="1:12" ht="16.149999999999999" customHeight="1">
      <c r="A2392" s="477" t="s">
        <v>651</v>
      </c>
      <c r="B2392" s="549"/>
      <c r="C2392" s="550"/>
      <c r="D2392" s="549"/>
      <c r="E2392" s="549"/>
      <c r="F2392" s="549"/>
      <c r="G2392" s="478"/>
      <c r="H2392" s="478"/>
      <c r="I2392" s="478"/>
      <c r="J2392" s="478"/>
      <c r="K2392" s="478"/>
      <c r="L2392" s="501"/>
    </row>
    <row r="2393" spans="1:12" ht="16.149999999999999" customHeight="1">
      <c r="A2393" s="498" t="s">
        <v>686</v>
      </c>
      <c r="B2393" s="500"/>
      <c r="C2393" s="499" t="s">
        <v>309</v>
      </c>
      <c r="D2393" s="499" t="s">
        <v>685</v>
      </c>
      <c r="E2393" s="499" t="s">
        <v>684</v>
      </c>
      <c r="F2393" s="499" t="s">
        <v>683</v>
      </c>
      <c r="G2393" s="498" t="s">
        <v>682</v>
      </c>
      <c r="H2393" s="497"/>
      <c r="I2393" s="497"/>
      <c r="J2393" s="497"/>
      <c r="K2393" s="497"/>
      <c r="L2393" s="496"/>
    </row>
    <row r="2394" spans="1:12" ht="16.149999999999999" customHeight="1">
      <c r="A2394" s="733" t="s">
        <v>701</v>
      </c>
      <c r="B2394" s="734"/>
      <c r="C2394" s="495"/>
      <c r="D2394" s="494"/>
      <c r="E2394" s="493"/>
      <c r="F2394" s="492"/>
      <c r="G2394" s="486" t="s">
        <v>651</v>
      </c>
      <c r="H2394" s="549"/>
      <c r="I2394" s="549"/>
      <c r="J2394" s="549"/>
      <c r="K2394" s="549"/>
      <c r="L2394" s="551"/>
    </row>
    <row r="2395" spans="1:12" ht="16.149999999999999" customHeight="1">
      <c r="A2395" s="735"/>
      <c r="B2395" s="736"/>
      <c r="C2395" s="490"/>
      <c r="D2395" s="489"/>
      <c r="E2395" s="491"/>
      <c r="F2395" s="487" t="s">
        <v>651</v>
      </c>
      <c r="G2395" s="486" t="s">
        <v>651</v>
      </c>
      <c r="H2395" s="549"/>
      <c r="I2395" s="549"/>
      <c r="J2395" s="549"/>
      <c r="K2395" s="549"/>
      <c r="L2395" s="551"/>
    </row>
    <row r="2396" spans="1:12" ht="16.149999999999999" customHeight="1">
      <c r="A2396" s="735" t="s">
        <v>651</v>
      </c>
      <c r="B2396" s="736"/>
      <c r="C2396" s="490" t="s">
        <v>248</v>
      </c>
      <c r="D2396" s="489"/>
      <c r="E2396" s="488"/>
      <c r="F2396" s="487"/>
      <c r="G2396" s="486" t="s">
        <v>651</v>
      </c>
      <c r="H2396" s="549"/>
      <c r="I2396" s="549"/>
      <c r="J2396" s="549"/>
      <c r="K2396" s="549"/>
      <c r="L2396" s="551"/>
    </row>
    <row r="2397" spans="1:12" ht="16.149999999999999" customHeight="1">
      <c r="A2397" s="737"/>
      <c r="B2397" s="738"/>
      <c r="C2397" s="485"/>
      <c r="D2397" s="484"/>
      <c r="E2397" s="483"/>
      <c r="F2397" s="482"/>
      <c r="G2397" s="481" t="s">
        <v>651</v>
      </c>
      <c r="H2397" s="476"/>
      <c r="I2397" s="476"/>
      <c r="J2397" s="476"/>
      <c r="K2397" s="476"/>
      <c r="L2397" s="475"/>
    </row>
    <row r="2398" spans="1:12" ht="16.149999999999999" customHeight="1">
      <c r="A2398" s="733" t="s">
        <v>250</v>
      </c>
      <c r="B2398" s="734"/>
      <c r="C2398" s="495"/>
      <c r="D2398" s="494"/>
      <c r="E2398" s="493"/>
      <c r="F2398" s="492"/>
      <c r="G2398" s="486" t="s">
        <v>651</v>
      </c>
      <c r="H2398" s="549"/>
      <c r="I2398" s="549"/>
      <c r="J2398" s="549"/>
      <c r="K2398" s="549"/>
      <c r="L2398" s="551"/>
    </row>
    <row r="2399" spans="1:12" ht="16.149999999999999" customHeight="1">
      <c r="A2399" s="735"/>
      <c r="B2399" s="736"/>
      <c r="C2399" s="490"/>
      <c r="D2399" s="489"/>
      <c r="E2399" s="491"/>
      <c r="F2399" s="487" t="s">
        <v>651</v>
      </c>
      <c r="G2399" s="486" t="s">
        <v>651</v>
      </c>
      <c r="H2399" s="549"/>
      <c r="I2399" s="549"/>
      <c r="J2399" s="549"/>
      <c r="K2399" s="549"/>
      <c r="L2399" s="551"/>
    </row>
    <row r="2400" spans="1:12" ht="16.149999999999999" customHeight="1">
      <c r="A2400" s="735" t="s">
        <v>651</v>
      </c>
      <c r="B2400" s="736"/>
      <c r="C2400" s="490" t="s">
        <v>248</v>
      </c>
      <c r="D2400" s="489"/>
      <c r="E2400" s="488"/>
      <c r="F2400" s="487"/>
      <c r="G2400" s="486" t="s">
        <v>651</v>
      </c>
      <c r="H2400" s="549"/>
      <c r="I2400" s="549"/>
      <c r="J2400" s="549"/>
      <c r="K2400" s="549"/>
      <c r="L2400" s="551"/>
    </row>
    <row r="2401" spans="1:12" ht="16.149999999999999" customHeight="1">
      <c r="A2401" s="737"/>
      <c r="B2401" s="738"/>
      <c r="C2401" s="485"/>
      <c r="D2401" s="484"/>
      <c r="E2401" s="483"/>
      <c r="F2401" s="482"/>
      <c r="G2401" s="481" t="s">
        <v>651</v>
      </c>
      <c r="H2401" s="476"/>
      <c r="I2401" s="476"/>
      <c r="J2401" s="476"/>
      <c r="K2401" s="476"/>
      <c r="L2401" s="475"/>
    </row>
    <row r="2402" spans="1:12" ht="16.149999999999999" customHeight="1">
      <c r="A2402" s="733" t="s">
        <v>700</v>
      </c>
      <c r="B2402" s="734"/>
      <c r="C2402" s="495"/>
      <c r="D2402" s="494"/>
      <c r="E2402" s="493"/>
      <c r="F2402" s="492"/>
      <c r="G2402" s="486" t="s">
        <v>651</v>
      </c>
      <c r="H2402" s="549"/>
      <c r="I2402" s="549"/>
      <c r="J2402" s="549"/>
      <c r="K2402" s="549"/>
      <c r="L2402" s="551"/>
    </row>
    <row r="2403" spans="1:12" ht="16.149999999999999" customHeight="1">
      <c r="A2403" s="735"/>
      <c r="B2403" s="736"/>
      <c r="C2403" s="490"/>
      <c r="D2403" s="489"/>
      <c r="E2403" s="491"/>
      <c r="F2403" s="487" t="s">
        <v>651</v>
      </c>
      <c r="G2403" s="486" t="s">
        <v>651</v>
      </c>
      <c r="H2403" s="549"/>
      <c r="I2403" s="549"/>
      <c r="J2403" s="549"/>
      <c r="K2403" s="549"/>
      <c r="L2403" s="551"/>
    </row>
    <row r="2404" spans="1:12" ht="16.149999999999999" customHeight="1">
      <c r="A2404" s="735" t="s">
        <v>651</v>
      </c>
      <c r="B2404" s="736"/>
      <c r="C2404" s="490" t="s">
        <v>242</v>
      </c>
      <c r="D2404" s="489">
        <v>1</v>
      </c>
      <c r="E2404" s="488"/>
      <c r="F2404" s="487"/>
      <c r="G2404" s="486" t="s">
        <v>651</v>
      </c>
      <c r="H2404" s="549"/>
      <c r="I2404" s="549"/>
      <c r="J2404" s="549"/>
      <c r="K2404" s="549"/>
      <c r="L2404" s="551"/>
    </row>
    <row r="2405" spans="1:12" ht="16.149999999999999" customHeight="1">
      <c r="A2405" s="737"/>
      <c r="B2405" s="738"/>
      <c r="C2405" s="485"/>
      <c r="D2405" s="484"/>
      <c r="E2405" s="483"/>
      <c r="F2405" s="482"/>
      <c r="G2405" s="481" t="s">
        <v>651</v>
      </c>
      <c r="H2405" s="476"/>
      <c r="I2405" s="476"/>
      <c r="J2405" s="476"/>
      <c r="K2405" s="476"/>
      <c r="L2405" s="475"/>
    </row>
    <row r="2406" spans="1:12" ht="16.149999999999999" customHeight="1">
      <c r="A2406" s="733" t="s">
        <v>651</v>
      </c>
      <c r="B2406" s="734"/>
      <c r="C2406" s="495"/>
      <c r="D2406" s="494"/>
      <c r="E2406" s="493"/>
      <c r="F2406" s="492"/>
      <c r="G2406" s="486" t="s">
        <v>651</v>
      </c>
      <c r="H2406" s="549"/>
      <c r="I2406" s="549"/>
      <c r="J2406" s="549"/>
      <c r="K2406" s="549"/>
      <c r="L2406" s="551"/>
    </row>
    <row r="2407" spans="1:12" ht="16.149999999999999" customHeight="1">
      <c r="A2407" s="735"/>
      <c r="B2407" s="736"/>
      <c r="C2407" s="490"/>
      <c r="D2407" s="489"/>
      <c r="E2407" s="491"/>
      <c r="F2407" s="487" t="s">
        <v>651</v>
      </c>
      <c r="G2407" s="486" t="s">
        <v>651</v>
      </c>
      <c r="H2407" s="549"/>
      <c r="I2407" s="549"/>
      <c r="J2407" s="549"/>
      <c r="K2407" s="549"/>
      <c r="L2407" s="551"/>
    </row>
    <row r="2408" spans="1:12" ht="16.149999999999999" customHeight="1">
      <c r="A2408" s="735" t="s">
        <v>691</v>
      </c>
      <c r="B2408" s="736"/>
      <c r="C2408" s="490" t="s">
        <v>697</v>
      </c>
      <c r="D2408" s="489">
        <v>1</v>
      </c>
      <c r="E2408" s="488"/>
      <c r="F2408" s="487"/>
      <c r="G2408" s="486" t="s">
        <v>651</v>
      </c>
      <c r="H2408" s="549"/>
      <c r="I2408" s="549"/>
      <c r="J2408" s="549"/>
      <c r="K2408" s="549"/>
      <c r="L2408" s="551"/>
    </row>
    <row r="2409" spans="1:12" ht="16.149999999999999" customHeight="1">
      <c r="A2409" s="737"/>
      <c r="B2409" s="738"/>
      <c r="C2409" s="485"/>
      <c r="D2409" s="484"/>
      <c r="E2409" s="483"/>
      <c r="F2409" s="482"/>
      <c r="G2409" s="481" t="s">
        <v>651</v>
      </c>
      <c r="H2409" s="476"/>
      <c r="I2409" s="476"/>
      <c r="J2409" s="476"/>
      <c r="K2409" s="476"/>
      <c r="L2409" s="475"/>
    </row>
    <row r="2410" spans="1:12" ht="16.149999999999999" customHeight="1">
      <c r="A2410" s="733" t="s">
        <v>651</v>
      </c>
      <c r="B2410" s="734"/>
      <c r="C2410" s="495"/>
      <c r="D2410" s="494"/>
      <c r="E2410" s="493"/>
      <c r="F2410" s="492"/>
      <c r="G2410" s="486" t="s">
        <v>651</v>
      </c>
      <c r="H2410" s="549"/>
      <c r="I2410" s="549"/>
      <c r="J2410" s="549"/>
      <c r="K2410" s="549"/>
      <c r="L2410" s="551"/>
    </row>
    <row r="2411" spans="1:12" ht="16.149999999999999" customHeight="1">
      <c r="A2411" s="735"/>
      <c r="B2411" s="736"/>
      <c r="C2411" s="490"/>
      <c r="D2411" s="489"/>
      <c r="E2411" s="491"/>
      <c r="F2411" s="487" t="s">
        <v>651</v>
      </c>
      <c r="G2411" s="486" t="s">
        <v>651</v>
      </c>
      <c r="H2411" s="549"/>
      <c r="I2411" s="549"/>
      <c r="J2411" s="549"/>
      <c r="K2411" s="549"/>
      <c r="L2411" s="551"/>
    </row>
    <row r="2412" spans="1:12" ht="16.149999999999999" customHeight="1">
      <c r="A2412" s="735" t="s">
        <v>681</v>
      </c>
      <c r="B2412" s="736"/>
      <c r="C2412" s="490" t="s">
        <v>697</v>
      </c>
      <c r="D2412" s="489">
        <v>1</v>
      </c>
      <c r="E2412" s="488" t="s">
        <v>618</v>
      </c>
      <c r="F2412" s="487"/>
      <c r="G2412" s="486" t="s">
        <v>651</v>
      </c>
      <c r="H2412" s="549"/>
      <c r="I2412" s="549"/>
      <c r="J2412" s="549"/>
      <c r="K2412" s="549"/>
      <c r="L2412" s="551"/>
    </row>
    <row r="2413" spans="1:12" ht="16.149999999999999" customHeight="1">
      <c r="A2413" s="737"/>
      <c r="B2413" s="738"/>
      <c r="C2413" s="485"/>
      <c r="D2413" s="484"/>
      <c r="E2413" s="483"/>
      <c r="F2413" s="482"/>
      <c r="G2413" s="481" t="s">
        <v>651</v>
      </c>
      <c r="H2413" s="476"/>
      <c r="I2413" s="476"/>
      <c r="J2413" s="476"/>
      <c r="K2413" s="476"/>
      <c r="L2413" s="475"/>
    </row>
    <row r="2416" spans="1:12" ht="16.149999999999999" customHeight="1">
      <c r="A2416" s="507" t="s">
        <v>651</v>
      </c>
      <c r="B2416" s="479" t="s">
        <v>756</v>
      </c>
      <c r="C2416" s="480"/>
      <c r="D2416" s="479"/>
      <c r="E2416" s="479"/>
      <c r="F2416" s="479"/>
      <c r="G2416" s="479"/>
      <c r="H2416" s="479" t="s">
        <v>617</v>
      </c>
      <c r="I2416" s="480" t="s">
        <v>797</v>
      </c>
      <c r="J2416" s="479" t="s">
        <v>689</v>
      </c>
      <c r="K2416" s="479" t="s">
        <v>688</v>
      </c>
      <c r="L2416" s="506"/>
    </row>
    <row r="2417" spans="1:12" ht="16.149999999999999" customHeight="1">
      <c r="A2417" s="505" t="s">
        <v>651</v>
      </c>
      <c r="B2417" s="549" t="s">
        <v>796</v>
      </c>
      <c r="C2417" s="550"/>
      <c r="D2417" s="549"/>
      <c r="E2417" s="549"/>
      <c r="F2417" s="549"/>
      <c r="G2417" s="478"/>
      <c r="H2417" s="549"/>
      <c r="I2417" s="504"/>
      <c r="J2417" s="503" t="s">
        <v>687</v>
      </c>
      <c r="K2417" s="502" t="s">
        <v>697</v>
      </c>
      <c r="L2417" s="501" t="s">
        <v>618</v>
      </c>
    </row>
    <row r="2418" spans="1:12" ht="16.149999999999999" customHeight="1">
      <c r="A2418" s="477" t="s">
        <v>651</v>
      </c>
      <c r="B2418" s="549"/>
      <c r="C2418" s="550"/>
      <c r="D2418" s="549"/>
      <c r="E2418" s="549"/>
      <c r="F2418" s="549"/>
      <c r="G2418" s="478"/>
      <c r="H2418" s="478"/>
      <c r="I2418" s="478"/>
      <c r="J2418" s="478"/>
      <c r="K2418" s="478"/>
      <c r="L2418" s="501"/>
    </row>
    <row r="2419" spans="1:12" ht="16.149999999999999" customHeight="1">
      <c r="A2419" s="498" t="s">
        <v>686</v>
      </c>
      <c r="B2419" s="500"/>
      <c r="C2419" s="499" t="s">
        <v>309</v>
      </c>
      <c r="D2419" s="499" t="s">
        <v>685</v>
      </c>
      <c r="E2419" s="499" t="s">
        <v>684</v>
      </c>
      <c r="F2419" s="499" t="s">
        <v>683</v>
      </c>
      <c r="G2419" s="498" t="s">
        <v>682</v>
      </c>
      <c r="H2419" s="497"/>
      <c r="I2419" s="497"/>
      <c r="J2419" s="497"/>
      <c r="K2419" s="497"/>
      <c r="L2419" s="496"/>
    </row>
    <row r="2420" spans="1:12" ht="16.149999999999999" customHeight="1">
      <c r="A2420" s="733" t="s">
        <v>701</v>
      </c>
      <c r="B2420" s="734"/>
      <c r="C2420" s="495"/>
      <c r="D2420" s="494"/>
      <c r="E2420" s="493"/>
      <c r="F2420" s="492"/>
      <c r="G2420" s="486" t="s">
        <v>651</v>
      </c>
      <c r="H2420" s="549"/>
      <c r="I2420" s="549"/>
      <c r="J2420" s="549"/>
      <c r="K2420" s="549"/>
      <c r="L2420" s="551"/>
    </row>
    <row r="2421" spans="1:12" ht="16.149999999999999" customHeight="1">
      <c r="A2421" s="735"/>
      <c r="B2421" s="736"/>
      <c r="C2421" s="490"/>
      <c r="D2421" s="489"/>
      <c r="E2421" s="491"/>
      <c r="F2421" s="487" t="s">
        <v>651</v>
      </c>
      <c r="G2421" s="486" t="s">
        <v>651</v>
      </c>
      <c r="H2421" s="549"/>
      <c r="I2421" s="549"/>
      <c r="J2421" s="549"/>
      <c r="K2421" s="549"/>
      <c r="L2421" s="551"/>
    </row>
    <row r="2422" spans="1:12" ht="16.149999999999999" customHeight="1">
      <c r="A2422" s="735" t="s">
        <v>651</v>
      </c>
      <c r="B2422" s="736"/>
      <c r="C2422" s="490" t="s">
        <v>248</v>
      </c>
      <c r="D2422" s="489"/>
      <c r="E2422" s="488"/>
      <c r="F2422" s="487"/>
      <c r="G2422" s="486" t="s">
        <v>651</v>
      </c>
      <c r="H2422" s="549"/>
      <c r="I2422" s="549"/>
      <c r="J2422" s="549"/>
      <c r="K2422" s="549"/>
      <c r="L2422" s="551"/>
    </row>
    <row r="2423" spans="1:12" ht="16.149999999999999" customHeight="1">
      <c r="A2423" s="737"/>
      <c r="B2423" s="738"/>
      <c r="C2423" s="485"/>
      <c r="D2423" s="484"/>
      <c r="E2423" s="483"/>
      <c r="F2423" s="482"/>
      <c r="G2423" s="481" t="s">
        <v>651</v>
      </c>
      <c r="H2423" s="476"/>
      <c r="I2423" s="476"/>
      <c r="J2423" s="476"/>
      <c r="K2423" s="476"/>
      <c r="L2423" s="475"/>
    </row>
    <row r="2424" spans="1:12" ht="16.149999999999999" customHeight="1">
      <c r="A2424" s="733" t="s">
        <v>250</v>
      </c>
      <c r="B2424" s="734"/>
      <c r="C2424" s="495"/>
      <c r="D2424" s="494"/>
      <c r="E2424" s="493"/>
      <c r="F2424" s="492"/>
      <c r="G2424" s="486" t="s">
        <v>651</v>
      </c>
      <c r="H2424" s="549"/>
      <c r="I2424" s="549"/>
      <c r="J2424" s="549"/>
      <c r="K2424" s="549"/>
      <c r="L2424" s="551"/>
    </row>
    <row r="2425" spans="1:12" ht="16.149999999999999" customHeight="1">
      <c r="A2425" s="735"/>
      <c r="B2425" s="736"/>
      <c r="C2425" s="490"/>
      <c r="D2425" s="489"/>
      <c r="E2425" s="491"/>
      <c r="F2425" s="487" t="s">
        <v>651</v>
      </c>
      <c r="G2425" s="486" t="s">
        <v>651</v>
      </c>
      <c r="H2425" s="549"/>
      <c r="I2425" s="549"/>
      <c r="J2425" s="549"/>
      <c r="K2425" s="549"/>
      <c r="L2425" s="551"/>
    </row>
    <row r="2426" spans="1:12" ht="16.149999999999999" customHeight="1">
      <c r="A2426" s="735" t="s">
        <v>651</v>
      </c>
      <c r="B2426" s="736"/>
      <c r="C2426" s="490" t="s">
        <v>248</v>
      </c>
      <c r="D2426" s="489"/>
      <c r="E2426" s="488"/>
      <c r="F2426" s="487"/>
      <c r="G2426" s="486" t="s">
        <v>651</v>
      </c>
      <c r="H2426" s="549"/>
      <c r="I2426" s="549"/>
      <c r="J2426" s="549"/>
      <c r="K2426" s="549"/>
      <c r="L2426" s="551"/>
    </row>
    <row r="2427" spans="1:12" ht="16.149999999999999" customHeight="1">
      <c r="A2427" s="737"/>
      <c r="B2427" s="738"/>
      <c r="C2427" s="485"/>
      <c r="D2427" s="484"/>
      <c r="E2427" s="483"/>
      <c r="F2427" s="482"/>
      <c r="G2427" s="481" t="s">
        <v>651</v>
      </c>
      <c r="H2427" s="476"/>
      <c r="I2427" s="476"/>
      <c r="J2427" s="476"/>
      <c r="K2427" s="476"/>
      <c r="L2427" s="475"/>
    </row>
    <row r="2428" spans="1:12" ht="16.149999999999999" customHeight="1">
      <c r="A2428" s="733" t="s">
        <v>700</v>
      </c>
      <c r="B2428" s="734"/>
      <c r="C2428" s="495"/>
      <c r="D2428" s="494"/>
      <c r="E2428" s="493"/>
      <c r="F2428" s="492"/>
      <c r="G2428" s="486" t="s">
        <v>651</v>
      </c>
      <c r="H2428" s="549"/>
      <c r="I2428" s="549"/>
      <c r="J2428" s="549"/>
      <c r="K2428" s="549"/>
      <c r="L2428" s="551"/>
    </row>
    <row r="2429" spans="1:12" ht="16.149999999999999" customHeight="1">
      <c r="A2429" s="735"/>
      <c r="B2429" s="736"/>
      <c r="C2429" s="490"/>
      <c r="D2429" s="489"/>
      <c r="E2429" s="491"/>
      <c r="F2429" s="487" t="s">
        <v>651</v>
      </c>
      <c r="G2429" s="486" t="s">
        <v>651</v>
      </c>
      <c r="H2429" s="549"/>
      <c r="I2429" s="549"/>
      <c r="J2429" s="549"/>
      <c r="K2429" s="549"/>
      <c r="L2429" s="551"/>
    </row>
    <row r="2430" spans="1:12" ht="16.149999999999999" customHeight="1">
      <c r="A2430" s="735" t="s">
        <v>651</v>
      </c>
      <c r="B2430" s="736"/>
      <c r="C2430" s="490" t="s">
        <v>242</v>
      </c>
      <c r="D2430" s="489">
        <v>1</v>
      </c>
      <c r="E2430" s="488"/>
      <c r="F2430" s="487"/>
      <c r="G2430" s="486" t="s">
        <v>651</v>
      </c>
      <c r="H2430" s="549"/>
      <c r="I2430" s="549"/>
      <c r="J2430" s="549"/>
      <c r="K2430" s="549"/>
      <c r="L2430" s="551"/>
    </row>
    <row r="2431" spans="1:12" ht="16.149999999999999" customHeight="1">
      <c r="A2431" s="737"/>
      <c r="B2431" s="738"/>
      <c r="C2431" s="485"/>
      <c r="D2431" s="484"/>
      <c r="E2431" s="483"/>
      <c r="F2431" s="482"/>
      <c r="G2431" s="481" t="s">
        <v>651</v>
      </c>
      <c r="H2431" s="476"/>
      <c r="I2431" s="476"/>
      <c r="J2431" s="476"/>
      <c r="K2431" s="476"/>
      <c r="L2431" s="475"/>
    </row>
    <row r="2432" spans="1:12" ht="16.149999999999999" customHeight="1">
      <c r="A2432" s="733" t="s">
        <v>651</v>
      </c>
      <c r="B2432" s="734"/>
      <c r="C2432" s="495"/>
      <c r="D2432" s="494"/>
      <c r="E2432" s="493"/>
      <c r="F2432" s="492"/>
      <c r="G2432" s="486" t="s">
        <v>651</v>
      </c>
      <c r="H2432" s="549"/>
      <c r="I2432" s="549"/>
      <c r="J2432" s="549"/>
      <c r="K2432" s="549"/>
      <c r="L2432" s="551"/>
    </row>
    <row r="2433" spans="1:12" ht="16.149999999999999" customHeight="1">
      <c r="A2433" s="735"/>
      <c r="B2433" s="736"/>
      <c r="C2433" s="490"/>
      <c r="D2433" s="489"/>
      <c r="E2433" s="491"/>
      <c r="F2433" s="487" t="s">
        <v>651</v>
      </c>
      <c r="G2433" s="486" t="s">
        <v>651</v>
      </c>
      <c r="H2433" s="549"/>
      <c r="I2433" s="549"/>
      <c r="J2433" s="549"/>
      <c r="K2433" s="549"/>
      <c r="L2433" s="551"/>
    </row>
    <row r="2434" spans="1:12" ht="16.149999999999999" customHeight="1">
      <c r="A2434" s="735" t="s">
        <v>691</v>
      </c>
      <c r="B2434" s="736"/>
      <c r="C2434" s="490" t="s">
        <v>697</v>
      </c>
      <c r="D2434" s="489">
        <v>1</v>
      </c>
      <c r="E2434" s="488"/>
      <c r="F2434" s="487"/>
      <c r="G2434" s="486" t="s">
        <v>651</v>
      </c>
      <c r="H2434" s="549"/>
      <c r="I2434" s="549"/>
      <c r="J2434" s="549"/>
      <c r="K2434" s="549"/>
      <c r="L2434" s="551"/>
    </row>
    <row r="2435" spans="1:12" ht="16.149999999999999" customHeight="1">
      <c r="A2435" s="737"/>
      <c r="B2435" s="738"/>
      <c r="C2435" s="485"/>
      <c r="D2435" s="484"/>
      <c r="E2435" s="483"/>
      <c r="F2435" s="482"/>
      <c r="G2435" s="481" t="s">
        <v>651</v>
      </c>
      <c r="H2435" s="476"/>
      <c r="I2435" s="476"/>
      <c r="J2435" s="476"/>
      <c r="K2435" s="476"/>
      <c r="L2435" s="475"/>
    </row>
    <row r="2436" spans="1:12" ht="16.149999999999999" customHeight="1">
      <c r="A2436" s="733" t="s">
        <v>651</v>
      </c>
      <c r="B2436" s="734"/>
      <c r="C2436" s="495"/>
      <c r="D2436" s="494"/>
      <c r="E2436" s="493"/>
      <c r="F2436" s="492"/>
      <c r="G2436" s="486" t="s">
        <v>651</v>
      </c>
      <c r="H2436" s="549"/>
      <c r="I2436" s="549"/>
      <c r="J2436" s="549"/>
      <c r="K2436" s="549"/>
      <c r="L2436" s="551"/>
    </row>
    <row r="2437" spans="1:12" ht="16.149999999999999" customHeight="1">
      <c r="A2437" s="735"/>
      <c r="B2437" s="736"/>
      <c r="C2437" s="490"/>
      <c r="D2437" s="489"/>
      <c r="E2437" s="491"/>
      <c r="F2437" s="487" t="s">
        <v>651</v>
      </c>
      <c r="G2437" s="486" t="s">
        <v>651</v>
      </c>
      <c r="H2437" s="549"/>
      <c r="I2437" s="549"/>
      <c r="J2437" s="549"/>
      <c r="K2437" s="549"/>
      <c r="L2437" s="551"/>
    </row>
    <row r="2438" spans="1:12" ht="16.149999999999999" customHeight="1">
      <c r="A2438" s="735" t="s">
        <v>681</v>
      </c>
      <c r="B2438" s="736"/>
      <c r="C2438" s="490" t="s">
        <v>697</v>
      </c>
      <c r="D2438" s="489">
        <v>1</v>
      </c>
      <c r="E2438" s="488" t="s">
        <v>618</v>
      </c>
      <c r="F2438" s="487"/>
      <c r="G2438" s="486" t="s">
        <v>651</v>
      </c>
      <c r="H2438" s="549"/>
      <c r="I2438" s="549"/>
      <c r="J2438" s="549"/>
      <c r="K2438" s="549"/>
      <c r="L2438" s="551"/>
    </row>
    <row r="2439" spans="1:12" ht="16.149999999999999" customHeight="1">
      <c r="A2439" s="737"/>
      <c r="B2439" s="738"/>
      <c r="C2439" s="485"/>
      <c r="D2439" s="484"/>
      <c r="E2439" s="483"/>
      <c r="F2439" s="482"/>
      <c r="G2439" s="481" t="s">
        <v>651</v>
      </c>
      <c r="H2439" s="476"/>
      <c r="I2439" s="476"/>
      <c r="J2439" s="476"/>
      <c r="K2439" s="476"/>
      <c r="L2439" s="475"/>
    </row>
    <row r="2441" spans="1:12" ht="16.149999999999999" customHeight="1">
      <c r="A2441" s="507" t="s">
        <v>651</v>
      </c>
      <c r="B2441" s="479" t="s">
        <v>792</v>
      </c>
      <c r="C2441" s="480"/>
      <c r="D2441" s="479"/>
      <c r="E2441" s="479"/>
      <c r="F2441" s="479"/>
      <c r="G2441" s="479"/>
      <c r="H2441" s="479" t="s">
        <v>617</v>
      </c>
      <c r="I2441" s="480" t="s">
        <v>791</v>
      </c>
      <c r="J2441" s="479" t="s">
        <v>689</v>
      </c>
      <c r="K2441" s="479" t="s">
        <v>688</v>
      </c>
      <c r="L2441" s="506"/>
    </row>
    <row r="2442" spans="1:12" ht="16.149999999999999" customHeight="1">
      <c r="A2442" s="505" t="s">
        <v>651</v>
      </c>
      <c r="B2442" s="549" t="s">
        <v>790</v>
      </c>
      <c r="C2442" s="550"/>
      <c r="D2442" s="549"/>
      <c r="E2442" s="549"/>
      <c r="F2442" s="549"/>
      <c r="G2442" s="478"/>
      <c r="H2442" s="549"/>
      <c r="I2442" s="504"/>
      <c r="J2442" s="503" t="s">
        <v>687</v>
      </c>
      <c r="K2442" s="502" t="s">
        <v>697</v>
      </c>
      <c r="L2442" s="501" t="s">
        <v>618</v>
      </c>
    </row>
    <row r="2443" spans="1:12" ht="16.149999999999999" customHeight="1">
      <c r="A2443" s="477" t="s">
        <v>651</v>
      </c>
      <c r="B2443" s="549"/>
      <c r="C2443" s="550"/>
      <c r="D2443" s="549"/>
      <c r="E2443" s="549"/>
      <c r="F2443" s="549"/>
      <c r="G2443" s="478"/>
      <c r="H2443" s="478"/>
      <c r="I2443" s="478"/>
      <c r="J2443" s="478"/>
      <c r="K2443" s="478"/>
      <c r="L2443" s="501"/>
    </row>
    <row r="2444" spans="1:12" ht="16.149999999999999" customHeight="1">
      <c r="A2444" s="498" t="s">
        <v>686</v>
      </c>
      <c r="B2444" s="500"/>
      <c r="C2444" s="499" t="s">
        <v>309</v>
      </c>
      <c r="D2444" s="499" t="s">
        <v>685</v>
      </c>
      <c r="E2444" s="499" t="s">
        <v>684</v>
      </c>
      <c r="F2444" s="499" t="s">
        <v>683</v>
      </c>
      <c r="G2444" s="498" t="s">
        <v>682</v>
      </c>
      <c r="H2444" s="497"/>
      <c r="I2444" s="497"/>
      <c r="J2444" s="497"/>
      <c r="K2444" s="497"/>
      <c r="L2444" s="496"/>
    </row>
    <row r="2445" spans="1:12" ht="16.149999999999999" customHeight="1">
      <c r="A2445" s="733" t="s">
        <v>721</v>
      </c>
      <c r="B2445" s="734"/>
      <c r="C2445" s="495"/>
      <c r="D2445" s="494"/>
      <c r="E2445" s="493"/>
      <c r="F2445" s="492"/>
      <c r="G2445" s="486" t="s">
        <v>651</v>
      </c>
      <c r="H2445" s="549"/>
      <c r="I2445" s="549"/>
      <c r="J2445" s="549"/>
      <c r="K2445" s="549"/>
      <c r="L2445" s="551"/>
    </row>
    <row r="2446" spans="1:12" ht="16.149999999999999" customHeight="1">
      <c r="A2446" s="735"/>
      <c r="B2446" s="736"/>
      <c r="C2446" s="490"/>
      <c r="D2446" s="489"/>
      <c r="E2446" s="491"/>
      <c r="F2446" s="487" t="s">
        <v>651</v>
      </c>
      <c r="G2446" s="486" t="s">
        <v>651</v>
      </c>
      <c r="H2446" s="549"/>
      <c r="I2446" s="549"/>
      <c r="J2446" s="549"/>
      <c r="K2446" s="549"/>
      <c r="L2446" s="551"/>
    </row>
    <row r="2447" spans="1:12" ht="16.149999999999999" customHeight="1">
      <c r="A2447" s="735" t="s">
        <v>651</v>
      </c>
      <c r="B2447" s="736"/>
      <c r="C2447" s="490" t="s">
        <v>248</v>
      </c>
      <c r="D2447" s="489"/>
      <c r="E2447" s="488"/>
      <c r="F2447" s="487"/>
      <c r="G2447" s="486" t="s">
        <v>651</v>
      </c>
      <c r="H2447" s="549"/>
      <c r="I2447" s="549"/>
      <c r="J2447" s="549"/>
      <c r="K2447" s="549"/>
      <c r="L2447" s="551"/>
    </row>
    <row r="2448" spans="1:12" ht="16.149999999999999" customHeight="1">
      <c r="A2448" s="737"/>
      <c r="B2448" s="738"/>
      <c r="C2448" s="485"/>
      <c r="D2448" s="484"/>
      <c r="E2448" s="483"/>
      <c r="F2448" s="482"/>
      <c r="G2448" s="481" t="s">
        <v>651</v>
      </c>
      <c r="H2448" s="476"/>
      <c r="I2448" s="476"/>
      <c r="J2448" s="476"/>
      <c r="K2448" s="476"/>
      <c r="L2448" s="475"/>
    </row>
    <row r="2451" spans="1:12" ht="16.149999999999999" customHeight="1">
      <c r="A2451" s="507" t="s">
        <v>651</v>
      </c>
      <c r="B2451" s="479" t="s">
        <v>792</v>
      </c>
      <c r="C2451" s="480"/>
      <c r="D2451" s="479"/>
      <c r="E2451" s="479"/>
      <c r="F2451" s="479"/>
      <c r="G2451" s="479"/>
      <c r="H2451" s="479" t="s">
        <v>617</v>
      </c>
      <c r="I2451" s="480" t="s">
        <v>791</v>
      </c>
      <c r="J2451" s="479" t="s">
        <v>689</v>
      </c>
      <c r="K2451" s="479" t="s">
        <v>688</v>
      </c>
      <c r="L2451" s="506"/>
    </row>
    <row r="2452" spans="1:12" ht="16.149999999999999" customHeight="1">
      <c r="A2452" s="505" t="s">
        <v>651</v>
      </c>
      <c r="B2452" s="549" t="s">
        <v>790</v>
      </c>
      <c r="C2452" s="550"/>
      <c r="D2452" s="549"/>
      <c r="E2452" s="549"/>
      <c r="F2452" s="549"/>
      <c r="G2452" s="478"/>
      <c r="H2452" s="549"/>
      <c r="I2452" s="504"/>
      <c r="J2452" s="503" t="s">
        <v>687</v>
      </c>
      <c r="K2452" s="502" t="s">
        <v>697</v>
      </c>
      <c r="L2452" s="501" t="s">
        <v>618</v>
      </c>
    </row>
    <row r="2453" spans="1:12" ht="16.149999999999999" customHeight="1">
      <c r="A2453" s="477" t="s">
        <v>651</v>
      </c>
      <c r="B2453" s="549"/>
      <c r="C2453" s="550"/>
      <c r="D2453" s="549"/>
      <c r="E2453" s="549"/>
      <c r="F2453" s="549"/>
      <c r="G2453" s="478"/>
      <c r="H2453" s="478"/>
      <c r="I2453" s="478"/>
      <c r="J2453" s="478"/>
      <c r="K2453" s="478"/>
      <c r="L2453" s="501"/>
    </row>
    <row r="2454" spans="1:12" ht="16.149999999999999" customHeight="1">
      <c r="A2454" s="498" t="s">
        <v>686</v>
      </c>
      <c r="B2454" s="500"/>
      <c r="C2454" s="499" t="s">
        <v>309</v>
      </c>
      <c r="D2454" s="499" t="s">
        <v>685</v>
      </c>
      <c r="E2454" s="499" t="s">
        <v>684</v>
      </c>
      <c r="F2454" s="499" t="s">
        <v>683</v>
      </c>
      <c r="G2454" s="498" t="s">
        <v>682</v>
      </c>
      <c r="H2454" s="497"/>
      <c r="I2454" s="497"/>
      <c r="J2454" s="497"/>
      <c r="K2454" s="497"/>
      <c r="L2454" s="496"/>
    </row>
    <row r="2455" spans="1:12" ht="16.149999999999999" customHeight="1">
      <c r="A2455" s="733" t="s">
        <v>250</v>
      </c>
      <c r="B2455" s="734"/>
      <c r="C2455" s="495"/>
      <c r="D2455" s="494"/>
      <c r="E2455" s="493"/>
      <c r="F2455" s="492"/>
      <c r="G2455" s="486" t="s">
        <v>651</v>
      </c>
      <c r="H2455" s="549"/>
      <c r="I2455" s="549"/>
      <c r="J2455" s="549"/>
      <c r="K2455" s="549"/>
      <c r="L2455" s="551"/>
    </row>
    <row r="2456" spans="1:12" ht="16.149999999999999" customHeight="1">
      <c r="A2456" s="735"/>
      <c r="B2456" s="736"/>
      <c r="C2456" s="490"/>
      <c r="D2456" s="489"/>
      <c r="E2456" s="491"/>
      <c r="F2456" s="487" t="s">
        <v>651</v>
      </c>
      <c r="G2456" s="486" t="s">
        <v>651</v>
      </c>
      <c r="H2456" s="549"/>
      <c r="I2456" s="549"/>
      <c r="J2456" s="549"/>
      <c r="K2456" s="549"/>
      <c r="L2456" s="551"/>
    </row>
    <row r="2457" spans="1:12" ht="16.149999999999999" customHeight="1">
      <c r="A2457" s="735" t="s">
        <v>651</v>
      </c>
      <c r="B2457" s="736"/>
      <c r="C2457" s="490" t="s">
        <v>248</v>
      </c>
      <c r="D2457" s="489"/>
      <c r="E2457" s="488"/>
      <c r="F2457" s="487"/>
      <c r="G2457" s="486" t="s">
        <v>651</v>
      </c>
      <c r="H2457" s="549"/>
      <c r="I2457" s="549"/>
      <c r="J2457" s="549"/>
      <c r="K2457" s="549"/>
      <c r="L2457" s="551"/>
    </row>
    <row r="2458" spans="1:12" ht="16.149999999999999" customHeight="1">
      <c r="A2458" s="737"/>
      <c r="B2458" s="738"/>
      <c r="C2458" s="485"/>
      <c r="D2458" s="484"/>
      <c r="E2458" s="483"/>
      <c r="F2458" s="482"/>
      <c r="G2458" s="481" t="s">
        <v>651</v>
      </c>
      <c r="H2458" s="476"/>
      <c r="I2458" s="476"/>
      <c r="J2458" s="476"/>
      <c r="K2458" s="476"/>
      <c r="L2458" s="475"/>
    </row>
    <row r="2459" spans="1:12" ht="16.149999999999999" customHeight="1">
      <c r="A2459" s="733" t="s">
        <v>788</v>
      </c>
      <c r="B2459" s="734"/>
      <c r="C2459" s="495"/>
      <c r="D2459" s="494"/>
      <c r="E2459" s="493"/>
      <c r="F2459" s="492"/>
      <c r="G2459" s="486" t="s">
        <v>795</v>
      </c>
      <c r="H2459" s="549"/>
      <c r="I2459" s="549"/>
      <c r="J2459" s="549"/>
      <c r="K2459" s="549"/>
      <c r="L2459" s="551"/>
    </row>
    <row r="2460" spans="1:12" ht="16.149999999999999" customHeight="1">
      <c r="A2460" s="735"/>
      <c r="B2460" s="736"/>
      <c r="C2460" s="490"/>
      <c r="D2460" s="489"/>
      <c r="E2460" s="491"/>
      <c r="F2460" s="487" t="s">
        <v>651</v>
      </c>
      <c r="G2460" s="486" t="s">
        <v>651</v>
      </c>
      <c r="H2460" s="549"/>
      <c r="I2460" s="549"/>
      <c r="J2460" s="549"/>
      <c r="K2460" s="549"/>
      <c r="L2460" s="551"/>
    </row>
    <row r="2461" spans="1:12" ht="16.149999999999999" customHeight="1">
      <c r="A2461" s="735" t="s">
        <v>773</v>
      </c>
      <c r="B2461" s="736"/>
      <c r="C2461" s="490" t="s">
        <v>621</v>
      </c>
      <c r="D2461" s="489"/>
      <c r="E2461" s="488"/>
      <c r="F2461" s="487"/>
      <c r="G2461" s="486" t="s">
        <v>651</v>
      </c>
      <c r="H2461" s="549"/>
      <c r="I2461" s="549"/>
      <c r="J2461" s="549"/>
      <c r="K2461" s="549"/>
      <c r="L2461" s="551"/>
    </row>
    <row r="2462" spans="1:12" ht="16.149999999999999" customHeight="1">
      <c r="A2462" s="737"/>
      <c r="B2462" s="738"/>
      <c r="C2462" s="485"/>
      <c r="D2462" s="484"/>
      <c r="E2462" s="483"/>
      <c r="F2462" s="482"/>
      <c r="G2462" s="481" t="s">
        <v>651</v>
      </c>
      <c r="H2462" s="476"/>
      <c r="I2462" s="476"/>
      <c r="J2462" s="476"/>
      <c r="K2462" s="476"/>
      <c r="L2462" s="475"/>
    </row>
    <row r="2463" spans="1:12" ht="16.149999999999999" customHeight="1">
      <c r="A2463" s="733" t="s">
        <v>783</v>
      </c>
      <c r="B2463" s="734"/>
      <c r="C2463" s="495"/>
      <c r="D2463" s="494"/>
      <c r="E2463" s="493"/>
      <c r="F2463" s="492"/>
      <c r="G2463" s="486" t="s">
        <v>794</v>
      </c>
      <c r="H2463" s="549"/>
      <c r="I2463" s="549"/>
      <c r="J2463" s="549"/>
      <c r="K2463" s="549"/>
      <c r="L2463" s="551"/>
    </row>
    <row r="2464" spans="1:12" ht="16.149999999999999" customHeight="1">
      <c r="A2464" s="735"/>
      <c r="B2464" s="736"/>
      <c r="C2464" s="490"/>
      <c r="D2464" s="489"/>
      <c r="E2464" s="491"/>
      <c r="F2464" s="487" t="s">
        <v>651</v>
      </c>
      <c r="G2464" s="486" t="s">
        <v>651</v>
      </c>
      <c r="H2464" s="549"/>
      <c r="I2464" s="549"/>
      <c r="J2464" s="549"/>
      <c r="K2464" s="549"/>
      <c r="L2464" s="551"/>
    </row>
    <row r="2465" spans="1:12" ht="16.149999999999999" customHeight="1">
      <c r="A2465" s="735" t="s">
        <v>1665</v>
      </c>
      <c r="B2465" s="736"/>
      <c r="C2465" s="490" t="s">
        <v>242</v>
      </c>
      <c r="D2465" s="489">
        <v>1</v>
      </c>
      <c r="E2465" s="488"/>
      <c r="F2465" s="487"/>
      <c r="G2465" s="486" t="s">
        <v>651</v>
      </c>
      <c r="H2465" s="549"/>
      <c r="I2465" s="549"/>
      <c r="J2465" s="549"/>
      <c r="K2465" s="549"/>
      <c r="L2465" s="551"/>
    </row>
    <row r="2466" spans="1:12" ht="16.149999999999999" customHeight="1">
      <c r="A2466" s="737"/>
      <c r="B2466" s="738"/>
      <c r="C2466" s="485"/>
      <c r="D2466" s="484"/>
      <c r="E2466" s="483"/>
      <c r="F2466" s="482"/>
      <c r="G2466" s="481" t="s">
        <v>651</v>
      </c>
      <c r="H2466" s="476"/>
      <c r="I2466" s="476"/>
      <c r="J2466" s="476"/>
      <c r="K2466" s="476"/>
      <c r="L2466" s="475"/>
    </row>
    <row r="2467" spans="1:12" ht="16.149999999999999" customHeight="1">
      <c r="A2467" s="733" t="s">
        <v>700</v>
      </c>
      <c r="B2467" s="734"/>
      <c r="C2467" s="495"/>
      <c r="D2467" s="494"/>
      <c r="E2467" s="493"/>
      <c r="F2467" s="492"/>
      <c r="G2467" s="486" t="s">
        <v>651</v>
      </c>
      <c r="H2467" s="549"/>
      <c r="I2467" s="549"/>
      <c r="J2467" s="549"/>
      <c r="K2467" s="549"/>
      <c r="L2467" s="551"/>
    </row>
    <row r="2468" spans="1:12" ht="16.149999999999999" customHeight="1">
      <c r="A2468" s="735"/>
      <c r="B2468" s="736"/>
      <c r="C2468" s="490"/>
      <c r="D2468" s="489"/>
      <c r="E2468" s="491"/>
      <c r="F2468" s="487" t="s">
        <v>651</v>
      </c>
      <c r="G2468" s="486" t="s">
        <v>651</v>
      </c>
      <c r="H2468" s="549"/>
      <c r="I2468" s="549"/>
      <c r="J2468" s="549"/>
      <c r="K2468" s="549"/>
      <c r="L2468" s="551"/>
    </row>
    <row r="2469" spans="1:12" ht="16.149999999999999" customHeight="1">
      <c r="A2469" s="735" t="s">
        <v>651</v>
      </c>
      <c r="B2469" s="736"/>
      <c r="C2469" s="490" t="s">
        <v>242</v>
      </c>
      <c r="D2469" s="489">
        <v>1</v>
      </c>
      <c r="E2469" s="488"/>
      <c r="F2469" s="487"/>
      <c r="G2469" s="486" t="s">
        <v>651</v>
      </c>
      <c r="H2469" s="549"/>
      <c r="I2469" s="549"/>
      <c r="J2469" s="549"/>
      <c r="K2469" s="549"/>
      <c r="L2469" s="551"/>
    </row>
    <row r="2470" spans="1:12" ht="16.149999999999999" customHeight="1">
      <c r="A2470" s="737"/>
      <c r="B2470" s="738"/>
      <c r="C2470" s="485"/>
      <c r="D2470" s="484"/>
      <c r="E2470" s="483"/>
      <c r="F2470" s="482"/>
      <c r="G2470" s="481" t="s">
        <v>651</v>
      </c>
      <c r="H2470" s="476"/>
      <c r="I2470" s="476"/>
      <c r="J2470" s="476"/>
      <c r="K2470" s="476"/>
      <c r="L2470" s="475"/>
    </row>
    <row r="2471" spans="1:12" ht="16.149999999999999" customHeight="1">
      <c r="A2471" s="733" t="s">
        <v>651</v>
      </c>
      <c r="B2471" s="734"/>
      <c r="C2471" s="495"/>
      <c r="D2471" s="494"/>
      <c r="E2471" s="493"/>
      <c r="F2471" s="492"/>
      <c r="G2471" s="486" t="s">
        <v>651</v>
      </c>
      <c r="H2471" s="549"/>
      <c r="I2471" s="549"/>
      <c r="J2471" s="549"/>
      <c r="K2471" s="549"/>
      <c r="L2471" s="551"/>
    </row>
    <row r="2472" spans="1:12" ht="16.149999999999999" customHeight="1">
      <c r="A2472" s="735"/>
      <c r="B2472" s="736"/>
      <c r="C2472" s="490"/>
      <c r="D2472" s="489"/>
      <c r="E2472" s="491"/>
      <c r="F2472" s="487" t="s">
        <v>651</v>
      </c>
      <c r="G2472" s="486" t="s">
        <v>651</v>
      </c>
      <c r="H2472" s="549"/>
      <c r="I2472" s="549"/>
      <c r="J2472" s="549"/>
      <c r="K2472" s="549"/>
      <c r="L2472" s="551"/>
    </row>
    <row r="2473" spans="1:12" ht="16.149999999999999" customHeight="1">
      <c r="A2473" s="735" t="s">
        <v>691</v>
      </c>
      <c r="B2473" s="736"/>
      <c r="C2473" s="490" t="s">
        <v>697</v>
      </c>
      <c r="D2473" s="489">
        <v>1</v>
      </c>
      <c r="E2473" s="488"/>
      <c r="F2473" s="487"/>
      <c r="G2473" s="486" t="s">
        <v>651</v>
      </c>
      <c r="H2473" s="549"/>
      <c r="I2473" s="549"/>
      <c r="J2473" s="549"/>
      <c r="K2473" s="549"/>
      <c r="L2473" s="551"/>
    </row>
    <row r="2474" spans="1:12" ht="16.149999999999999" customHeight="1">
      <c r="A2474" s="737"/>
      <c r="B2474" s="738"/>
      <c r="C2474" s="485"/>
      <c r="D2474" s="484"/>
      <c r="E2474" s="483"/>
      <c r="F2474" s="482"/>
      <c r="G2474" s="481" t="s">
        <v>651</v>
      </c>
      <c r="H2474" s="476"/>
      <c r="I2474" s="476"/>
      <c r="J2474" s="476"/>
      <c r="K2474" s="476"/>
      <c r="L2474" s="475"/>
    </row>
    <row r="2475" spans="1:12" ht="16.149999999999999" customHeight="1">
      <c r="A2475" s="733" t="s">
        <v>651</v>
      </c>
      <c r="B2475" s="734"/>
      <c r="C2475" s="495"/>
      <c r="D2475" s="494"/>
      <c r="E2475" s="493"/>
      <c r="F2475" s="492"/>
      <c r="G2475" s="486" t="s">
        <v>651</v>
      </c>
      <c r="H2475" s="549"/>
      <c r="I2475" s="549"/>
      <c r="J2475" s="549"/>
      <c r="K2475" s="549"/>
      <c r="L2475" s="551"/>
    </row>
    <row r="2476" spans="1:12" ht="16.149999999999999" customHeight="1">
      <c r="A2476" s="735"/>
      <c r="B2476" s="736"/>
      <c r="C2476" s="490"/>
      <c r="D2476" s="489"/>
      <c r="E2476" s="491"/>
      <c r="F2476" s="487" t="s">
        <v>651</v>
      </c>
      <c r="G2476" s="486" t="s">
        <v>651</v>
      </c>
      <c r="H2476" s="549"/>
      <c r="I2476" s="549"/>
      <c r="J2476" s="549"/>
      <c r="K2476" s="549"/>
      <c r="L2476" s="551"/>
    </row>
    <row r="2477" spans="1:12" ht="16.149999999999999" customHeight="1">
      <c r="A2477" s="735" t="s">
        <v>681</v>
      </c>
      <c r="B2477" s="736"/>
      <c r="C2477" s="490" t="s">
        <v>697</v>
      </c>
      <c r="D2477" s="489">
        <v>1</v>
      </c>
      <c r="E2477" s="488" t="s">
        <v>618</v>
      </c>
      <c r="F2477" s="487"/>
      <c r="G2477" s="486" t="s">
        <v>651</v>
      </c>
      <c r="H2477" s="549"/>
      <c r="I2477" s="549"/>
      <c r="J2477" s="549"/>
      <c r="K2477" s="549"/>
      <c r="L2477" s="551"/>
    </row>
    <row r="2478" spans="1:12" ht="16.149999999999999" customHeight="1">
      <c r="A2478" s="737"/>
      <c r="B2478" s="738"/>
      <c r="C2478" s="485"/>
      <c r="D2478" s="484"/>
      <c r="E2478" s="483"/>
      <c r="F2478" s="482"/>
      <c r="G2478" s="481" t="s">
        <v>651</v>
      </c>
      <c r="H2478" s="476"/>
      <c r="I2478" s="476"/>
      <c r="J2478" s="476"/>
      <c r="K2478" s="476"/>
      <c r="L2478" s="475"/>
    </row>
    <row r="2486" spans="1:12" ht="16.149999999999999" customHeight="1">
      <c r="A2486" s="507" t="s">
        <v>651</v>
      </c>
      <c r="B2486" s="479" t="s">
        <v>788</v>
      </c>
      <c r="C2486" s="480"/>
      <c r="D2486" s="479"/>
      <c r="E2486" s="479"/>
      <c r="F2486" s="479"/>
      <c r="G2486" s="479"/>
      <c r="H2486" s="479" t="s">
        <v>617</v>
      </c>
      <c r="I2486" s="480" t="s">
        <v>787</v>
      </c>
      <c r="J2486" s="479" t="s">
        <v>689</v>
      </c>
      <c r="K2486" s="479" t="s">
        <v>688</v>
      </c>
      <c r="L2486" s="506"/>
    </row>
    <row r="2487" spans="1:12" ht="16.149999999999999" customHeight="1">
      <c r="A2487" s="505" t="s">
        <v>651</v>
      </c>
      <c r="B2487" s="549" t="s">
        <v>773</v>
      </c>
      <c r="C2487" s="550"/>
      <c r="D2487" s="549"/>
      <c r="E2487" s="549"/>
      <c r="F2487" s="549"/>
      <c r="G2487" s="478"/>
      <c r="H2487" s="549"/>
      <c r="I2487" s="504"/>
      <c r="J2487" s="503" t="s">
        <v>687</v>
      </c>
      <c r="K2487" s="502" t="s">
        <v>697</v>
      </c>
      <c r="L2487" s="501" t="s">
        <v>618</v>
      </c>
    </row>
    <row r="2488" spans="1:12" ht="16.149999999999999" customHeight="1">
      <c r="A2488" s="477" t="s">
        <v>651</v>
      </c>
      <c r="B2488" s="549"/>
      <c r="C2488" s="550"/>
      <c r="D2488" s="549"/>
      <c r="E2488" s="549"/>
      <c r="F2488" s="549"/>
      <c r="G2488" s="478"/>
      <c r="H2488" s="478"/>
      <c r="I2488" s="478"/>
      <c r="J2488" s="478"/>
      <c r="K2488" s="478"/>
      <c r="L2488" s="501"/>
    </row>
    <row r="2489" spans="1:12" ht="16.149999999999999" customHeight="1">
      <c r="A2489" s="498" t="s">
        <v>686</v>
      </c>
      <c r="B2489" s="500"/>
      <c r="C2489" s="499" t="s">
        <v>309</v>
      </c>
      <c r="D2489" s="499" t="s">
        <v>685</v>
      </c>
      <c r="E2489" s="499" t="s">
        <v>684</v>
      </c>
      <c r="F2489" s="499" t="s">
        <v>683</v>
      </c>
      <c r="G2489" s="498" t="s">
        <v>682</v>
      </c>
      <c r="H2489" s="497"/>
      <c r="I2489" s="497"/>
      <c r="J2489" s="497"/>
      <c r="K2489" s="497"/>
      <c r="L2489" s="496"/>
    </row>
    <row r="2490" spans="1:12" ht="16.149999999999999" customHeight="1">
      <c r="A2490" s="733" t="s">
        <v>788</v>
      </c>
      <c r="B2490" s="734"/>
      <c r="C2490" s="495"/>
      <c r="D2490" s="494"/>
      <c r="E2490" s="493"/>
      <c r="F2490" s="492"/>
      <c r="G2490" s="486" t="s">
        <v>651</v>
      </c>
      <c r="H2490" s="549"/>
      <c r="I2490" s="549"/>
      <c r="J2490" s="549"/>
      <c r="K2490" s="549"/>
      <c r="L2490" s="551"/>
    </row>
    <row r="2491" spans="1:12" ht="16.149999999999999" customHeight="1">
      <c r="A2491" s="735"/>
      <c r="B2491" s="736"/>
      <c r="C2491" s="490"/>
      <c r="D2491" s="489"/>
      <c r="E2491" s="491"/>
      <c r="F2491" s="487" t="s">
        <v>651</v>
      </c>
      <c r="G2491" s="486" t="s">
        <v>651</v>
      </c>
      <c r="H2491" s="549"/>
      <c r="I2491" s="549"/>
      <c r="J2491" s="549"/>
      <c r="K2491" s="549"/>
      <c r="L2491" s="551"/>
    </row>
    <row r="2492" spans="1:12" ht="16.149999999999999" customHeight="1">
      <c r="A2492" s="735" t="s">
        <v>789</v>
      </c>
      <c r="B2492" s="736"/>
      <c r="C2492" s="490" t="s">
        <v>697</v>
      </c>
      <c r="D2492" s="489">
        <v>1</v>
      </c>
      <c r="E2492" s="488"/>
      <c r="F2492" s="487"/>
      <c r="G2492" s="486" t="s">
        <v>651</v>
      </c>
      <c r="H2492" s="549"/>
      <c r="I2492" s="549"/>
      <c r="J2492" s="549"/>
      <c r="K2492" s="549"/>
      <c r="L2492" s="551"/>
    </row>
    <row r="2493" spans="1:12" ht="16.149999999999999" customHeight="1">
      <c r="A2493" s="737"/>
      <c r="B2493" s="738"/>
      <c r="C2493" s="485"/>
      <c r="D2493" s="484"/>
      <c r="E2493" s="483"/>
      <c r="F2493" s="482"/>
      <c r="G2493" s="481" t="s">
        <v>651</v>
      </c>
      <c r="H2493" s="476"/>
      <c r="I2493" s="476"/>
      <c r="J2493" s="476"/>
      <c r="K2493" s="476"/>
      <c r="L2493" s="475"/>
    </row>
    <row r="2494" spans="1:12" ht="16.149999999999999" customHeight="1">
      <c r="A2494" s="733" t="s">
        <v>777</v>
      </c>
      <c r="B2494" s="734"/>
      <c r="C2494" s="495"/>
      <c r="D2494" s="494"/>
      <c r="E2494" s="493"/>
      <c r="F2494" s="492"/>
      <c r="G2494" s="486" t="s">
        <v>651</v>
      </c>
      <c r="H2494" s="549"/>
      <c r="I2494" s="549"/>
      <c r="J2494" s="549"/>
      <c r="K2494" s="549"/>
      <c r="L2494" s="551"/>
    </row>
    <row r="2495" spans="1:12" ht="16.149999999999999" customHeight="1">
      <c r="A2495" s="735"/>
      <c r="B2495" s="736"/>
      <c r="C2495" s="490"/>
      <c r="D2495" s="489"/>
      <c r="E2495" s="491"/>
      <c r="F2495" s="487" t="s">
        <v>651</v>
      </c>
      <c r="G2495" s="486" t="s">
        <v>651</v>
      </c>
      <c r="H2495" s="549"/>
      <c r="I2495" s="549"/>
      <c r="J2495" s="549"/>
      <c r="K2495" s="549"/>
      <c r="L2495" s="551"/>
    </row>
    <row r="2496" spans="1:12" ht="16.149999999999999" customHeight="1">
      <c r="A2496" s="735" t="s">
        <v>784</v>
      </c>
      <c r="B2496" s="736"/>
      <c r="C2496" s="490" t="s">
        <v>697</v>
      </c>
      <c r="D2496" s="489">
        <v>1</v>
      </c>
      <c r="E2496" s="488"/>
      <c r="F2496" s="487"/>
      <c r="G2496" s="486" t="s">
        <v>651</v>
      </c>
      <c r="H2496" s="549"/>
      <c r="I2496" s="549"/>
      <c r="J2496" s="549"/>
      <c r="K2496" s="549"/>
      <c r="L2496" s="551"/>
    </row>
    <row r="2497" spans="1:12" ht="16.149999999999999" customHeight="1">
      <c r="A2497" s="737"/>
      <c r="B2497" s="738"/>
      <c r="C2497" s="485"/>
      <c r="D2497" s="484"/>
      <c r="E2497" s="483"/>
      <c r="F2497" s="482"/>
      <c r="G2497" s="481" t="s">
        <v>651</v>
      </c>
      <c r="H2497" s="476"/>
      <c r="I2497" s="476"/>
      <c r="J2497" s="476"/>
      <c r="K2497" s="476"/>
      <c r="L2497" s="475"/>
    </row>
    <row r="2498" spans="1:12" ht="16.149999999999999" customHeight="1">
      <c r="A2498" s="733" t="s">
        <v>651</v>
      </c>
      <c r="B2498" s="734"/>
      <c r="C2498" s="495"/>
      <c r="D2498" s="494"/>
      <c r="E2498" s="493"/>
      <c r="F2498" s="492"/>
      <c r="G2498" s="486" t="s">
        <v>651</v>
      </c>
      <c r="H2498" s="549"/>
      <c r="I2498" s="549"/>
      <c r="J2498" s="549"/>
      <c r="K2498" s="549"/>
      <c r="L2498" s="551"/>
    </row>
    <row r="2499" spans="1:12" ht="16.149999999999999" customHeight="1">
      <c r="A2499" s="735"/>
      <c r="B2499" s="736"/>
      <c r="C2499" s="490"/>
      <c r="D2499" s="489"/>
      <c r="E2499" s="491"/>
      <c r="F2499" s="487" t="s">
        <v>651</v>
      </c>
      <c r="G2499" s="486" t="s">
        <v>651</v>
      </c>
      <c r="H2499" s="549"/>
      <c r="I2499" s="549"/>
      <c r="J2499" s="549"/>
      <c r="K2499" s="549"/>
      <c r="L2499" s="551"/>
    </row>
    <row r="2500" spans="1:12" ht="16.149999999999999" customHeight="1">
      <c r="A2500" s="735" t="s">
        <v>691</v>
      </c>
      <c r="B2500" s="736"/>
      <c r="C2500" s="490" t="s">
        <v>697</v>
      </c>
      <c r="D2500" s="489">
        <v>1</v>
      </c>
      <c r="E2500" s="488"/>
      <c r="F2500" s="487"/>
      <c r="G2500" s="486" t="s">
        <v>651</v>
      </c>
      <c r="H2500" s="549"/>
      <c r="I2500" s="549"/>
      <c r="J2500" s="549"/>
      <c r="K2500" s="549"/>
      <c r="L2500" s="551"/>
    </row>
    <row r="2501" spans="1:12" ht="16.149999999999999" customHeight="1">
      <c r="A2501" s="737"/>
      <c r="B2501" s="738"/>
      <c r="C2501" s="485"/>
      <c r="D2501" s="484"/>
      <c r="E2501" s="483"/>
      <c r="F2501" s="482"/>
      <c r="G2501" s="481" t="s">
        <v>651</v>
      </c>
      <c r="H2501" s="476"/>
      <c r="I2501" s="476"/>
      <c r="J2501" s="476"/>
      <c r="K2501" s="476"/>
      <c r="L2501" s="475"/>
    </row>
    <row r="2502" spans="1:12" ht="16.149999999999999" customHeight="1">
      <c r="A2502" s="733" t="s">
        <v>651</v>
      </c>
      <c r="B2502" s="734"/>
      <c r="C2502" s="495"/>
      <c r="D2502" s="494"/>
      <c r="E2502" s="493"/>
      <c r="F2502" s="492"/>
      <c r="G2502" s="486" t="s">
        <v>651</v>
      </c>
      <c r="H2502" s="549"/>
      <c r="I2502" s="549"/>
      <c r="J2502" s="549"/>
      <c r="K2502" s="549"/>
      <c r="L2502" s="551"/>
    </row>
    <row r="2503" spans="1:12" ht="16.149999999999999" customHeight="1">
      <c r="A2503" s="735"/>
      <c r="B2503" s="736"/>
      <c r="C2503" s="490"/>
      <c r="D2503" s="489"/>
      <c r="E2503" s="491"/>
      <c r="F2503" s="487" t="s">
        <v>651</v>
      </c>
      <c r="G2503" s="486" t="s">
        <v>651</v>
      </c>
      <c r="H2503" s="549"/>
      <c r="I2503" s="549"/>
      <c r="J2503" s="549"/>
      <c r="K2503" s="549"/>
      <c r="L2503" s="551"/>
    </row>
    <row r="2504" spans="1:12" ht="16.149999999999999" customHeight="1">
      <c r="A2504" s="735" t="s">
        <v>681</v>
      </c>
      <c r="B2504" s="736"/>
      <c r="C2504" s="490" t="s">
        <v>697</v>
      </c>
      <c r="D2504" s="489">
        <v>1</v>
      </c>
      <c r="E2504" s="488" t="s">
        <v>618</v>
      </c>
      <c r="F2504" s="487"/>
      <c r="G2504" s="486" t="s">
        <v>651</v>
      </c>
      <c r="H2504" s="549"/>
      <c r="I2504" s="549"/>
      <c r="J2504" s="549"/>
      <c r="K2504" s="549"/>
      <c r="L2504" s="551"/>
    </row>
    <row r="2505" spans="1:12" ht="16.149999999999999" customHeight="1">
      <c r="A2505" s="737"/>
      <c r="B2505" s="738"/>
      <c r="C2505" s="485"/>
      <c r="D2505" s="484"/>
      <c r="E2505" s="483"/>
      <c r="F2505" s="482"/>
      <c r="G2505" s="481" t="s">
        <v>651</v>
      </c>
      <c r="H2505" s="476"/>
      <c r="I2505" s="476"/>
      <c r="J2505" s="476"/>
      <c r="K2505" s="476"/>
      <c r="L2505" s="475"/>
    </row>
    <row r="2507" spans="1:12" ht="16.149999999999999" customHeight="1">
      <c r="A2507" s="507" t="s">
        <v>651</v>
      </c>
      <c r="B2507" s="479" t="s">
        <v>783</v>
      </c>
      <c r="C2507" s="480"/>
      <c r="D2507" s="479"/>
      <c r="E2507" s="479"/>
      <c r="F2507" s="479"/>
      <c r="G2507" s="479"/>
      <c r="H2507" s="479" t="s">
        <v>617</v>
      </c>
      <c r="I2507" s="480" t="s">
        <v>782</v>
      </c>
      <c r="J2507" s="479" t="s">
        <v>689</v>
      </c>
      <c r="K2507" s="479" t="s">
        <v>688</v>
      </c>
      <c r="L2507" s="506"/>
    </row>
    <row r="2508" spans="1:12" ht="16.149999999999999" customHeight="1">
      <c r="A2508" s="505" t="s">
        <v>651</v>
      </c>
      <c r="B2508" s="549" t="s">
        <v>1665</v>
      </c>
      <c r="C2508" s="550"/>
      <c r="D2508" s="549"/>
      <c r="E2508" s="549"/>
      <c r="F2508" s="549"/>
      <c r="G2508" s="478"/>
      <c r="H2508" s="549"/>
      <c r="I2508" s="504"/>
      <c r="J2508" s="503" t="s">
        <v>687</v>
      </c>
      <c r="K2508" s="502" t="s">
        <v>242</v>
      </c>
      <c r="L2508" s="501" t="s">
        <v>618</v>
      </c>
    </row>
    <row r="2509" spans="1:12" ht="16.149999999999999" customHeight="1">
      <c r="A2509" s="477" t="s">
        <v>651</v>
      </c>
      <c r="B2509" s="549"/>
      <c r="C2509" s="550"/>
      <c r="D2509" s="549"/>
      <c r="E2509" s="549"/>
      <c r="F2509" s="549"/>
      <c r="G2509" s="478"/>
      <c r="H2509" s="478"/>
      <c r="I2509" s="478"/>
      <c r="J2509" s="478"/>
      <c r="K2509" s="478"/>
      <c r="L2509" s="501"/>
    </row>
    <row r="2510" spans="1:12" ht="16.149999999999999" customHeight="1">
      <c r="A2510" s="498" t="s">
        <v>686</v>
      </c>
      <c r="B2510" s="500"/>
      <c r="C2510" s="499" t="s">
        <v>309</v>
      </c>
      <c r="D2510" s="499" t="s">
        <v>685</v>
      </c>
      <c r="E2510" s="499" t="s">
        <v>684</v>
      </c>
      <c r="F2510" s="499" t="s">
        <v>683</v>
      </c>
      <c r="G2510" s="498" t="s">
        <v>682</v>
      </c>
      <c r="H2510" s="497"/>
      <c r="I2510" s="497"/>
      <c r="J2510" s="497"/>
      <c r="K2510" s="497"/>
      <c r="L2510" s="496"/>
    </row>
    <row r="2511" spans="1:12" ht="16.149999999999999" customHeight="1">
      <c r="A2511" s="733" t="s">
        <v>786</v>
      </c>
      <c r="B2511" s="734"/>
      <c r="C2511" s="495"/>
      <c r="D2511" s="494"/>
      <c r="E2511" s="493"/>
      <c r="F2511" s="492"/>
      <c r="G2511" s="486" t="s">
        <v>651</v>
      </c>
      <c r="H2511" s="549"/>
      <c r="I2511" s="549"/>
      <c r="J2511" s="549"/>
      <c r="K2511" s="549"/>
      <c r="L2511" s="551"/>
    </row>
    <row r="2512" spans="1:12" ht="16.149999999999999" customHeight="1">
      <c r="A2512" s="735"/>
      <c r="B2512" s="736"/>
      <c r="C2512" s="490"/>
      <c r="D2512" s="489"/>
      <c r="E2512" s="491"/>
      <c r="F2512" s="487" t="s">
        <v>651</v>
      </c>
      <c r="G2512" s="486" t="s">
        <v>651</v>
      </c>
      <c r="H2512" s="549"/>
      <c r="I2512" s="549"/>
      <c r="J2512" s="549"/>
      <c r="K2512" s="549"/>
      <c r="L2512" s="551"/>
    </row>
    <row r="2513" spans="1:12" ht="16.149999999999999" customHeight="1">
      <c r="A2513" s="735" t="s">
        <v>784</v>
      </c>
      <c r="B2513" s="736"/>
      <c r="C2513" s="490" t="s">
        <v>281</v>
      </c>
      <c r="D2513" s="489">
        <v>1</v>
      </c>
      <c r="E2513" s="488"/>
      <c r="F2513" s="487"/>
      <c r="G2513" s="486" t="s">
        <v>651</v>
      </c>
      <c r="H2513" s="549"/>
      <c r="I2513" s="549"/>
      <c r="J2513" s="549"/>
      <c r="K2513" s="549"/>
      <c r="L2513" s="551"/>
    </row>
    <row r="2514" spans="1:12" ht="16.149999999999999" customHeight="1">
      <c r="A2514" s="737"/>
      <c r="B2514" s="738"/>
      <c r="C2514" s="485"/>
      <c r="D2514" s="484"/>
      <c r="E2514" s="483"/>
      <c r="F2514" s="482"/>
      <c r="G2514" s="481" t="s">
        <v>651</v>
      </c>
      <c r="H2514" s="476"/>
      <c r="I2514" s="476"/>
      <c r="J2514" s="476"/>
      <c r="K2514" s="476"/>
      <c r="L2514" s="475"/>
    </row>
    <row r="2515" spans="1:12" ht="16.149999999999999" customHeight="1">
      <c r="A2515" s="733" t="s">
        <v>785</v>
      </c>
      <c r="B2515" s="734"/>
      <c r="C2515" s="495"/>
      <c r="D2515" s="494"/>
      <c r="E2515" s="493"/>
      <c r="F2515" s="492"/>
      <c r="G2515" s="486" t="s">
        <v>651</v>
      </c>
      <c r="H2515" s="549"/>
      <c r="I2515" s="549"/>
      <c r="J2515" s="549"/>
      <c r="K2515" s="549"/>
      <c r="L2515" s="551"/>
    </row>
    <row r="2516" spans="1:12" ht="16.149999999999999" customHeight="1">
      <c r="A2516" s="735"/>
      <c r="B2516" s="736"/>
      <c r="C2516" s="490"/>
      <c r="D2516" s="489"/>
      <c r="E2516" s="491"/>
      <c r="F2516" s="487" t="s">
        <v>651</v>
      </c>
      <c r="G2516" s="486" t="s">
        <v>651</v>
      </c>
      <c r="H2516" s="549"/>
      <c r="I2516" s="549"/>
      <c r="J2516" s="549"/>
      <c r="K2516" s="549"/>
      <c r="L2516" s="551"/>
    </row>
    <row r="2517" spans="1:12" ht="16.149999999999999" customHeight="1">
      <c r="A2517" s="735" t="s">
        <v>784</v>
      </c>
      <c r="B2517" s="736"/>
      <c r="C2517" s="490" t="s">
        <v>281</v>
      </c>
      <c r="D2517" s="489">
        <v>1</v>
      </c>
      <c r="E2517" s="488"/>
      <c r="F2517" s="487"/>
      <c r="G2517" s="486" t="s">
        <v>651</v>
      </c>
      <c r="H2517" s="549"/>
      <c r="I2517" s="549"/>
      <c r="J2517" s="549"/>
      <c r="K2517" s="549"/>
      <c r="L2517" s="551"/>
    </row>
    <row r="2518" spans="1:12" ht="16.149999999999999" customHeight="1">
      <c r="A2518" s="737"/>
      <c r="B2518" s="738"/>
      <c r="C2518" s="485"/>
      <c r="D2518" s="484"/>
      <c r="E2518" s="483"/>
      <c r="F2518" s="482"/>
      <c r="G2518" s="481" t="s">
        <v>651</v>
      </c>
      <c r="H2518" s="476"/>
      <c r="I2518" s="476"/>
      <c r="J2518" s="476"/>
      <c r="K2518" s="476"/>
      <c r="L2518" s="475"/>
    </row>
    <row r="2521" spans="1:12" ht="16.149999999999999" customHeight="1">
      <c r="A2521" s="507" t="s">
        <v>651</v>
      </c>
      <c r="B2521" s="479" t="s">
        <v>783</v>
      </c>
      <c r="C2521" s="480"/>
      <c r="D2521" s="479"/>
      <c r="E2521" s="479"/>
      <c r="F2521" s="479"/>
      <c r="G2521" s="479"/>
      <c r="H2521" s="479" t="s">
        <v>617</v>
      </c>
      <c r="I2521" s="480" t="s">
        <v>782</v>
      </c>
      <c r="J2521" s="479" t="s">
        <v>689</v>
      </c>
      <c r="K2521" s="479" t="s">
        <v>688</v>
      </c>
      <c r="L2521" s="506"/>
    </row>
    <row r="2522" spans="1:12" ht="16.149999999999999" customHeight="1">
      <c r="A2522" s="505" t="s">
        <v>651</v>
      </c>
      <c r="B2522" s="549" t="s">
        <v>1665</v>
      </c>
      <c r="C2522" s="550"/>
      <c r="D2522" s="549"/>
      <c r="E2522" s="549"/>
      <c r="F2522" s="549"/>
      <c r="G2522" s="478"/>
      <c r="H2522" s="549"/>
      <c r="I2522" s="504"/>
      <c r="J2522" s="503" t="s">
        <v>687</v>
      </c>
      <c r="K2522" s="502" t="s">
        <v>242</v>
      </c>
      <c r="L2522" s="501" t="s">
        <v>618</v>
      </c>
    </row>
    <row r="2523" spans="1:12" ht="16.149999999999999" customHeight="1">
      <c r="A2523" s="477" t="s">
        <v>651</v>
      </c>
      <c r="B2523" s="549"/>
      <c r="C2523" s="550"/>
      <c r="D2523" s="549"/>
      <c r="E2523" s="549"/>
      <c r="F2523" s="549"/>
      <c r="G2523" s="478"/>
      <c r="H2523" s="478"/>
      <c r="I2523" s="478"/>
      <c r="J2523" s="478"/>
      <c r="K2523" s="478"/>
      <c r="L2523" s="501"/>
    </row>
    <row r="2524" spans="1:12" ht="16.149999999999999" customHeight="1">
      <c r="A2524" s="498" t="s">
        <v>686</v>
      </c>
      <c r="B2524" s="500"/>
      <c r="C2524" s="499" t="s">
        <v>309</v>
      </c>
      <c r="D2524" s="499" t="s">
        <v>685</v>
      </c>
      <c r="E2524" s="499" t="s">
        <v>684</v>
      </c>
      <c r="F2524" s="499" t="s">
        <v>683</v>
      </c>
      <c r="G2524" s="498" t="s">
        <v>682</v>
      </c>
      <c r="H2524" s="497"/>
      <c r="I2524" s="497"/>
      <c r="J2524" s="497"/>
      <c r="K2524" s="497"/>
      <c r="L2524" s="496"/>
    </row>
    <row r="2525" spans="1:12" ht="16.149999999999999" customHeight="1">
      <c r="A2525" s="733" t="s">
        <v>651</v>
      </c>
      <c r="B2525" s="734"/>
      <c r="C2525" s="495"/>
      <c r="D2525" s="494"/>
      <c r="E2525" s="493"/>
      <c r="F2525" s="492"/>
      <c r="G2525" s="486" t="s">
        <v>651</v>
      </c>
      <c r="H2525" s="549"/>
      <c r="I2525" s="549"/>
      <c r="J2525" s="549"/>
      <c r="K2525" s="549"/>
      <c r="L2525" s="551"/>
    </row>
    <row r="2526" spans="1:12" ht="16.149999999999999" customHeight="1">
      <c r="A2526" s="735"/>
      <c r="B2526" s="736"/>
      <c r="C2526" s="490"/>
      <c r="D2526" s="489"/>
      <c r="E2526" s="491"/>
      <c r="F2526" s="487" t="s">
        <v>651</v>
      </c>
      <c r="G2526" s="486" t="s">
        <v>651</v>
      </c>
      <c r="H2526" s="549"/>
      <c r="I2526" s="549"/>
      <c r="J2526" s="549"/>
      <c r="K2526" s="549"/>
      <c r="L2526" s="551"/>
    </row>
    <row r="2527" spans="1:12" ht="16.149999999999999" customHeight="1">
      <c r="A2527" s="735" t="s">
        <v>691</v>
      </c>
      <c r="B2527" s="736"/>
      <c r="C2527" s="490" t="s">
        <v>242</v>
      </c>
      <c r="D2527" s="489">
        <v>1</v>
      </c>
      <c r="E2527" s="488"/>
      <c r="F2527" s="487"/>
      <c r="G2527" s="486" t="s">
        <v>651</v>
      </c>
      <c r="H2527" s="549"/>
      <c r="I2527" s="549"/>
      <c r="J2527" s="549"/>
      <c r="K2527" s="549"/>
      <c r="L2527" s="551"/>
    </row>
    <row r="2528" spans="1:12" ht="16.149999999999999" customHeight="1">
      <c r="A2528" s="737"/>
      <c r="B2528" s="738"/>
      <c r="C2528" s="485"/>
      <c r="D2528" s="484"/>
      <c r="E2528" s="483"/>
      <c r="F2528" s="482"/>
      <c r="G2528" s="481" t="s">
        <v>651</v>
      </c>
      <c r="H2528" s="476"/>
      <c r="I2528" s="476"/>
      <c r="J2528" s="476"/>
      <c r="K2528" s="476"/>
      <c r="L2528" s="475"/>
    </row>
    <row r="2529" spans="1:12" ht="16.149999999999999" customHeight="1">
      <c r="A2529" s="733" t="s">
        <v>651</v>
      </c>
      <c r="B2529" s="734"/>
      <c r="C2529" s="495"/>
      <c r="D2529" s="494"/>
      <c r="E2529" s="493"/>
      <c r="F2529" s="492"/>
      <c r="G2529" s="486" t="s">
        <v>651</v>
      </c>
      <c r="H2529" s="549"/>
      <c r="I2529" s="549"/>
      <c r="J2529" s="549"/>
      <c r="K2529" s="549"/>
      <c r="L2529" s="551"/>
    </row>
    <row r="2530" spans="1:12" ht="16.149999999999999" customHeight="1">
      <c r="A2530" s="735"/>
      <c r="B2530" s="736"/>
      <c r="C2530" s="490"/>
      <c r="D2530" s="489"/>
      <c r="E2530" s="491"/>
      <c r="F2530" s="487" t="s">
        <v>651</v>
      </c>
      <c r="G2530" s="486" t="s">
        <v>651</v>
      </c>
      <c r="H2530" s="549"/>
      <c r="I2530" s="549"/>
      <c r="J2530" s="549"/>
      <c r="K2530" s="549"/>
      <c r="L2530" s="551"/>
    </row>
    <row r="2531" spans="1:12" ht="16.149999999999999" customHeight="1">
      <c r="A2531" s="735" t="s">
        <v>681</v>
      </c>
      <c r="B2531" s="736"/>
      <c r="C2531" s="490" t="s">
        <v>242</v>
      </c>
      <c r="D2531" s="489">
        <v>1</v>
      </c>
      <c r="E2531" s="488" t="s">
        <v>618</v>
      </c>
      <c r="F2531" s="487"/>
      <c r="G2531" s="486" t="s">
        <v>651</v>
      </c>
      <c r="H2531" s="549"/>
      <c r="I2531" s="549"/>
      <c r="J2531" s="549"/>
      <c r="K2531" s="549"/>
      <c r="L2531" s="551"/>
    </row>
    <row r="2532" spans="1:12" ht="16.149999999999999" customHeight="1">
      <c r="A2532" s="737"/>
      <c r="B2532" s="738"/>
      <c r="C2532" s="485"/>
      <c r="D2532" s="484"/>
      <c r="E2532" s="483"/>
      <c r="F2532" s="482"/>
      <c r="G2532" s="481" t="s">
        <v>651</v>
      </c>
      <c r="H2532" s="476"/>
      <c r="I2532" s="476"/>
      <c r="J2532" s="476"/>
      <c r="K2532" s="476"/>
      <c r="L2532" s="475"/>
    </row>
    <row r="2534" spans="1:12" ht="16.149999999999999" customHeight="1">
      <c r="A2534" s="507" t="s">
        <v>651</v>
      </c>
      <c r="B2534" s="479" t="s">
        <v>751</v>
      </c>
      <c r="C2534" s="480"/>
      <c r="D2534" s="479"/>
      <c r="E2534" s="479"/>
      <c r="F2534" s="479"/>
      <c r="G2534" s="479"/>
      <c r="H2534" s="479" t="s">
        <v>617</v>
      </c>
      <c r="I2534" s="480" t="s">
        <v>780</v>
      </c>
      <c r="J2534" s="479" t="s">
        <v>689</v>
      </c>
      <c r="K2534" s="479" t="s">
        <v>688</v>
      </c>
      <c r="L2534" s="506"/>
    </row>
    <row r="2535" spans="1:12" ht="16.149999999999999" customHeight="1">
      <c r="A2535" s="505" t="s">
        <v>651</v>
      </c>
      <c r="B2535" s="549" t="s">
        <v>779</v>
      </c>
      <c r="C2535" s="550"/>
      <c r="D2535" s="549"/>
      <c r="E2535" s="549"/>
      <c r="F2535" s="549"/>
      <c r="G2535" s="478"/>
      <c r="H2535" s="549"/>
      <c r="I2535" s="504"/>
      <c r="J2535" s="503" t="s">
        <v>687</v>
      </c>
      <c r="K2535" s="502" t="s">
        <v>697</v>
      </c>
      <c r="L2535" s="501" t="s">
        <v>618</v>
      </c>
    </row>
    <row r="2536" spans="1:12" ht="16.149999999999999" customHeight="1">
      <c r="A2536" s="477" t="s">
        <v>651</v>
      </c>
      <c r="B2536" s="549"/>
      <c r="C2536" s="550"/>
      <c r="D2536" s="549"/>
      <c r="E2536" s="549"/>
      <c r="F2536" s="549"/>
      <c r="G2536" s="478"/>
      <c r="H2536" s="478"/>
      <c r="I2536" s="478"/>
      <c r="J2536" s="478"/>
      <c r="K2536" s="478"/>
      <c r="L2536" s="501"/>
    </row>
    <row r="2537" spans="1:12" ht="16.149999999999999" customHeight="1">
      <c r="A2537" s="498" t="s">
        <v>686</v>
      </c>
      <c r="B2537" s="500"/>
      <c r="C2537" s="499" t="s">
        <v>309</v>
      </c>
      <c r="D2537" s="499" t="s">
        <v>685</v>
      </c>
      <c r="E2537" s="499" t="s">
        <v>684</v>
      </c>
      <c r="F2537" s="499" t="s">
        <v>683</v>
      </c>
      <c r="G2537" s="498" t="s">
        <v>682</v>
      </c>
      <c r="H2537" s="497"/>
      <c r="I2537" s="497"/>
      <c r="J2537" s="497"/>
      <c r="K2537" s="497"/>
      <c r="L2537" s="496"/>
    </row>
    <row r="2538" spans="1:12" ht="16.149999999999999" customHeight="1">
      <c r="A2538" s="733" t="s">
        <v>721</v>
      </c>
      <c r="B2538" s="734"/>
      <c r="C2538" s="495"/>
      <c r="D2538" s="494"/>
      <c r="E2538" s="493"/>
      <c r="F2538" s="492"/>
      <c r="G2538" s="486" t="s">
        <v>651</v>
      </c>
      <c r="H2538" s="549"/>
      <c r="I2538" s="549"/>
      <c r="J2538" s="549"/>
      <c r="K2538" s="549"/>
      <c r="L2538" s="551"/>
    </row>
    <row r="2539" spans="1:12" ht="16.149999999999999" customHeight="1">
      <c r="A2539" s="735"/>
      <c r="B2539" s="736"/>
      <c r="C2539" s="490"/>
      <c r="D2539" s="489"/>
      <c r="E2539" s="491"/>
      <c r="F2539" s="487" t="s">
        <v>651</v>
      </c>
      <c r="G2539" s="486" t="s">
        <v>651</v>
      </c>
      <c r="H2539" s="549"/>
      <c r="I2539" s="549"/>
      <c r="J2539" s="549"/>
      <c r="K2539" s="549"/>
      <c r="L2539" s="551"/>
    </row>
    <row r="2540" spans="1:12" ht="16.149999999999999" customHeight="1">
      <c r="A2540" s="735" t="s">
        <v>651</v>
      </c>
      <c r="B2540" s="736"/>
      <c r="C2540" s="490" t="s">
        <v>248</v>
      </c>
      <c r="D2540" s="489"/>
      <c r="E2540" s="488"/>
      <c r="F2540" s="487"/>
      <c r="G2540" s="486" t="s">
        <v>651</v>
      </c>
      <c r="H2540" s="549"/>
      <c r="I2540" s="549"/>
      <c r="J2540" s="549"/>
      <c r="K2540" s="549"/>
      <c r="L2540" s="551"/>
    </row>
    <row r="2541" spans="1:12" ht="16.149999999999999" customHeight="1">
      <c r="A2541" s="737"/>
      <c r="B2541" s="738"/>
      <c r="C2541" s="485"/>
      <c r="D2541" s="484"/>
      <c r="E2541" s="483"/>
      <c r="F2541" s="482"/>
      <c r="G2541" s="481" t="s">
        <v>651</v>
      </c>
      <c r="H2541" s="476"/>
      <c r="I2541" s="476"/>
      <c r="J2541" s="476"/>
      <c r="K2541" s="476"/>
      <c r="L2541" s="475"/>
    </row>
    <row r="2542" spans="1:12" ht="16.149999999999999" customHeight="1">
      <c r="A2542" s="733" t="s">
        <v>250</v>
      </c>
      <c r="B2542" s="734"/>
      <c r="C2542" s="495"/>
      <c r="D2542" s="494"/>
      <c r="E2542" s="493"/>
      <c r="F2542" s="492"/>
      <c r="G2542" s="486" t="s">
        <v>651</v>
      </c>
      <c r="H2542" s="549"/>
      <c r="I2542" s="549"/>
      <c r="J2542" s="549"/>
      <c r="K2542" s="549"/>
      <c r="L2542" s="551"/>
    </row>
    <row r="2543" spans="1:12" ht="16.149999999999999" customHeight="1">
      <c r="A2543" s="735"/>
      <c r="B2543" s="736"/>
      <c r="C2543" s="490"/>
      <c r="D2543" s="489"/>
      <c r="E2543" s="491"/>
      <c r="F2543" s="487" t="s">
        <v>651</v>
      </c>
      <c r="G2543" s="486" t="s">
        <v>651</v>
      </c>
      <c r="H2543" s="549"/>
      <c r="I2543" s="549"/>
      <c r="J2543" s="549"/>
      <c r="K2543" s="549"/>
      <c r="L2543" s="551"/>
    </row>
    <row r="2544" spans="1:12" ht="16.149999999999999" customHeight="1">
      <c r="A2544" s="735" t="s">
        <v>651</v>
      </c>
      <c r="B2544" s="736"/>
      <c r="C2544" s="490" t="s">
        <v>248</v>
      </c>
      <c r="D2544" s="489"/>
      <c r="E2544" s="488"/>
      <c r="F2544" s="487"/>
      <c r="G2544" s="486" t="s">
        <v>651</v>
      </c>
      <c r="H2544" s="549"/>
      <c r="I2544" s="549"/>
      <c r="J2544" s="549"/>
      <c r="K2544" s="549"/>
      <c r="L2544" s="551"/>
    </row>
    <row r="2545" spans="1:12" ht="16.149999999999999" customHeight="1">
      <c r="A2545" s="737"/>
      <c r="B2545" s="738"/>
      <c r="C2545" s="485"/>
      <c r="D2545" s="484"/>
      <c r="E2545" s="483"/>
      <c r="F2545" s="482"/>
      <c r="G2545" s="481" t="s">
        <v>651</v>
      </c>
      <c r="H2545" s="476"/>
      <c r="I2545" s="476"/>
      <c r="J2545" s="476"/>
      <c r="K2545" s="476"/>
      <c r="L2545" s="475"/>
    </row>
    <row r="2546" spans="1:12" ht="16.149999999999999" customHeight="1">
      <c r="A2546" s="733" t="s">
        <v>774</v>
      </c>
      <c r="B2546" s="734"/>
      <c r="C2546" s="495"/>
      <c r="D2546" s="494"/>
      <c r="E2546" s="493"/>
      <c r="F2546" s="492"/>
      <c r="G2546" s="486" t="s">
        <v>781</v>
      </c>
      <c r="H2546" s="549"/>
      <c r="I2546" s="549"/>
      <c r="J2546" s="549"/>
      <c r="K2546" s="549"/>
      <c r="L2546" s="551"/>
    </row>
    <row r="2547" spans="1:12" ht="16.149999999999999" customHeight="1">
      <c r="A2547" s="735"/>
      <c r="B2547" s="736"/>
      <c r="C2547" s="490"/>
      <c r="D2547" s="489"/>
      <c r="E2547" s="491"/>
      <c r="F2547" s="487" t="s">
        <v>651</v>
      </c>
      <c r="G2547" s="486" t="s">
        <v>651</v>
      </c>
      <c r="H2547" s="549"/>
      <c r="I2547" s="549"/>
      <c r="J2547" s="549"/>
      <c r="K2547" s="549"/>
      <c r="L2547" s="551"/>
    </row>
    <row r="2548" spans="1:12" ht="16.149999999999999" customHeight="1">
      <c r="A2548" s="735" t="s">
        <v>773</v>
      </c>
      <c r="B2548" s="736"/>
      <c r="C2548" s="490" t="s">
        <v>621</v>
      </c>
      <c r="D2548" s="489"/>
      <c r="E2548" s="488"/>
      <c r="F2548" s="487"/>
      <c r="G2548" s="486" t="s">
        <v>651</v>
      </c>
      <c r="H2548" s="549"/>
      <c r="I2548" s="549"/>
      <c r="J2548" s="549"/>
      <c r="K2548" s="549"/>
      <c r="L2548" s="551"/>
    </row>
    <row r="2549" spans="1:12" ht="16.149999999999999" customHeight="1">
      <c r="A2549" s="737"/>
      <c r="B2549" s="738"/>
      <c r="C2549" s="485"/>
      <c r="D2549" s="484"/>
      <c r="E2549" s="483"/>
      <c r="F2549" s="482"/>
      <c r="G2549" s="481" t="s">
        <v>651</v>
      </c>
      <c r="H2549" s="476"/>
      <c r="I2549" s="476"/>
      <c r="J2549" s="476"/>
      <c r="K2549" s="476"/>
      <c r="L2549" s="475"/>
    </row>
    <row r="2550" spans="1:12" ht="16.149999999999999" customHeight="1">
      <c r="A2550" s="733" t="s">
        <v>700</v>
      </c>
      <c r="B2550" s="734"/>
      <c r="C2550" s="495"/>
      <c r="D2550" s="494"/>
      <c r="E2550" s="493"/>
      <c r="F2550" s="492"/>
      <c r="G2550" s="486" t="s">
        <v>651</v>
      </c>
      <c r="H2550" s="549"/>
      <c r="I2550" s="549"/>
      <c r="J2550" s="549"/>
      <c r="K2550" s="549"/>
      <c r="L2550" s="551"/>
    </row>
    <row r="2551" spans="1:12" ht="16.149999999999999" customHeight="1">
      <c r="A2551" s="735"/>
      <c r="B2551" s="736"/>
      <c r="C2551" s="490"/>
      <c r="D2551" s="489"/>
      <c r="E2551" s="491"/>
      <c r="F2551" s="487" t="s">
        <v>651</v>
      </c>
      <c r="G2551" s="486" t="s">
        <v>651</v>
      </c>
      <c r="H2551" s="549"/>
      <c r="I2551" s="549"/>
      <c r="J2551" s="549"/>
      <c r="K2551" s="549"/>
      <c r="L2551" s="551"/>
    </row>
    <row r="2552" spans="1:12" ht="16.149999999999999" customHeight="1">
      <c r="A2552" s="735" t="s">
        <v>651</v>
      </c>
      <c r="B2552" s="736"/>
      <c r="C2552" s="490" t="s">
        <v>242</v>
      </c>
      <c r="D2552" s="489">
        <v>1</v>
      </c>
      <c r="E2552" s="488"/>
      <c r="F2552" s="487"/>
      <c r="G2552" s="486" t="s">
        <v>651</v>
      </c>
      <c r="H2552" s="549"/>
      <c r="I2552" s="549"/>
      <c r="J2552" s="549"/>
      <c r="K2552" s="549"/>
      <c r="L2552" s="551"/>
    </row>
    <row r="2553" spans="1:12" ht="16.149999999999999" customHeight="1">
      <c r="A2553" s="737"/>
      <c r="B2553" s="738"/>
      <c r="C2553" s="485"/>
      <c r="D2553" s="484"/>
      <c r="E2553" s="483"/>
      <c r="F2553" s="482"/>
      <c r="G2553" s="481" t="s">
        <v>651</v>
      </c>
      <c r="H2553" s="476"/>
      <c r="I2553" s="476"/>
      <c r="J2553" s="476"/>
      <c r="K2553" s="476"/>
      <c r="L2553" s="475"/>
    </row>
    <row r="2556" spans="1:12" ht="16.149999999999999" customHeight="1">
      <c r="A2556" s="507" t="s">
        <v>651</v>
      </c>
      <c r="B2556" s="479" t="s">
        <v>751</v>
      </c>
      <c r="C2556" s="480"/>
      <c r="D2556" s="479"/>
      <c r="E2556" s="479"/>
      <c r="F2556" s="479"/>
      <c r="G2556" s="479"/>
      <c r="H2556" s="479" t="s">
        <v>617</v>
      </c>
      <c r="I2556" s="480" t="s">
        <v>780</v>
      </c>
      <c r="J2556" s="479" t="s">
        <v>689</v>
      </c>
      <c r="K2556" s="479" t="s">
        <v>688</v>
      </c>
      <c r="L2556" s="506"/>
    </row>
    <row r="2557" spans="1:12" ht="16.149999999999999" customHeight="1">
      <c r="A2557" s="505" t="s">
        <v>651</v>
      </c>
      <c r="B2557" s="549" t="s">
        <v>779</v>
      </c>
      <c r="C2557" s="550"/>
      <c r="D2557" s="549"/>
      <c r="E2557" s="549"/>
      <c r="F2557" s="549"/>
      <c r="G2557" s="478"/>
      <c r="H2557" s="549"/>
      <c r="I2557" s="504"/>
      <c r="J2557" s="503" t="s">
        <v>687</v>
      </c>
      <c r="K2557" s="502" t="s">
        <v>697</v>
      </c>
      <c r="L2557" s="501" t="s">
        <v>618</v>
      </c>
    </row>
    <row r="2558" spans="1:12" ht="16.149999999999999" customHeight="1">
      <c r="A2558" s="477" t="s">
        <v>651</v>
      </c>
      <c r="B2558" s="549"/>
      <c r="C2558" s="550"/>
      <c r="D2558" s="549"/>
      <c r="E2558" s="549"/>
      <c r="F2558" s="549"/>
      <c r="G2558" s="478"/>
      <c r="H2558" s="478"/>
      <c r="I2558" s="478"/>
      <c r="J2558" s="478"/>
      <c r="K2558" s="478"/>
      <c r="L2558" s="501"/>
    </row>
    <row r="2559" spans="1:12" ht="16.149999999999999" customHeight="1">
      <c r="A2559" s="498" t="s">
        <v>686</v>
      </c>
      <c r="B2559" s="500"/>
      <c r="C2559" s="499" t="s">
        <v>309</v>
      </c>
      <c r="D2559" s="499" t="s">
        <v>685</v>
      </c>
      <c r="E2559" s="499" t="s">
        <v>684</v>
      </c>
      <c r="F2559" s="499" t="s">
        <v>683</v>
      </c>
      <c r="G2559" s="498" t="s">
        <v>682</v>
      </c>
      <c r="H2559" s="497"/>
      <c r="I2559" s="497"/>
      <c r="J2559" s="497"/>
      <c r="K2559" s="497"/>
      <c r="L2559" s="496"/>
    </row>
    <row r="2560" spans="1:12" ht="16.149999999999999" customHeight="1">
      <c r="A2560" s="733" t="s">
        <v>651</v>
      </c>
      <c r="B2560" s="734"/>
      <c r="C2560" s="495"/>
      <c r="D2560" s="494"/>
      <c r="E2560" s="493"/>
      <c r="F2560" s="492"/>
      <c r="G2560" s="486" t="s">
        <v>651</v>
      </c>
      <c r="H2560" s="549"/>
      <c r="I2560" s="549"/>
      <c r="J2560" s="549"/>
      <c r="K2560" s="549"/>
      <c r="L2560" s="551"/>
    </row>
    <row r="2561" spans="1:12" ht="16.149999999999999" customHeight="1">
      <c r="A2561" s="735"/>
      <c r="B2561" s="736"/>
      <c r="C2561" s="490"/>
      <c r="D2561" s="489"/>
      <c r="E2561" s="491"/>
      <c r="F2561" s="487" t="s">
        <v>651</v>
      </c>
      <c r="G2561" s="486" t="s">
        <v>651</v>
      </c>
      <c r="H2561" s="549"/>
      <c r="I2561" s="549"/>
      <c r="J2561" s="549"/>
      <c r="K2561" s="549"/>
      <c r="L2561" s="551"/>
    </row>
    <row r="2562" spans="1:12" ht="16.149999999999999" customHeight="1">
      <c r="A2562" s="735" t="s">
        <v>691</v>
      </c>
      <c r="B2562" s="736"/>
      <c r="C2562" s="490" t="s">
        <v>697</v>
      </c>
      <c r="D2562" s="489">
        <v>1</v>
      </c>
      <c r="E2562" s="488"/>
      <c r="F2562" s="487"/>
      <c r="G2562" s="486" t="s">
        <v>651</v>
      </c>
      <c r="H2562" s="549"/>
      <c r="I2562" s="549"/>
      <c r="J2562" s="549"/>
      <c r="K2562" s="549"/>
      <c r="L2562" s="551"/>
    </row>
    <row r="2563" spans="1:12" ht="16.149999999999999" customHeight="1">
      <c r="A2563" s="737"/>
      <c r="B2563" s="738"/>
      <c r="C2563" s="485"/>
      <c r="D2563" s="484"/>
      <c r="E2563" s="483"/>
      <c r="F2563" s="482"/>
      <c r="G2563" s="481" t="s">
        <v>651</v>
      </c>
      <c r="H2563" s="476"/>
      <c r="I2563" s="476"/>
      <c r="J2563" s="476"/>
      <c r="K2563" s="476"/>
      <c r="L2563" s="475"/>
    </row>
    <row r="2564" spans="1:12" ht="16.149999999999999" customHeight="1">
      <c r="A2564" s="733" t="s">
        <v>651</v>
      </c>
      <c r="B2564" s="734"/>
      <c r="C2564" s="495"/>
      <c r="D2564" s="494"/>
      <c r="E2564" s="493"/>
      <c r="F2564" s="492"/>
      <c r="G2564" s="486" t="s">
        <v>651</v>
      </c>
      <c r="H2564" s="549"/>
      <c r="I2564" s="549"/>
      <c r="J2564" s="549"/>
      <c r="K2564" s="549"/>
      <c r="L2564" s="551"/>
    </row>
    <row r="2565" spans="1:12" ht="16.149999999999999" customHeight="1">
      <c r="A2565" s="735"/>
      <c r="B2565" s="736"/>
      <c r="C2565" s="490"/>
      <c r="D2565" s="489"/>
      <c r="E2565" s="491"/>
      <c r="F2565" s="487" t="s">
        <v>651</v>
      </c>
      <c r="G2565" s="486" t="s">
        <v>651</v>
      </c>
      <c r="H2565" s="549"/>
      <c r="I2565" s="549"/>
      <c r="J2565" s="549"/>
      <c r="K2565" s="549"/>
      <c r="L2565" s="551"/>
    </row>
    <row r="2566" spans="1:12" ht="16.149999999999999" customHeight="1">
      <c r="A2566" s="735" t="s">
        <v>681</v>
      </c>
      <c r="B2566" s="736"/>
      <c r="C2566" s="490" t="s">
        <v>697</v>
      </c>
      <c r="D2566" s="489">
        <v>1</v>
      </c>
      <c r="E2566" s="488" t="s">
        <v>618</v>
      </c>
      <c r="F2566" s="487"/>
      <c r="G2566" s="486" t="s">
        <v>651</v>
      </c>
      <c r="H2566" s="549"/>
      <c r="I2566" s="549"/>
      <c r="J2566" s="549"/>
      <c r="K2566" s="549"/>
      <c r="L2566" s="551"/>
    </row>
    <row r="2567" spans="1:12" ht="16.149999999999999" customHeight="1">
      <c r="A2567" s="737"/>
      <c r="B2567" s="738"/>
      <c r="C2567" s="485"/>
      <c r="D2567" s="484"/>
      <c r="E2567" s="483"/>
      <c r="F2567" s="482"/>
      <c r="G2567" s="481" t="s">
        <v>651</v>
      </c>
      <c r="H2567" s="476"/>
      <c r="I2567" s="476"/>
      <c r="J2567" s="476"/>
      <c r="K2567" s="476"/>
      <c r="L2567" s="475"/>
    </row>
    <row r="2569" spans="1:12" ht="16.149999999999999" customHeight="1">
      <c r="A2569" s="507" t="s">
        <v>651</v>
      </c>
      <c r="B2569" s="479" t="s">
        <v>774</v>
      </c>
      <c r="C2569" s="480"/>
      <c r="D2569" s="479"/>
      <c r="E2569" s="479"/>
      <c r="F2569" s="479"/>
      <c r="G2569" s="479"/>
      <c r="H2569" s="479" t="s">
        <v>617</v>
      </c>
      <c r="I2569" s="480" t="s">
        <v>775</v>
      </c>
      <c r="J2569" s="479" t="s">
        <v>689</v>
      </c>
      <c r="K2569" s="479" t="s">
        <v>688</v>
      </c>
      <c r="L2569" s="506"/>
    </row>
    <row r="2570" spans="1:12" ht="16.149999999999999" customHeight="1">
      <c r="A2570" s="505" t="s">
        <v>651</v>
      </c>
      <c r="B2570" s="549" t="s">
        <v>773</v>
      </c>
      <c r="C2570" s="550"/>
      <c r="D2570" s="549"/>
      <c r="E2570" s="549"/>
      <c r="F2570" s="549"/>
      <c r="G2570" s="478"/>
      <c r="H2570" s="549"/>
      <c r="I2570" s="504"/>
      <c r="J2570" s="503" t="s">
        <v>687</v>
      </c>
      <c r="K2570" s="502" t="s">
        <v>621</v>
      </c>
      <c r="L2570" s="501" t="s">
        <v>618</v>
      </c>
    </row>
    <row r="2571" spans="1:12" ht="16.149999999999999" customHeight="1">
      <c r="A2571" s="477" t="s">
        <v>651</v>
      </c>
      <c r="B2571" s="549"/>
      <c r="C2571" s="550"/>
      <c r="D2571" s="549"/>
      <c r="E2571" s="549"/>
      <c r="F2571" s="549"/>
      <c r="G2571" s="478"/>
      <c r="H2571" s="478"/>
      <c r="I2571" s="478"/>
      <c r="J2571" s="478"/>
      <c r="K2571" s="478"/>
      <c r="L2571" s="501"/>
    </row>
    <row r="2572" spans="1:12" ht="16.149999999999999" customHeight="1">
      <c r="A2572" s="498" t="s">
        <v>686</v>
      </c>
      <c r="B2572" s="500"/>
      <c r="C2572" s="499" t="s">
        <v>309</v>
      </c>
      <c r="D2572" s="499" t="s">
        <v>685</v>
      </c>
      <c r="E2572" s="499" t="s">
        <v>684</v>
      </c>
      <c r="F2572" s="499" t="s">
        <v>683</v>
      </c>
      <c r="G2572" s="498" t="s">
        <v>682</v>
      </c>
      <c r="H2572" s="497"/>
      <c r="I2572" s="497"/>
      <c r="J2572" s="497"/>
      <c r="K2572" s="497"/>
      <c r="L2572" s="496"/>
    </row>
    <row r="2573" spans="1:12" ht="16.149999999999999" customHeight="1">
      <c r="A2573" s="733" t="s">
        <v>774</v>
      </c>
      <c r="B2573" s="734"/>
      <c r="C2573" s="495"/>
      <c r="D2573" s="494"/>
      <c r="E2573" s="493"/>
      <c r="F2573" s="492"/>
      <c r="G2573" s="486" t="s">
        <v>651</v>
      </c>
      <c r="H2573" s="549"/>
      <c r="I2573" s="549"/>
      <c r="J2573" s="549"/>
      <c r="K2573" s="549"/>
      <c r="L2573" s="551"/>
    </row>
    <row r="2574" spans="1:12" ht="16.149999999999999" customHeight="1">
      <c r="A2574" s="735"/>
      <c r="B2574" s="736"/>
      <c r="C2574" s="490"/>
      <c r="D2574" s="489"/>
      <c r="E2574" s="491"/>
      <c r="F2574" s="487" t="s">
        <v>651</v>
      </c>
      <c r="G2574" s="486" t="s">
        <v>651</v>
      </c>
      <c r="H2574" s="549"/>
      <c r="I2574" s="549"/>
      <c r="J2574" s="549"/>
      <c r="K2574" s="549"/>
      <c r="L2574" s="551"/>
    </row>
    <row r="2575" spans="1:12" ht="16.149999999999999" customHeight="1">
      <c r="A2575" s="735" t="s">
        <v>778</v>
      </c>
      <c r="B2575" s="736"/>
      <c r="C2575" s="490" t="s">
        <v>621</v>
      </c>
      <c r="D2575" s="489"/>
      <c r="E2575" s="488"/>
      <c r="F2575" s="487"/>
      <c r="G2575" s="486" t="s">
        <v>651</v>
      </c>
      <c r="H2575" s="549"/>
      <c r="I2575" s="549"/>
      <c r="J2575" s="549"/>
      <c r="K2575" s="549"/>
      <c r="L2575" s="551"/>
    </row>
    <row r="2576" spans="1:12" ht="16.149999999999999" customHeight="1">
      <c r="A2576" s="737"/>
      <c r="B2576" s="738"/>
      <c r="C2576" s="485"/>
      <c r="D2576" s="484"/>
      <c r="E2576" s="483"/>
      <c r="F2576" s="482"/>
      <c r="G2576" s="481" t="s">
        <v>651</v>
      </c>
      <c r="H2576" s="476"/>
      <c r="I2576" s="476"/>
      <c r="J2576" s="476"/>
      <c r="K2576" s="476"/>
      <c r="L2576" s="475"/>
    </row>
    <row r="2577" spans="1:12" ht="16.149999999999999" customHeight="1">
      <c r="A2577" s="733" t="s">
        <v>777</v>
      </c>
      <c r="B2577" s="734"/>
      <c r="C2577" s="495"/>
      <c r="D2577" s="494"/>
      <c r="E2577" s="493"/>
      <c r="F2577" s="492"/>
      <c r="G2577" s="486" t="s">
        <v>651</v>
      </c>
      <c r="H2577" s="549"/>
      <c r="I2577" s="549"/>
      <c r="J2577" s="549"/>
      <c r="K2577" s="549"/>
      <c r="L2577" s="551"/>
    </row>
    <row r="2578" spans="1:12" ht="16.149999999999999" customHeight="1">
      <c r="A2578" s="735"/>
      <c r="B2578" s="736"/>
      <c r="C2578" s="490"/>
      <c r="D2578" s="489"/>
      <c r="E2578" s="491"/>
      <c r="F2578" s="487" t="s">
        <v>651</v>
      </c>
      <c r="G2578" s="486" t="s">
        <v>651</v>
      </c>
      <c r="H2578" s="549"/>
      <c r="I2578" s="549"/>
      <c r="J2578" s="549"/>
      <c r="K2578" s="549"/>
      <c r="L2578" s="551"/>
    </row>
    <row r="2579" spans="1:12" ht="16.149999999999999" customHeight="1">
      <c r="A2579" s="735" t="s">
        <v>776</v>
      </c>
      <c r="B2579" s="736"/>
      <c r="C2579" s="490" t="s">
        <v>621</v>
      </c>
      <c r="D2579" s="489"/>
      <c r="E2579" s="488"/>
      <c r="F2579" s="487"/>
      <c r="G2579" s="486" t="s">
        <v>651</v>
      </c>
      <c r="H2579" s="549"/>
      <c r="I2579" s="549"/>
      <c r="J2579" s="549"/>
      <c r="K2579" s="549"/>
      <c r="L2579" s="551"/>
    </row>
    <row r="2580" spans="1:12" ht="16.149999999999999" customHeight="1">
      <c r="A2580" s="737"/>
      <c r="B2580" s="738"/>
      <c r="C2580" s="485"/>
      <c r="D2580" s="484"/>
      <c r="E2580" s="483"/>
      <c r="F2580" s="482"/>
      <c r="G2580" s="481" t="s">
        <v>651</v>
      </c>
      <c r="H2580" s="476"/>
      <c r="I2580" s="476"/>
      <c r="J2580" s="476"/>
      <c r="K2580" s="476"/>
      <c r="L2580" s="475"/>
    </row>
    <row r="2581" spans="1:12" ht="16.149999999999999" customHeight="1">
      <c r="A2581" s="733" t="s">
        <v>651</v>
      </c>
      <c r="B2581" s="734"/>
      <c r="C2581" s="495"/>
      <c r="D2581" s="494"/>
      <c r="E2581" s="493"/>
      <c r="F2581" s="492"/>
      <c r="G2581" s="486" t="s">
        <v>651</v>
      </c>
      <c r="H2581" s="549"/>
      <c r="I2581" s="549"/>
      <c r="J2581" s="549"/>
      <c r="K2581" s="549"/>
      <c r="L2581" s="551"/>
    </row>
    <row r="2582" spans="1:12" ht="16.149999999999999" customHeight="1">
      <c r="A2582" s="735"/>
      <c r="B2582" s="736"/>
      <c r="C2582" s="490"/>
      <c r="D2582" s="489"/>
      <c r="E2582" s="491"/>
      <c r="F2582" s="487" t="s">
        <v>651</v>
      </c>
      <c r="G2582" s="486" t="s">
        <v>651</v>
      </c>
      <c r="H2582" s="549"/>
      <c r="I2582" s="549"/>
      <c r="J2582" s="549"/>
      <c r="K2582" s="549"/>
      <c r="L2582" s="551"/>
    </row>
    <row r="2583" spans="1:12" ht="16.149999999999999" customHeight="1">
      <c r="A2583" s="735" t="s">
        <v>691</v>
      </c>
      <c r="B2583" s="736"/>
      <c r="C2583" s="490" t="s">
        <v>621</v>
      </c>
      <c r="D2583" s="489">
        <v>1</v>
      </c>
      <c r="E2583" s="488"/>
      <c r="F2583" s="487"/>
      <c r="G2583" s="486" t="s">
        <v>651</v>
      </c>
      <c r="H2583" s="549"/>
      <c r="I2583" s="549"/>
      <c r="J2583" s="549"/>
      <c r="K2583" s="549"/>
      <c r="L2583" s="551"/>
    </row>
    <row r="2584" spans="1:12" ht="16.149999999999999" customHeight="1">
      <c r="A2584" s="737"/>
      <c r="B2584" s="738"/>
      <c r="C2584" s="485"/>
      <c r="D2584" s="484"/>
      <c r="E2584" s="483"/>
      <c r="F2584" s="482"/>
      <c r="G2584" s="481" t="s">
        <v>651</v>
      </c>
      <c r="H2584" s="476"/>
      <c r="I2584" s="476"/>
      <c r="J2584" s="476"/>
      <c r="K2584" s="476"/>
      <c r="L2584" s="475"/>
    </row>
    <row r="2585" spans="1:12" ht="16.149999999999999" customHeight="1">
      <c r="A2585" s="733" t="s">
        <v>651</v>
      </c>
      <c r="B2585" s="734"/>
      <c r="C2585" s="495"/>
      <c r="D2585" s="494"/>
      <c r="E2585" s="493"/>
      <c r="F2585" s="492"/>
      <c r="G2585" s="486" t="s">
        <v>651</v>
      </c>
      <c r="H2585" s="549"/>
      <c r="I2585" s="549"/>
      <c r="J2585" s="549"/>
      <c r="K2585" s="549"/>
      <c r="L2585" s="551"/>
    </row>
    <row r="2586" spans="1:12" ht="16.149999999999999" customHeight="1">
      <c r="A2586" s="735"/>
      <c r="B2586" s="736"/>
      <c r="C2586" s="490"/>
      <c r="D2586" s="489"/>
      <c r="E2586" s="491"/>
      <c r="F2586" s="487" t="s">
        <v>651</v>
      </c>
      <c r="G2586" s="486" t="s">
        <v>651</v>
      </c>
      <c r="H2586" s="549"/>
      <c r="I2586" s="549"/>
      <c r="J2586" s="549"/>
      <c r="K2586" s="549"/>
      <c r="L2586" s="551"/>
    </row>
    <row r="2587" spans="1:12" ht="16.149999999999999" customHeight="1">
      <c r="A2587" s="735" t="s">
        <v>681</v>
      </c>
      <c r="B2587" s="736"/>
      <c r="C2587" s="490" t="s">
        <v>621</v>
      </c>
      <c r="D2587" s="489">
        <v>1</v>
      </c>
      <c r="E2587" s="488" t="s">
        <v>618</v>
      </c>
      <c r="F2587" s="487"/>
      <c r="G2587" s="486" t="s">
        <v>651</v>
      </c>
      <c r="H2587" s="549"/>
      <c r="I2587" s="549"/>
      <c r="J2587" s="549"/>
      <c r="K2587" s="549"/>
      <c r="L2587" s="551"/>
    </row>
    <row r="2588" spans="1:12" ht="16.149999999999999" customHeight="1">
      <c r="A2588" s="737"/>
      <c r="B2588" s="738"/>
      <c r="C2588" s="485"/>
      <c r="D2588" s="484"/>
      <c r="E2588" s="483"/>
      <c r="F2588" s="482"/>
      <c r="G2588" s="481" t="s">
        <v>651</v>
      </c>
      <c r="H2588" s="476"/>
      <c r="I2588" s="476"/>
      <c r="J2588" s="476"/>
      <c r="K2588" s="476"/>
      <c r="L2588" s="475"/>
    </row>
    <row r="2591" spans="1:12" ht="16.149999999999999" customHeight="1">
      <c r="A2591" s="507" t="s">
        <v>651</v>
      </c>
      <c r="B2591" s="479" t="s">
        <v>1664</v>
      </c>
      <c r="C2591" s="480"/>
      <c r="D2591" s="479"/>
      <c r="E2591" s="479"/>
      <c r="F2591" s="479"/>
      <c r="G2591" s="479"/>
      <c r="H2591" s="479" t="s">
        <v>617</v>
      </c>
      <c r="I2591" s="480" t="s">
        <v>772</v>
      </c>
      <c r="J2591" s="479" t="s">
        <v>689</v>
      </c>
      <c r="K2591" s="479" t="s">
        <v>688</v>
      </c>
      <c r="L2591" s="506"/>
    </row>
    <row r="2592" spans="1:12" ht="16.149999999999999" customHeight="1">
      <c r="A2592" s="505" t="s">
        <v>651</v>
      </c>
      <c r="B2592" s="549" t="s">
        <v>745</v>
      </c>
      <c r="C2592" s="550"/>
      <c r="D2592" s="549"/>
      <c r="E2592" s="549"/>
      <c r="F2592" s="549"/>
      <c r="G2592" s="478"/>
      <c r="H2592" s="549"/>
      <c r="I2592" s="504"/>
      <c r="J2592" s="503" t="s">
        <v>708</v>
      </c>
      <c r="K2592" s="502" t="s">
        <v>240</v>
      </c>
      <c r="L2592" s="501" t="s">
        <v>618</v>
      </c>
    </row>
    <row r="2593" spans="1:12" ht="16.149999999999999" customHeight="1">
      <c r="A2593" s="477" t="s">
        <v>651</v>
      </c>
      <c r="B2593" s="549"/>
      <c r="C2593" s="550"/>
      <c r="D2593" s="549"/>
      <c r="E2593" s="549"/>
      <c r="F2593" s="549"/>
      <c r="G2593" s="478"/>
      <c r="H2593" s="478"/>
      <c r="I2593" s="478"/>
      <c r="J2593" s="478"/>
      <c r="K2593" s="478"/>
      <c r="L2593" s="501"/>
    </row>
    <row r="2594" spans="1:12" ht="16.149999999999999" customHeight="1">
      <c r="A2594" s="498" t="s">
        <v>686</v>
      </c>
      <c r="B2594" s="500"/>
      <c r="C2594" s="499" t="s">
        <v>309</v>
      </c>
      <c r="D2594" s="499" t="s">
        <v>685</v>
      </c>
      <c r="E2594" s="499" t="s">
        <v>684</v>
      </c>
      <c r="F2594" s="499" t="s">
        <v>683</v>
      </c>
      <c r="G2594" s="498" t="s">
        <v>682</v>
      </c>
      <c r="H2594" s="497"/>
      <c r="I2594" s="497"/>
      <c r="J2594" s="497"/>
      <c r="K2594" s="497"/>
      <c r="L2594" s="496"/>
    </row>
    <row r="2595" spans="1:12" ht="16.149999999999999" customHeight="1">
      <c r="A2595" s="733" t="s">
        <v>701</v>
      </c>
      <c r="B2595" s="734"/>
      <c r="C2595" s="495"/>
      <c r="D2595" s="494"/>
      <c r="E2595" s="493"/>
      <c r="F2595" s="492"/>
      <c r="G2595" s="486" t="s">
        <v>651</v>
      </c>
      <c r="H2595" s="549"/>
      <c r="I2595" s="549"/>
      <c r="J2595" s="549"/>
      <c r="K2595" s="549"/>
      <c r="L2595" s="551"/>
    </row>
    <row r="2596" spans="1:12" ht="16.149999999999999" customHeight="1">
      <c r="A2596" s="735"/>
      <c r="B2596" s="736"/>
      <c r="C2596" s="490"/>
      <c r="D2596" s="489"/>
      <c r="E2596" s="491"/>
      <c r="F2596" s="487" t="s">
        <v>651</v>
      </c>
      <c r="G2596" s="486" t="s">
        <v>651</v>
      </c>
      <c r="H2596" s="549"/>
      <c r="I2596" s="549"/>
      <c r="J2596" s="549"/>
      <c r="K2596" s="549"/>
      <c r="L2596" s="551"/>
    </row>
    <row r="2597" spans="1:12" ht="16.149999999999999" customHeight="1">
      <c r="A2597" s="735" t="s">
        <v>651</v>
      </c>
      <c r="B2597" s="736"/>
      <c r="C2597" s="490" t="s">
        <v>248</v>
      </c>
      <c r="D2597" s="489"/>
      <c r="E2597" s="488"/>
      <c r="F2597" s="487"/>
      <c r="G2597" s="486" t="s">
        <v>651</v>
      </c>
      <c r="H2597" s="549"/>
      <c r="I2597" s="549"/>
      <c r="J2597" s="549"/>
      <c r="K2597" s="549"/>
      <c r="L2597" s="551"/>
    </row>
    <row r="2598" spans="1:12" ht="16.149999999999999" customHeight="1">
      <c r="A2598" s="737"/>
      <c r="B2598" s="738"/>
      <c r="C2598" s="485"/>
      <c r="D2598" s="484"/>
      <c r="E2598" s="483"/>
      <c r="F2598" s="482"/>
      <c r="G2598" s="481" t="s">
        <v>651</v>
      </c>
      <c r="H2598" s="476"/>
      <c r="I2598" s="476"/>
      <c r="J2598" s="476"/>
      <c r="K2598" s="476"/>
      <c r="L2598" s="475"/>
    </row>
    <row r="2599" spans="1:12" ht="16.149999999999999" customHeight="1">
      <c r="A2599" s="733" t="s">
        <v>250</v>
      </c>
      <c r="B2599" s="734"/>
      <c r="C2599" s="495"/>
      <c r="D2599" s="494"/>
      <c r="E2599" s="493"/>
      <c r="F2599" s="492"/>
      <c r="G2599" s="486" t="s">
        <v>651</v>
      </c>
      <c r="H2599" s="549"/>
      <c r="I2599" s="549"/>
      <c r="J2599" s="549"/>
      <c r="K2599" s="549"/>
      <c r="L2599" s="551"/>
    </row>
    <row r="2600" spans="1:12" ht="16.149999999999999" customHeight="1">
      <c r="A2600" s="735"/>
      <c r="B2600" s="736"/>
      <c r="C2600" s="490"/>
      <c r="D2600" s="489"/>
      <c r="E2600" s="491"/>
      <c r="F2600" s="487" t="s">
        <v>651</v>
      </c>
      <c r="G2600" s="486" t="s">
        <v>651</v>
      </c>
      <c r="H2600" s="549"/>
      <c r="I2600" s="549"/>
      <c r="J2600" s="549"/>
      <c r="K2600" s="549"/>
      <c r="L2600" s="551"/>
    </row>
    <row r="2601" spans="1:12" ht="16.149999999999999" customHeight="1">
      <c r="A2601" s="735" t="s">
        <v>651</v>
      </c>
      <c r="B2601" s="736"/>
      <c r="C2601" s="490" t="s">
        <v>248</v>
      </c>
      <c r="D2601" s="489"/>
      <c r="E2601" s="488"/>
      <c r="F2601" s="487"/>
      <c r="G2601" s="486" t="s">
        <v>651</v>
      </c>
      <c r="H2601" s="549"/>
      <c r="I2601" s="549"/>
      <c r="J2601" s="549"/>
      <c r="K2601" s="549"/>
      <c r="L2601" s="551"/>
    </row>
    <row r="2602" spans="1:12" ht="16.149999999999999" customHeight="1">
      <c r="A2602" s="737"/>
      <c r="B2602" s="738"/>
      <c r="C2602" s="485"/>
      <c r="D2602" s="484"/>
      <c r="E2602" s="483"/>
      <c r="F2602" s="482"/>
      <c r="G2602" s="481" t="s">
        <v>651</v>
      </c>
      <c r="H2602" s="476"/>
      <c r="I2602" s="476"/>
      <c r="J2602" s="476"/>
      <c r="K2602" s="476"/>
      <c r="L2602" s="475"/>
    </row>
    <row r="2603" spans="1:12" ht="16.149999999999999" customHeight="1">
      <c r="A2603" s="733" t="s">
        <v>742</v>
      </c>
      <c r="B2603" s="734"/>
      <c r="C2603" s="495"/>
      <c r="D2603" s="494"/>
      <c r="E2603" s="493"/>
      <c r="F2603" s="492"/>
      <c r="G2603" s="486" t="s">
        <v>741</v>
      </c>
      <c r="H2603" s="549"/>
      <c r="I2603" s="549"/>
      <c r="J2603" s="549"/>
      <c r="K2603" s="549"/>
      <c r="L2603" s="551"/>
    </row>
    <row r="2604" spans="1:12" ht="16.149999999999999" customHeight="1">
      <c r="A2604" s="735"/>
      <c r="B2604" s="736"/>
      <c r="C2604" s="490"/>
      <c r="D2604" s="489"/>
      <c r="E2604" s="491"/>
      <c r="F2604" s="487" t="s">
        <v>651</v>
      </c>
      <c r="G2604" s="486" t="s">
        <v>651</v>
      </c>
      <c r="H2604" s="549"/>
      <c r="I2604" s="549"/>
      <c r="J2604" s="549"/>
      <c r="K2604" s="549"/>
      <c r="L2604" s="551"/>
    </row>
    <row r="2605" spans="1:12" ht="16.149999999999999" customHeight="1">
      <c r="A2605" s="735" t="s">
        <v>1663</v>
      </c>
      <c r="B2605" s="736"/>
      <c r="C2605" s="490" t="s">
        <v>731</v>
      </c>
      <c r="D2605" s="489"/>
      <c r="E2605" s="488"/>
      <c r="F2605" s="487"/>
      <c r="G2605" s="486" t="s">
        <v>651</v>
      </c>
      <c r="H2605" s="549"/>
      <c r="I2605" s="549"/>
      <c r="J2605" s="549"/>
      <c r="K2605" s="549"/>
      <c r="L2605" s="551"/>
    </row>
    <row r="2606" spans="1:12" ht="16.149999999999999" customHeight="1">
      <c r="A2606" s="737"/>
      <c r="B2606" s="738"/>
      <c r="C2606" s="485"/>
      <c r="D2606" s="484"/>
      <c r="E2606" s="483"/>
      <c r="F2606" s="482"/>
      <c r="G2606" s="481" t="s">
        <v>651</v>
      </c>
      <c r="H2606" s="476"/>
      <c r="I2606" s="476"/>
      <c r="J2606" s="476"/>
      <c r="K2606" s="476"/>
      <c r="L2606" s="475"/>
    </row>
    <row r="2607" spans="1:12" ht="16.149999999999999" customHeight="1">
      <c r="A2607" s="733" t="s">
        <v>651</v>
      </c>
      <c r="B2607" s="734"/>
      <c r="C2607" s="495"/>
      <c r="D2607" s="494"/>
      <c r="E2607" s="493"/>
      <c r="F2607" s="492"/>
      <c r="G2607" s="486" t="s">
        <v>651</v>
      </c>
      <c r="H2607" s="549"/>
      <c r="I2607" s="549"/>
      <c r="J2607" s="549"/>
      <c r="K2607" s="549"/>
      <c r="L2607" s="551"/>
    </row>
    <row r="2608" spans="1:12" ht="16.149999999999999" customHeight="1">
      <c r="A2608" s="735"/>
      <c r="B2608" s="736"/>
      <c r="C2608" s="490"/>
      <c r="D2608" s="489"/>
      <c r="E2608" s="491"/>
      <c r="F2608" s="487" t="s">
        <v>651</v>
      </c>
      <c r="G2608" s="486" t="s">
        <v>651</v>
      </c>
      <c r="H2608" s="549"/>
      <c r="I2608" s="549"/>
      <c r="J2608" s="549"/>
      <c r="K2608" s="549"/>
      <c r="L2608" s="551"/>
    </row>
    <row r="2609" spans="1:12" ht="16.149999999999999" customHeight="1">
      <c r="A2609" s="735" t="s">
        <v>691</v>
      </c>
      <c r="B2609" s="736"/>
      <c r="C2609" s="490" t="s">
        <v>240</v>
      </c>
      <c r="D2609" s="489">
        <v>10</v>
      </c>
      <c r="E2609" s="488"/>
      <c r="F2609" s="487"/>
      <c r="G2609" s="486" t="s">
        <v>651</v>
      </c>
      <c r="H2609" s="549"/>
      <c r="I2609" s="549"/>
      <c r="J2609" s="549"/>
      <c r="K2609" s="549"/>
      <c r="L2609" s="551"/>
    </row>
    <row r="2610" spans="1:12" ht="16.149999999999999" customHeight="1">
      <c r="A2610" s="737"/>
      <c r="B2610" s="738"/>
      <c r="C2610" s="485"/>
      <c r="D2610" s="484"/>
      <c r="E2610" s="483"/>
      <c r="F2610" s="482"/>
      <c r="G2610" s="481" t="s">
        <v>651</v>
      </c>
      <c r="H2610" s="476"/>
      <c r="I2610" s="476"/>
      <c r="J2610" s="476"/>
      <c r="K2610" s="476"/>
      <c r="L2610" s="475"/>
    </row>
    <row r="2611" spans="1:12" ht="16.149999999999999" customHeight="1">
      <c r="A2611" s="733" t="s">
        <v>651</v>
      </c>
      <c r="B2611" s="734"/>
      <c r="C2611" s="495"/>
      <c r="D2611" s="494"/>
      <c r="E2611" s="493"/>
      <c r="F2611" s="492"/>
      <c r="G2611" s="486" t="s">
        <v>651</v>
      </c>
      <c r="H2611" s="549"/>
      <c r="I2611" s="549"/>
      <c r="J2611" s="549"/>
      <c r="K2611" s="549"/>
      <c r="L2611" s="551"/>
    </row>
    <row r="2612" spans="1:12" ht="16.149999999999999" customHeight="1">
      <c r="A2612" s="735"/>
      <c r="B2612" s="736"/>
      <c r="C2612" s="490"/>
      <c r="D2612" s="489"/>
      <c r="E2612" s="491"/>
      <c r="F2612" s="487" t="s">
        <v>651</v>
      </c>
      <c r="G2612" s="486" t="s">
        <v>651</v>
      </c>
      <c r="H2612" s="549"/>
      <c r="I2612" s="549"/>
      <c r="J2612" s="549"/>
      <c r="K2612" s="549"/>
      <c r="L2612" s="551"/>
    </row>
    <row r="2613" spans="1:12" ht="16.149999999999999" customHeight="1">
      <c r="A2613" s="735" t="s">
        <v>681</v>
      </c>
      <c r="B2613" s="736"/>
      <c r="C2613" s="490" t="s">
        <v>240</v>
      </c>
      <c r="D2613" s="489">
        <v>1</v>
      </c>
      <c r="E2613" s="488" t="s">
        <v>618</v>
      </c>
      <c r="F2613" s="487"/>
      <c r="G2613" s="486" t="s">
        <v>651</v>
      </c>
      <c r="H2613" s="549"/>
      <c r="I2613" s="549"/>
      <c r="J2613" s="549"/>
      <c r="K2613" s="549"/>
      <c r="L2613" s="551"/>
    </row>
    <row r="2614" spans="1:12" ht="16.149999999999999" customHeight="1">
      <c r="A2614" s="737"/>
      <c r="B2614" s="738"/>
      <c r="C2614" s="485"/>
      <c r="D2614" s="484"/>
      <c r="E2614" s="483"/>
      <c r="F2614" s="482"/>
      <c r="G2614" s="481" t="s">
        <v>651</v>
      </c>
      <c r="H2614" s="476"/>
      <c r="I2614" s="476"/>
      <c r="J2614" s="476"/>
      <c r="K2614" s="476"/>
      <c r="L2614" s="475"/>
    </row>
    <row r="2616" spans="1:12" ht="16.149999999999999" customHeight="1">
      <c r="A2616" s="507" t="s">
        <v>651</v>
      </c>
      <c r="B2616" s="479" t="s">
        <v>768</v>
      </c>
      <c r="C2616" s="480"/>
      <c r="D2616" s="479"/>
      <c r="E2616" s="479"/>
      <c r="F2616" s="479"/>
      <c r="G2616" s="479"/>
      <c r="H2616" s="479" t="s">
        <v>617</v>
      </c>
      <c r="I2616" s="480" t="s">
        <v>767</v>
      </c>
      <c r="J2616" s="479" t="s">
        <v>689</v>
      </c>
      <c r="K2616" s="479" t="s">
        <v>688</v>
      </c>
      <c r="L2616" s="506"/>
    </row>
    <row r="2617" spans="1:12" ht="16.149999999999999" customHeight="1">
      <c r="A2617" s="505" t="s">
        <v>651</v>
      </c>
      <c r="B2617" s="549" t="s">
        <v>754</v>
      </c>
      <c r="C2617" s="550"/>
      <c r="D2617" s="549"/>
      <c r="E2617" s="549"/>
      <c r="F2617" s="549"/>
      <c r="G2617" s="478"/>
      <c r="H2617" s="549"/>
      <c r="I2617" s="504"/>
      <c r="J2617" s="503" t="s">
        <v>722</v>
      </c>
      <c r="K2617" s="502" t="s">
        <v>240</v>
      </c>
      <c r="L2617" s="501" t="s">
        <v>618</v>
      </c>
    </row>
    <row r="2618" spans="1:12" ht="16.149999999999999" customHeight="1">
      <c r="A2618" s="477" t="s">
        <v>651</v>
      </c>
      <c r="B2618" s="549"/>
      <c r="C2618" s="550"/>
      <c r="D2618" s="549"/>
      <c r="E2618" s="549"/>
      <c r="F2618" s="549"/>
      <c r="G2618" s="478"/>
      <c r="H2618" s="478"/>
      <c r="I2618" s="478"/>
      <c r="J2618" s="478"/>
      <c r="K2618" s="478"/>
      <c r="L2618" s="501"/>
    </row>
    <row r="2619" spans="1:12" ht="16.149999999999999" customHeight="1">
      <c r="A2619" s="498" t="s">
        <v>686</v>
      </c>
      <c r="B2619" s="500"/>
      <c r="C2619" s="499" t="s">
        <v>309</v>
      </c>
      <c r="D2619" s="499" t="s">
        <v>685</v>
      </c>
      <c r="E2619" s="499" t="s">
        <v>684</v>
      </c>
      <c r="F2619" s="499" t="s">
        <v>683</v>
      </c>
      <c r="G2619" s="498" t="s">
        <v>682</v>
      </c>
      <c r="H2619" s="497"/>
      <c r="I2619" s="497"/>
      <c r="J2619" s="497"/>
      <c r="K2619" s="497"/>
      <c r="L2619" s="496"/>
    </row>
    <row r="2620" spans="1:12" ht="16.149999999999999" customHeight="1">
      <c r="A2620" s="733" t="s">
        <v>701</v>
      </c>
      <c r="B2620" s="734"/>
      <c r="C2620" s="495"/>
      <c r="D2620" s="494"/>
      <c r="E2620" s="493"/>
      <c r="F2620" s="492"/>
      <c r="G2620" s="486" t="s">
        <v>651</v>
      </c>
      <c r="H2620" s="549"/>
      <c r="I2620" s="549"/>
      <c r="J2620" s="549"/>
      <c r="K2620" s="549"/>
      <c r="L2620" s="551"/>
    </row>
    <row r="2621" spans="1:12" ht="16.149999999999999" customHeight="1">
      <c r="A2621" s="735"/>
      <c r="B2621" s="736"/>
      <c r="C2621" s="490"/>
      <c r="D2621" s="489"/>
      <c r="E2621" s="491"/>
      <c r="F2621" s="487" t="s">
        <v>651</v>
      </c>
      <c r="G2621" s="486" t="s">
        <v>651</v>
      </c>
      <c r="H2621" s="549"/>
      <c r="I2621" s="549"/>
      <c r="J2621" s="549"/>
      <c r="K2621" s="549"/>
      <c r="L2621" s="551"/>
    </row>
    <row r="2622" spans="1:12" ht="16.149999999999999" customHeight="1">
      <c r="A2622" s="735" t="s">
        <v>651</v>
      </c>
      <c r="B2622" s="736"/>
      <c r="C2622" s="490" t="s">
        <v>248</v>
      </c>
      <c r="D2622" s="489"/>
      <c r="E2622" s="488"/>
      <c r="F2622" s="487"/>
      <c r="G2622" s="486" t="s">
        <v>651</v>
      </c>
      <c r="H2622" s="549"/>
      <c r="I2622" s="549"/>
      <c r="J2622" s="549"/>
      <c r="K2622" s="549"/>
      <c r="L2622" s="551"/>
    </row>
    <row r="2623" spans="1:12" ht="16.149999999999999" customHeight="1">
      <c r="A2623" s="737"/>
      <c r="B2623" s="738"/>
      <c r="C2623" s="485"/>
      <c r="D2623" s="484"/>
      <c r="E2623" s="483"/>
      <c r="F2623" s="482"/>
      <c r="G2623" s="481" t="s">
        <v>651</v>
      </c>
      <c r="H2623" s="476"/>
      <c r="I2623" s="476"/>
      <c r="J2623" s="476"/>
      <c r="K2623" s="476"/>
      <c r="L2623" s="475"/>
    </row>
    <row r="2626" spans="1:12" ht="16.149999999999999" customHeight="1">
      <c r="A2626" s="507" t="s">
        <v>651</v>
      </c>
      <c r="B2626" s="479" t="s">
        <v>768</v>
      </c>
      <c r="C2626" s="480"/>
      <c r="D2626" s="479"/>
      <c r="E2626" s="479"/>
      <c r="F2626" s="479"/>
      <c r="G2626" s="479"/>
      <c r="H2626" s="479" t="s">
        <v>617</v>
      </c>
      <c r="I2626" s="480" t="s">
        <v>767</v>
      </c>
      <c r="J2626" s="479" t="s">
        <v>689</v>
      </c>
      <c r="K2626" s="479" t="s">
        <v>688</v>
      </c>
      <c r="L2626" s="506"/>
    </row>
    <row r="2627" spans="1:12" ht="16.149999999999999" customHeight="1">
      <c r="A2627" s="505" t="s">
        <v>651</v>
      </c>
      <c r="B2627" s="549" t="s">
        <v>754</v>
      </c>
      <c r="C2627" s="550"/>
      <c r="D2627" s="549"/>
      <c r="E2627" s="549"/>
      <c r="F2627" s="549"/>
      <c r="G2627" s="478"/>
      <c r="H2627" s="549"/>
      <c r="I2627" s="504"/>
      <c r="J2627" s="503" t="s">
        <v>722</v>
      </c>
      <c r="K2627" s="502" t="s">
        <v>240</v>
      </c>
      <c r="L2627" s="501" t="s">
        <v>618</v>
      </c>
    </row>
    <row r="2628" spans="1:12" ht="16.149999999999999" customHeight="1">
      <c r="A2628" s="477" t="s">
        <v>651</v>
      </c>
      <c r="B2628" s="549"/>
      <c r="C2628" s="550"/>
      <c r="D2628" s="549"/>
      <c r="E2628" s="549"/>
      <c r="F2628" s="549"/>
      <c r="G2628" s="478"/>
      <c r="H2628" s="478"/>
      <c r="I2628" s="478"/>
      <c r="J2628" s="478"/>
      <c r="K2628" s="478"/>
      <c r="L2628" s="501"/>
    </row>
    <row r="2629" spans="1:12" ht="16.149999999999999" customHeight="1">
      <c r="A2629" s="498" t="s">
        <v>686</v>
      </c>
      <c r="B2629" s="500"/>
      <c r="C2629" s="499" t="s">
        <v>309</v>
      </c>
      <c r="D2629" s="499" t="s">
        <v>685</v>
      </c>
      <c r="E2629" s="499" t="s">
        <v>684</v>
      </c>
      <c r="F2629" s="499" t="s">
        <v>683</v>
      </c>
      <c r="G2629" s="498" t="s">
        <v>682</v>
      </c>
      <c r="H2629" s="497"/>
      <c r="I2629" s="497"/>
      <c r="J2629" s="497"/>
      <c r="K2629" s="497"/>
      <c r="L2629" s="496"/>
    </row>
    <row r="2630" spans="1:12" ht="16.149999999999999" customHeight="1">
      <c r="A2630" s="733" t="s">
        <v>250</v>
      </c>
      <c r="B2630" s="734"/>
      <c r="C2630" s="495"/>
      <c r="D2630" s="494"/>
      <c r="E2630" s="493"/>
      <c r="F2630" s="492"/>
      <c r="G2630" s="486" t="s">
        <v>651</v>
      </c>
      <c r="H2630" s="549"/>
      <c r="I2630" s="549"/>
      <c r="J2630" s="549"/>
      <c r="K2630" s="549"/>
      <c r="L2630" s="551"/>
    </row>
    <row r="2631" spans="1:12" ht="16.149999999999999" customHeight="1">
      <c r="A2631" s="735"/>
      <c r="B2631" s="736"/>
      <c r="C2631" s="490"/>
      <c r="D2631" s="489"/>
      <c r="E2631" s="491"/>
      <c r="F2631" s="487" t="s">
        <v>651</v>
      </c>
      <c r="G2631" s="486" t="s">
        <v>651</v>
      </c>
      <c r="H2631" s="549"/>
      <c r="I2631" s="549"/>
      <c r="J2631" s="549"/>
      <c r="K2631" s="549"/>
      <c r="L2631" s="551"/>
    </row>
    <row r="2632" spans="1:12" ht="16.149999999999999" customHeight="1">
      <c r="A2632" s="735" t="s">
        <v>651</v>
      </c>
      <c r="B2632" s="736"/>
      <c r="C2632" s="490" t="s">
        <v>248</v>
      </c>
      <c r="D2632" s="489"/>
      <c r="E2632" s="488"/>
      <c r="F2632" s="487"/>
      <c r="G2632" s="486" t="s">
        <v>651</v>
      </c>
      <c r="H2632" s="549"/>
      <c r="I2632" s="549"/>
      <c r="J2632" s="549"/>
      <c r="K2632" s="549"/>
      <c r="L2632" s="551"/>
    </row>
    <row r="2633" spans="1:12" ht="16.149999999999999" customHeight="1">
      <c r="A2633" s="737"/>
      <c r="B2633" s="738"/>
      <c r="C2633" s="485"/>
      <c r="D2633" s="484"/>
      <c r="E2633" s="483"/>
      <c r="F2633" s="482"/>
      <c r="G2633" s="481" t="s">
        <v>651</v>
      </c>
      <c r="H2633" s="476"/>
      <c r="I2633" s="476"/>
      <c r="J2633" s="476"/>
      <c r="K2633" s="476"/>
      <c r="L2633" s="475"/>
    </row>
    <row r="2634" spans="1:12" ht="16.149999999999999" customHeight="1">
      <c r="A2634" s="733" t="s">
        <v>771</v>
      </c>
      <c r="B2634" s="734"/>
      <c r="C2634" s="495"/>
      <c r="D2634" s="494"/>
      <c r="E2634" s="493"/>
      <c r="F2634" s="492"/>
      <c r="G2634" s="486" t="s">
        <v>651</v>
      </c>
      <c r="H2634" s="549"/>
      <c r="I2634" s="549"/>
      <c r="J2634" s="549"/>
      <c r="K2634" s="549"/>
      <c r="L2634" s="551"/>
    </row>
    <row r="2635" spans="1:12" ht="16.149999999999999" customHeight="1">
      <c r="A2635" s="735"/>
      <c r="B2635" s="736"/>
      <c r="C2635" s="490"/>
      <c r="D2635" s="489"/>
      <c r="E2635" s="491"/>
      <c r="F2635" s="487" t="s">
        <v>651</v>
      </c>
      <c r="G2635" s="486" t="s">
        <v>651</v>
      </c>
      <c r="H2635" s="549"/>
      <c r="I2635" s="549"/>
      <c r="J2635" s="549"/>
      <c r="K2635" s="549"/>
      <c r="L2635" s="551"/>
    </row>
    <row r="2636" spans="1:12" ht="16.149999999999999" customHeight="1">
      <c r="A2636" s="735" t="s">
        <v>770</v>
      </c>
      <c r="B2636" s="736"/>
      <c r="C2636" s="490" t="s">
        <v>240</v>
      </c>
      <c r="D2636" s="489">
        <v>125</v>
      </c>
      <c r="E2636" s="488"/>
      <c r="F2636" s="487"/>
      <c r="G2636" s="486" t="s">
        <v>651</v>
      </c>
      <c r="H2636" s="549"/>
      <c r="I2636" s="549"/>
      <c r="J2636" s="549"/>
      <c r="K2636" s="549"/>
      <c r="L2636" s="551"/>
    </row>
    <row r="2637" spans="1:12" ht="16.149999999999999" customHeight="1">
      <c r="A2637" s="737"/>
      <c r="B2637" s="738"/>
      <c r="C2637" s="485"/>
      <c r="D2637" s="484"/>
      <c r="E2637" s="483"/>
      <c r="F2637" s="482"/>
      <c r="G2637" s="481" t="s">
        <v>651</v>
      </c>
      <c r="H2637" s="476"/>
      <c r="I2637" s="476"/>
      <c r="J2637" s="476"/>
      <c r="K2637" s="476"/>
      <c r="L2637" s="475"/>
    </row>
    <row r="2638" spans="1:12" ht="16.149999999999999" customHeight="1">
      <c r="A2638" s="733" t="s">
        <v>769</v>
      </c>
      <c r="B2638" s="734"/>
      <c r="C2638" s="495"/>
      <c r="D2638" s="494"/>
      <c r="E2638" s="493"/>
      <c r="F2638" s="492"/>
      <c r="G2638" s="486" t="s">
        <v>651</v>
      </c>
      <c r="H2638" s="549"/>
      <c r="I2638" s="549"/>
      <c r="J2638" s="549"/>
      <c r="K2638" s="549"/>
      <c r="L2638" s="551"/>
    </row>
    <row r="2639" spans="1:12" ht="16.149999999999999" customHeight="1">
      <c r="A2639" s="735"/>
      <c r="B2639" s="736"/>
      <c r="C2639" s="490"/>
      <c r="D2639" s="489"/>
      <c r="E2639" s="491"/>
      <c r="F2639" s="487" t="s">
        <v>651</v>
      </c>
      <c r="G2639" s="486" t="s">
        <v>651</v>
      </c>
      <c r="H2639" s="549"/>
      <c r="I2639" s="549"/>
      <c r="J2639" s="549"/>
      <c r="K2639" s="549"/>
      <c r="L2639" s="551"/>
    </row>
    <row r="2640" spans="1:12" ht="16.149999999999999" customHeight="1">
      <c r="A2640" s="735" t="s">
        <v>754</v>
      </c>
      <c r="B2640" s="736"/>
      <c r="C2640" s="490" t="s">
        <v>237</v>
      </c>
      <c r="D2640" s="489">
        <v>175</v>
      </c>
      <c r="E2640" s="488"/>
      <c r="F2640" s="487"/>
      <c r="G2640" s="486" t="s">
        <v>651</v>
      </c>
      <c r="H2640" s="549"/>
      <c r="I2640" s="549"/>
      <c r="J2640" s="549"/>
      <c r="K2640" s="549"/>
      <c r="L2640" s="551"/>
    </row>
    <row r="2641" spans="1:12" ht="16.149999999999999" customHeight="1">
      <c r="A2641" s="737"/>
      <c r="B2641" s="738"/>
      <c r="C2641" s="485"/>
      <c r="D2641" s="484"/>
      <c r="E2641" s="483"/>
      <c r="F2641" s="482"/>
      <c r="G2641" s="481" t="s">
        <v>651</v>
      </c>
      <c r="H2641" s="476"/>
      <c r="I2641" s="476"/>
      <c r="J2641" s="476"/>
      <c r="K2641" s="476"/>
      <c r="L2641" s="475"/>
    </row>
    <row r="2642" spans="1:12" ht="16.149999999999999" customHeight="1">
      <c r="A2642" s="733" t="s">
        <v>651</v>
      </c>
      <c r="B2642" s="734"/>
      <c r="C2642" s="495"/>
      <c r="D2642" s="494"/>
      <c r="E2642" s="493"/>
      <c r="F2642" s="492"/>
      <c r="G2642" s="486" t="s">
        <v>651</v>
      </c>
      <c r="H2642" s="549"/>
      <c r="I2642" s="549"/>
      <c r="J2642" s="549"/>
      <c r="K2642" s="549"/>
      <c r="L2642" s="551"/>
    </row>
    <row r="2643" spans="1:12" ht="16.149999999999999" customHeight="1">
      <c r="A2643" s="735"/>
      <c r="B2643" s="736"/>
      <c r="C2643" s="490"/>
      <c r="D2643" s="489"/>
      <c r="E2643" s="491"/>
      <c r="F2643" s="487" t="s">
        <v>651</v>
      </c>
      <c r="G2643" s="486" t="s">
        <v>651</v>
      </c>
      <c r="H2643" s="549"/>
      <c r="I2643" s="549"/>
      <c r="J2643" s="549"/>
      <c r="K2643" s="549"/>
      <c r="L2643" s="551"/>
    </row>
    <row r="2644" spans="1:12" ht="16.149999999999999" customHeight="1">
      <c r="A2644" s="735" t="s">
        <v>691</v>
      </c>
      <c r="B2644" s="736"/>
      <c r="C2644" s="490" t="s">
        <v>240</v>
      </c>
      <c r="D2644" s="489">
        <v>100</v>
      </c>
      <c r="E2644" s="488"/>
      <c r="F2644" s="487"/>
      <c r="G2644" s="486" t="s">
        <v>651</v>
      </c>
      <c r="H2644" s="549"/>
      <c r="I2644" s="549"/>
      <c r="J2644" s="549"/>
      <c r="K2644" s="549"/>
      <c r="L2644" s="551"/>
    </row>
    <row r="2645" spans="1:12" ht="16.149999999999999" customHeight="1">
      <c r="A2645" s="737"/>
      <c r="B2645" s="738"/>
      <c r="C2645" s="485"/>
      <c r="D2645" s="484"/>
      <c r="E2645" s="483"/>
      <c r="F2645" s="482"/>
      <c r="G2645" s="481" t="s">
        <v>651</v>
      </c>
      <c r="H2645" s="476"/>
      <c r="I2645" s="476"/>
      <c r="J2645" s="476"/>
      <c r="K2645" s="476"/>
      <c r="L2645" s="475"/>
    </row>
    <row r="2646" spans="1:12" ht="16.149999999999999" customHeight="1">
      <c r="A2646" s="733" t="s">
        <v>651</v>
      </c>
      <c r="B2646" s="734"/>
      <c r="C2646" s="495"/>
      <c r="D2646" s="494"/>
      <c r="E2646" s="493"/>
      <c r="F2646" s="492"/>
      <c r="G2646" s="486" t="s">
        <v>651</v>
      </c>
      <c r="H2646" s="549"/>
      <c r="I2646" s="549"/>
      <c r="J2646" s="549"/>
      <c r="K2646" s="549"/>
      <c r="L2646" s="551"/>
    </row>
    <row r="2647" spans="1:12" ht="16.149999999999999" customHeight="1">
      <c r="A2647" s="735"/>
      <c r="B2647" s="736"/>
      <c r="C2647" s="490"/>
      <c r="D2647" s="489"/>
      <c r="E2647" s="491"/>
      <c r="F2647" s="487" t="s">
        <v>651</v>
      </c>
      <c r="G2647" s="486" t="s">
        <v>651</v>
      </c>
      <c r="H2647" s="549"/>
      <c r="I2647" s="549"/>
      <c r="J2647" s="549"/>
      <c r="K2647" s="549"/>
      <c r="L2647" s="551"/>
    </row>
    <row r="2648" spans="1:12" ht="16.149999999999999" customHeight="1">
      <c r="A2648" s="735" t="s">
        <v>681</v>
      </c>
      <c r="B2648" s="736"/>
      <c r="C2648" s="490" t="s">
        <v>240</v>
      </c>
      <c r="D2648" s="489">
        <v>1</v>
      </c>
      <c r="E2648" s="488" t="s">
        <v>618</v>
      </c>
      <c r="F2648" s="487"/>
      <c r="G2648" s="486" t="s">
        <v>651</v>
      </c>
      <c r="H2648" s="549"/>
      <c r="I2648" s="549"/>
      <c r="J2648" s="549"/>
      <c r="K2648" s="549"/>
      <c r="L2648" s="551"/>
    </row>
    <row r="2649" spans="1:12" ht="16.149999999999999" customHeight="1">
      <c r="A2649" s="737"/>
      <c r="B2649" s="738"/>
      <c r="C2649" s="485"/>
      <c r="D2649" s="484"/>
      <c r="E2649" s="483"/>
      <c r="F2649" s="482"/>
      <c r="G2649" s="481" t="s">
        <v>651</v>
      </c>
      <c r="H2649" s="476"/>
      <c r="I2649" s="476"/>
      <c r="J2649" s="476"/>
      <c r="K2649" s="476"/>
      <c r="L2649" s="475"/>
    </row>
    <row r="2651" spans="1:12" ht="16.149999999999999" customHeight="1">
      <c r="A2651" s="507" t="s">
        <v>651</v>
      </c>
      <c r="B2651" s="479" t="s">
        <v>764</v>
      </c>
      <c r="C2651" s="480"/>
      <c r="D2651" s="479"/>
      <c r="E2651" s="479"/>
      <c r="F2651" s="479"/>
      <c r="G2651" s="479"/>
      <c r="H2651" s="479" t="s">
        <v>617</v>
      </c>
      <c r="I2651" s="480" t="s">
        <v>766</v>
      </c>
      <c r="J2651" s="479" t="s">
        <v>689</v>
      </c>
      <c r="K2651" s="479" t="s">
        <v>688</v>
      </c>
      <c r="L2651" s="506"/>
    </row>
    <row r="2652" spans="1:12" ht="16.149999999999999" customHeight="1">
      <c r="A2652" s="505" t="s">
        <v>651</v>
      </c>
      <c r="B2652" s="549" t="s">
        <v>765</v>
      </c>
      <c r="C2652" s="550"/>
      <c r="D2652" s="549"/>
      <c r="E2652" s="549"/>
      <c r="F2652" s="549"/>
      <c r="G2652" s="478"/>
      <c r="H2652" s="549"/>
      <c r="I2652" s="504"/>
      <c r="J2652" s="503" t="s">
        <v>687</v>
      </c>
      <c r="K2652" s="502" t="s">
        <v>697</v>
      </c>
      <c r="L2652" s="501" t="s">
        <v>618</v>
      </c>
    </row>
    <row r="2653" spans="1:12" ht="16.149999999999999" customHeight="1">
      <c r="A2653" s="477" t="s">
        <v>651</v>
      </c>
      <c r="B2653" s="549"/>
      <c r="C2653" s="550"/>
      <c r="D2653" s="549"/>
      <c r="E2653" s="549"/>
      <c r="F2653" s="549"/>
      <c r="G2653" s="478"/>
      <c r="H2653" s="478"/>
      <c r="I2653" s="478"/>
      <c r="J2653" s="478"/>
      <c r="K2653" s="478"/>
      <c r="L2653" s="501"/>
    </row>
    <row r="2654" spans="1:12" ht="16.149999999999999" customHeight="1">
      <c r="A2654" s="498" t="s">
        <v>686</v>
      </c>
      <c r="B2654" s="500"/>
      <c r="C2654" s="499" t="s">
        <v>309</v>
      </c>
      <c r="D2654" s="499" t="s">
        <v>685</v>
      </c>
      <c r="E2654" s="499" t="s">
        <v>684</v>
      </c>
      <c r="F2654" s="499" t="s">
        <v>683</v>
      </c>
      <c r="G2654" s="498" t="s">
        <v>682</v>
      </c>
      <c r="H2654" s="497"/>
      <c r="I2654" s="497"/>
      <c r="J2654" s="497"/>
      <c r="K2654" s="497"/>
      <c r="L2654" s="496"/>
    </row>
    <row r="2655" spans="1:12" ht="16.149999999999999" customHeight="1">
      <c r="A2655" s="733" t="s">
        <v>701</v>
      </c>
      <c r="B2655" s="734"/>
      <c r="C2655" s="495"/>
      <c r="D2655" s="494"/>
      <c r="E2655" s="493"/>
      <c r="F2655" s="492"/>
      <c r="G2655" s="486" t="s">
        <v>651</v>
      </c>
      <c r="H2655" s="549"/>
      <c r="I2655" s="549"/>
      <c r="J2655" s="549"/>
      <c r="K2655" s="549"/>
      <c r="L2655" s="551"/>
    </row>
    <row r="2656" spans="1:12" ht="16.149999999999999" customHeight="1">
      <c r="A2656" s="735"/>
      <c r="B2656" s="736"/>
      <c r="C2656" s="490"/>
      <c r="D2656" s="489"/>
      <c r="E2656" s="491"/>
      <c r="F2656" s="487" t="s">
        <v>651</v>
      </c>
      <c r="G2656" s="486" t="s">
        <v>651</v>
      </c>
      <c r="H2656" s="549"/>
      <c r="I2656" s="549"/>
      <c r="J2656" s="549"/>
      <c r="K2656" s="549"/>
      <c r="L2656" s="551"/>
    </row>
    <row r="2657" spans="1:12" ht="16.149999999999999" customHeight="1">
      <c r="A2657" s="735" t="s">
        <v>651</v>
      </c>
      <c r="B2657" s="736"/>
      <c r="C2657" s="490" t="s">
        <v>248</v>
      </c>
      <c r="D2657" s="489"/>
      <c r="E2657" s="488"/>
      <c r="F2657" s="487"/>
      <c r="G2657" s="486" t="s">
        <v>651</v>
      </c>
      <c r="H2657" s="549"/>
      <c r="I2657" s="549"/>
      <c r="J2657" s="549"/>
      <c r="K2657" s="549"/>
      <c r="L2657" s="551"/>
    </row>
    <row r="2658" spans="1:12" ht="16.149999999999999" customHeight="1">
      <c r="A2658" s="737"/>
      <c r="B2658" s="738"/>
      <c r="C2658" s="485"/>
      <c r="D2658" s="484"/>
      <c r="E2658" s="483"/>
      <c r="F2658" s="482"/>
      <c r="G2658" s="481" t="s">
        <v>651</v>
      </c>
      <c r="H2658" s="476"/>
      <c r="I2658" s="476"/>
      <c r="J2658" s="476"/>
      <c r="K2658" s="476"/>
      <c r="L2658" s="475"/>
    </row>
    <row r="2661" spans="1:12" ht="16.149999999999999" customHeight="1">
      <c r="A2661" s="507" t="s">
        <v>651</v>
      </c>
      <c r="B2661" s="479" t="s">
        <v>764</v>
      </c>
      <c r="C2661" s="480"/>
      <c r="D2661" s="479"/>
      <c r="E2661" s="479"/>
      <c r="F2661" s="479"/>
      <c r="G2661" s="479"/>
      <c r="H2661" s="479" t="s">
        <v>617</v>
      </c>
      <c r="I2661" s="480" t="s">
        <v>766</v>
      </c>
      <c r="J2661" s="479" t="s">
        <v>689</v>
      </c>
      <c r="K2661" s="479" t="s">
        <v>688</v>
      </c>
      <c r="L2661" s="506"/>
    </row>
    <row r="2662" spans="1:12" ht="16.149999999999999" customHeight="1">
      <c r="A2662" s="505" t="s">
        <v>651</v>
      </c>
      <c r="B2662" s="549" t="s">
        <v>765</v>
      </c>
      <c r="C2662" s="550"/>
      <c r="D2662" s="549"/>
      <c r="E2662" s="549"/>
      <c r="F2662" s="549"/>
      <c r="G2662" s="478"/>
      <c r="H2662" s="549"/>
      <c r="I2662" s="504"/>
      <c r="J2662" s="503" t="s">
        <v>687</v>
      </c>
      <c r="K2662" s="502" t="s">
        <v>697</v>
      </c>
      <c r="L2662" s="501" t="s">
        <v>618</v>
      </c>
    </row>
    <row r="2663" spans="1:12" ht="16.149999999999999" customHeight="1">
      <c r="A2663" s="477" t="s">
        <v>651</v>
      </c>
      <c r="B2663" s="549"/>
      <c r="C2663" s="550"/>
      <c r="D2663" s="549"/>
      <c r="E2663" s="549"/>
      <c r="F2663" s="549"/>
      <c r="G2663" s="478"/>
      <c r="H2663" s="478"/>
      <c r="I2663" s="478"/>
      <c r="J2663" s="478"/>
      <c r="K2663" s="478"/>
      <c r="L2663" s="501"/>
    </row>
    <row r="2664" spans="1:12" ht="16.149999999999999" customHeight="1">
      <c r="A2664" s="498" t="s">
        <v>686</v>
      </c>
      <c r="B2664" s="500"/>
      <c r="C2664" s="499" t="s">
        <v>309</v>
      </c>
      <c r="D2664" s="499" t="s">
        <v>685</v>
      </c>
      <c r="E2664" s="499" t="s">
        <v>684</v>
      </c>
      <c r="F2664" s="499" t="s">
        <v>683</v>
      </c>
      <c r="G2664" s="498" t="s">
        <v>682</v>
      </c>
      <c r="H2664" s="497"/>
      <c r="I2664" s="497"/>
      <c r="J2664" s="497"/>
      <c r="K2664" s="497"/>
      <c r="L2664" s="496"/>
    </row>
    <row r="2665" spans="1:12" ht="16.149999999999999" customHeight="1">
      <c r="A2665" s="733" t="s">
        <v>250</v>
      </c>
      <c r="B2665" s="734"/>
      <c r="C2665" s="495"/>
      <c r="D2665" s="494"/>
      <c r="E2665" s="493"/>
      <c r="F2665" s="492"/>
      <c r="G2665" s="486" t="s">
        <v>651</v>
      </c>
      <c r="H2665" s="549"/>
      <c r="I2665" s="549"/>
      <c r="J2665" s="549"/>
      <c r="K2665" s="549"/>
      <c r="L2665" s="551"/>
    </row>
    <row r="2666" spans="1:12" ht="16.149999999999999" customHeight="1">
      <c r="A2666" s="735"/>
      <c r="B2666" s="736"/>
      <c r="C2666" s="490"/>
      <c r="D2666" s="489"/>
      <c r="E2666" s="491"/>
      <c r="F2666" s="487" t="s">
        <v>651</v>
      </c>
      <c r="G2666" s="486" t="s">
        <v>651</v>
      </c>
      <c r="H2666" s="549"/>
      <c r="I2666" s="549"/>
      <c r="J2666" s="549"/>
      <c r="K2666" s="549"/>
      <c r="L2666" s="551"/>
    </row>
    <row r="2667" spans="1:12" ht="16.149999999999999" customHeight="1">
      <c r="A2667" s="735" t="s">
        <v>651</v>
      </c>
      <c r="B2667" s="736"/>
      <c r="C2667" s="490" t="s">
        <v>248</v>
      </c>
      <c r="D2667" s="489"/>
      <c r="E2667" s="488"/>
      <c r="F2667" s="487"/>
      <c r="G2667" s="486" t="s">
        <v>651</v>
      </c>
      <c r="H2667" s="549"/>
      <c r="I2667" s="549"/>
      <c r="J2667" s="549"/>
      <c r="K2667" s="549"/>
      <c r="L2667" s="551"/>
    </row>
    <row r="2668" spans="1:12" ht="16.149999999999999" customHeight="1">
      <c r="A2668" s="737"/>
      <c r="B2668" s="738"/>
      <c r="C2668" s="485"/>
      <c r="D2668" s="484"/>
      <c r="E2668" s="483"/>
      <c r="F2668" s="482"/>
      <c r="G2668" s="481" t="s">
        <v>651</v>
      </c>
      <c r="H2668" s="476"/>
      <c r="I2668" s="476"/>
      <c r="J2668" s="476"/>
      <c r="K2668" s="476"/>
      <c r="L2668" s="475"/>
    </row>
    <row r="2669" spans="1:12" ht="16.149999999999999" customHeight="1">
      <c r="A2669" s="733" t="s">
        <v>700</v>
      </c>
      <c r="B2669" s="734"/>
      <c r="C2669" s="495"/>
      <c r="D2669" s="494"/>
      <c r="E2669" s="493"/>
      <c r="F2669" s="492"/>
      <c r="G2669" s="486" t="s">
        <v>651</v>
      </c>
      <c r="H2669" s="549"/>
      <c r="I2669" s="549"/>
      <c r="J2669" s="549"/>
      <c r="K2669" s="549"/>
      <c r="L2669" s="551"/>
    </row>
    <row r="2670" spans="1:12" ht="16.149999999999999" customHeight="1">
      <c r="A2670" s="735"/>
      <c r="B2670" s="736"/>
      <c r="C2670" s="490"/>
      <c r="D2670" s="489"/>
      <c r="E2670" s="491"/>
      <c r="F2670" s="487" t="s">
        <v>651</v>
      </c>
      <c r="G2670" s="486" t="s">
        <v>651</v>
      </c>
      <c r="H2670" s="549"/>
      <c r="I2670" s="549"/>
      <c r="J2670" s="549"/>
      <c r="K2670" s="549"/>
      <c r="L2670" s="551"/>
    </row>
    <row r="2671" spans="1:12" ht="16.149999999999999" customHeight="1">
      <c r="A2671" s="735" t="s">
        <v>651</v>
      </c>
      <c r="B2671" s="736"/>
      <c r="C2671" s="490" t="s">
        <v>242</v>
      </c>
      <c r="D2671" s="489">
        <v>1</v>
      </c>
      <c r="E2671" s="488"/>
      <c r="F2671" s="487"/>
      <c r="G2671" s="486" t="s">
        <v>651</v>
      </c>
      <c r="H2671" s="549"/>
      <c r="I2671" s="549"/>
      <c r="J2671" s="549"/>
      <c r="K2671" s="549"/>
      <c r="L2671" s="551"/>
    </row>
    <row r="2672" spans="1:12" ht="16.149999999999999" customHeight="1">
      <c r="A2672" s="737"/>
      <c r="B2672" s="738"/>
      <c r="C2672" s="485"/>
      <c r="D2672" s="484"/>
      <c r="E2672" s="483"/>
      <c r="F2672" s="482"/>
      <c r="G2672" s="481" t="s">
        <v>651</v>
      </c>
      <c r="H2672" s="476"/>
      <c r="I2672" s="476"/>
      <c r="J2672" s="476"/>
      <c r="K2672" s="476"/>
      <c r="L2672" s="475"/>
    </row>
    <row r="2673" spans="1:12" ht="16.149999999999999" customHeight="1">
      <c r="A2673" s="733" t="s">
        <v>651</v>
      </c>
      <c r="B2673" s="734"/>
      <c r="C2673" s="495"/>
      <c r="D2673" s="494"/>
      <c r="E2673" s="493"/>
      <c r="F2673" s="492"/>
      <c r="G2673" s="486" t="s">
        <v>651</v>
      </c>
      <c r="H2673" s="549"/>
      <c r="I2673" s="549"/>
      <c r="J2673" s="549"/>
      <c r="K2673" s="549"/>
      <c r="L2673" s="551"/>
    </row>
    <row r="2674" spans="1:12" ht="16.149999999999999" customHeight="1">
      <c r="A2674" s="735"/>
      <c r="B2674" s="736"/>
      <c r="C2674" s="490"/>
      <c r="D2674" s="489"/>
      <c r="E2674" s="491"/>
      <c r="F2674" s="487" t="s">
        <v>651</v>
      </c>
      <c r="G2674" s="486" t="s">
        <v>651</v>
      </c>
      <c r="H2674" s="549"/>
      <c r="I2674" s="549"/>
      <c r="J2674" s="549"/>
      <c r="K2674" s="549"/>
      <c r="L2674" s="551"/>
    </row>
    <row r="2675" spans="1:12" ht="16.149999999999999" customHeight="1">
      <c r="A2675" s="735" t="s">
        <v>691</v>
      </c>
      <c r="B2675" s="736"/>
      <c r="C2675" s="490" t="s">
        <v>697</v>
      </c>
      <c r="D2675" s="489">
        <v>1</v>
      </c>
      <c r="E2675" s="488"/>
      <c r="F2675" s="487"/>
      <c r="G2675" s="486" t="s">
        <v>651</v>
      </c>
      <c r="H2675" s="549"/>
      <c r="I2675" s="549"/>
      <c r="J2675" s="549"/>
      <c r="K2675" s="549"/>
      <c r="L2675" s="551"/>
    </row>
    <row r="2676" spans="1:12" ht="16.149999999999999" customHeight="1">
      <c r="A2676" s="737"/>
      <c r="B2676" s="738"/>
      <c r="C2676" s="485"/>
      <c r="D2676" s="484"/>
      <c r="E2676" s="483"/>
      <c r="F2676" s="482"/>
      <c r="G2676" s="481" t="s">
        <v>651</v>
      </c>
      <c r="H2676" s="476"/>
      <c r="I2676" s="476"/>
      <c r="J2676" s="476"/>
      <c r="K2676" s="476"/>
      <c r="L2676" s="475"/>
    </row>
    <row r="2677" spans="1:12" ht="16.149999999999999" customHeight="1">
      <c r="A2677" s="733" t="s">
        <v>651</v>
      </c>
      <c r="B2677" s="734"/>
      <c r="C2677" s="495"/>
      <c r="D2677" s="494"/>
      <c r="E2677" s="493"/>
      <c r="F2677" s="492"/>
      <c r="G2677" s="486" t="s">
        <v>651</v>
      </c>
      <c r="H2677" s="549"/>
      <c r="I2677" s="549"/>
      <c r="J2677" s="549"/>
      <c r="K2677" s="549"/>
      <c r="L2677" s="551"/>
    </row>
    <row r="2678" spans="1:12" ht="16.149999999999999" customHeight="1">
      <c r="A2678" s="735"/>
      <c r="B2678" s="736"/>
      <c r="C2678" s="490"/>
      <c r="D2678" s="489"/>
      <c r="E2678" s="491"/>
      <c r="F2678" s="487" t="s">
        <v>651</v>
      </c>
      <c r="G2678" s="486" t="s">
        <v>651</v>
      </c>
      <c r="H2678" s="549"/>
      <c r="I2678" s="549"/>
      <c r="J2678" s="549"/>
      <c r="K2678" s="549"/>
      <c r="L2678" s="551"/>
    </row>
    <row r="2679" spans="1:12" ht="16.149999999999999" customHeight="1">
      <c r="A2679" s="735" t="s">
        <v>681</v>
      </c>
      <c r="B2679" s="736"/>
      <c r="C2679" s="490" t="s">
        <v>697</v>
      </c>
      <c r="D2679" s="489">
        <v>1</v>
      </c>
      <c r="E2679" s="488" t="s">
        <v>618</v>
      </c>
      <c r="F2679" s="487"/>
      <c r="G2679" s="486" t="s">
        <v>651</v>
      </c>
      <c r="H2679" s="549"/>
      <c r="I2679" s="549"/>
      <c r="J2679" s="549"/>
      <c r="K2679" s="549"/>
      <c r="L2679" s="551"/>
    </row>
    <row r="2680" spans="1:12" ht="16.149999999999999" customHeight="1">
      <c r="A2680" s="737"/>
      <c r="B2680" s="738"/>
      <c r="C2680" s="485"/>
      <c r="D2680" s="484"/>
      <c r="E2680" s="483"/>
      <c r="F2680" s="482"/>
      <c r="G2680" s="481" t="s">
        <v>651</v>
      </c>
      <c r="H2680" s="476"/>
      <c r="I2680" s="476"/>
      <c r="J2680" s="476"/>
      <c r="K2680" s="476"/>
      <c r="L2680" s="475"/>
    </row>
    <row r="2682" spans="1:12" ht="16.149999999999999" customHeight="1">
      <c r="A2682" s="507" t="s">
        <v>651</v>
      </c>
      <c r="B2682" s="479" t="s">
        <v>696</v>
      </c>
      <c r="C2682" s="480"/>
      <c r="D2682" s="479"/>
      <c r="E2682" s="479"/>
      <c r="F2682" s="479"/>
      <c r="G2682" s="479"/>
      <c r="H2682" s="479" t="s">
        <v>617</v>
      </c>
      <c r="I2682" s="480" t="s">
        <v>763</v>
      </c>
      <c r="J2682" s="479" t="s">
        <v>689</v>
      </c>
      <c r="K2682" s="479" t="s">
        <v>688</v>
      </c>
      <c r="L2682" s="506"/>
    </row>
    <row r="2683" spans="1:12" ht="16.149999999999999" customHeight="1">
      <c r="A2683" s="505" t="s">
        <v>651</v>
      </c>
      <c r="B2683" s="549" t="s">
        <v>762</v>
      </c>
      <c r="C2683" s="550"/>
      <c r="D2683" s="549"/>
      <c r="E2683" s="549"/>
      <c r="F2683" s="549"/>
      <c r="G2683" s="478"/>
      <c r="H2683" s="549"/>
      <c r="I2683" s="504"/>
      <c r="J2683" s="503" t="s">
        <v>687</v>
      </c>
      <c r="K2683" s="502" t="s">
        <v>697</v>
      </c>
      <c r="L2683" s="501" t="s">
        <v>618</v>
      </c>
    </row>
    <row r="2684" spans="1:12" ht="16.149999999999999" customHeight="1">
      <c r="A2684" s="477" t="s">
        <v>651</v>
      </c>
      <c r="B2684" s="549"/>
      <c r="C2684" s="550"/>
      <c r="D2684" s="549"/>
      <c r="E2684" s="549"/>
      <c r="F2684" s="549"/>
      <c r="G2684" s="478"/>
      <c r="H2684" s="478"/>
      <c r="I2684" s="478"/>
      <c r="J2684" s="478"/>
      <c r="K2684" s="478"/>
      <c r="L2684" s="501"/>
    </row>
    <row r="2685" spans="1:12" ht="16.149999999999999" customHeight="1">
      <c r="A2685" s="498" t="s">
        <v>686</v>
      </c>
      <c r="B2685" s="500"/>
      <c r="C2685" s="499" t="s">
        <v>309</v>
      </c>
      <c r="D2685" s="499" t="s">
        <v>685</v>
      </c>
      <c r="E2685" s="499" t="s">
        <v>684</v>
      </c>
      <c r="F2685" s="499" t="s">
        <v>683</v>
      </c>
      <c r="G2685" s="498" t="s">
        <v>682</v>
      </c>
      <c r="H2685" s="497"/>
      <c r="I2685" s="497"/>
      <c r="J2685" s="497"/>
      <c r="K2685" s="497"/>
      <c r="L2685" s="496"/>
    </row>
    <row r="2686" spans="1:12" ht="16.149999999999999" customHeight="1">
      <c r="A2686" s="733" t="s">
        <v>701</v>
      </c>
      <c r="B2686" s="734"/>
      <c r="C2686" s="495"/>
      <c r="D2686" s="494"/>
      <c r="E2686" s="493"/>
      <c r="F2686" s="492"/>
      <c r="G2686" s="486" t="s">
        <v>651</v>
      </c>
      <c r="H2686" s="549"/>
      <c r="I2686" s="549"/>
      <c r="J2686" s="549"/>
      <c r="K2686" s="549"/>
      <c r="L2686" s="551"/>
    </row>
    <row r="2687" spans="1:12" ht="16.149999999999999" customHeight="1">
      <c r="A2687" s="735"/>
      <c r="B2687" s="736"/>
      <c r="C2687" s="490"/>
      <c r="D2687" s="489"/>
      <c r="E2687" s="491"/>
      <c r="F2687" s="487" t="s">
        <v>651</v>
      </c>
      <c r="G2687" s="486" t="s">
        <v>651</v>
      </c>
      <c r="H2687" s="549"/>
      <c r="I2687" s="549"/>
      <c r="J2687" s="549"/>
      <c r="K2687" s="549"/>
      <c r="L2687" s="551"/>
    </row>
    <row r="2688" spans="1:12" ht="16.149999999999999" customHeight="1">
      <c r="A2688" s="735" t="s">
        <v>651</v>
      </c>
      <c r="B2688" s="736"/>
      <c r="C2688" s="490" t="s">
        <v>248</v>
      </c>
      <c r="D2688" s="489"/>
      <c r="E2688" s="488"/>
      <c r="F2688" s="487"/>
      <c r="G2688" s="486" t="s">
        <v>651</v>
      </c>
      <c r="H2688" s="549"/>
      <c r="I2688" s="549"/>
      <c r="J2688" s="549"/>
      <c r="K2688" s="549"/>
      <c r="L2688" s="551"/>
    </row>
    <row r="2689" spans="1:12" ht="16.149999999999999" customHeight="1">
      <c r="A2689" s="737"/>
      <c r="B2689" s="738"/>
      <c r="C2689" s="485"/>
      <c r="D2689" s="484"/>
      <c r="E2689" s="483"/>
      <c r="F2689" s="482"/>
      <c r="G2689" s="481" t="s">
        <v>651</v>
      </c>
      <c r="H2689" s="476"/>
      <c r="I2689" s="476"/>
      <c r="J2689" s="476"/>
      <c r="K2689" s="476"/>
      <c r="L2689" s="475"/>
    </row>
    <row r="2690" spans="1:12" ht="16.149999999999999" customHeight="1">
      <c r="A2690" s="733" t="s">
        <v>250</v>
      </c>
      <c r="B2690" s="734"/>
      <c r="C2690" s="495"/>
      <c r="D2690" s="494"/>
      <c r="E2690" s="493"/>
      <c r="F2690" s="492"/>
      <c r="G2690" s="486" t="s">
        <v>651</v>
      </c>
      <c r="H2690" s="549"/>
      <c r="I2690" s="549"/>
      <c r="J2690" s="549"/>
      <c r="K2690" s="549"/>
      <c r="L2690" s="551"/>
    </row>
    <row r="2691" spans="1:12" ht="16.149999999999999" customHeight="1">
      <c r="A2691" s="735"/>
      <c r="B2691" s="736"/>
      <c r="C2691" s="490"/>
      <c r="D2691" s="489"/>
      <c r="E2691" s="491"/>
      <c r="F2691" s="487" t="s">
        <v>651</v>
      </c>
      <c r="G2691" s="486" t="s">
        <v>651</v>
      </c>
      <c r="H2691" s="549"/>
      <c r="I2691" s="549"/>
      <c r="J2691" s="549"/>
      <c r="K2691" s="549"/>
      <c r="L2691" s="551"/>
    </row>
    <row r="2692" spans="1:12" ht="16.149999999999999" customHeight="1">
      <c r="A2692" s="735" t="s">
        <v>651</v>
      </c>
      <c r="B2692" s="736"/>
      <c r="C2692" s="490" t="s">
        <v>248</v>
      </c>
      <c r="D2692" s="489"/>
      <c r="E2692" s="488"/>
      <c r="F2692" s="487"/>
      <c r="G2692" s="486" t="s">
        <v>651</v>
      </c>
      <c r="H2692" s="549"/>
      <c r="I2692" s="549"/>
      <c r="J2692" s="549"/>
      <c r="K2692" s="549"/>
      <c r="L2692" s="551"/>
    </row>
    <row r="2693" spans="1:12" ht="16.149999999999999" customHeight="1">
      <c r="A2693" s="737"/>
      <c r="B2693" s="738"/>
      <c r="C2693" s="485"/>
      <c r="D2693" s="484"/>
      <c r="E2693" s="483"/>
      <c r="F2693" s="482"/>
      <c r="G2693" s="481" t="s">
        <v>651</v>
      </c>
      <c r="H2693" s="476"/>
      <c r="I2693" s="476"/>
      <c r="J2693" s="476"/>
      <c r="K2693" s="476"/>
      <c r="L2693" s="475"/>
    </row>
    <row r="2696" spans="1:12" ht="16.149999999999999" customHeight="1">
      <c r="A2696" s="507" t="s">
        <v>651</v>
      </c>
      <c r="B2696" s="479" t="s">
        <v>696</v>
      </c>
      <c r="C2696" s="480"/>
      <c r="D2696" s="479"/>
      <c r="E2696" s="479"/>
      <c r="F2696" s="479"/>
      <c r="G2696" s="479"/>
      <c r="H2696" s="479" t="s">
        <v>617</v>
      </c>
      <c r="I2696" s="480" t="s">
        <v>763</v>
      </c>
      <c r="J2696" s="479" t="s">
        <v>689</v>
      </c>
      <c r="K2696" s="479" t="s">
        <v>688</v>
      </c>
      <c r="L2696" s="506"/>
    </row>
    <row r="2697" spans="1:12" ht="16.149999999999999" customHeight="1">
      <c r="A2697" s="505" t="s">
        <v>651</v>
      </c>
      <c r="B2697" s="549" t="s">
        <v>762</v>
      </c>
      <c r="C2697" s="550"/>
      <c r="D2697" s="549"/>
      <c r="E2697" s="549"/>
      <c r="F2697" s="549"/>
      <c r="G2697" s="478"/>
      <c r="H2697" s="549"/>
      <c r="I2697" s="504"/>
      <c r="J2697" s="503" t="s">
        <v>687</v>
      </c>
      <c r="K2697" s="502" t="s">
        <v>697</v>
      </c>
      <c r="L2697" s="501" t="s">
        <v>618</v>
      </c>
    </row>
    <row r="2698" spans="1:12" ht="16.149999999999999" customHeight="1">
      <c r="A2698" s="477" t="s">
        <v>651</v>
      </c>
      <c r="B2698" s="549"/>
      <c r="C2698" s="550"/>
      <c r="D2698" s="549"/>
      <c r="E2698" s="549"/>
      <c r="F2698" s="549"/>
      <c r="G2698" s="478"/>
      <c r="H2698" s="478"/>
      <c r="I2698" s="478"/>
      <c r="J2698" s="478"/>
      <c r="K2698" s="478"/>
      <c r="L2698" s="501"/>
    </row>
    <row r="2699" spans="1:12" ht="16.149999999999999" customHeight="1">
      <c r="A2699" s="498" t="s">
        <v>686</v>
      </c>
      <c r="B2699" s="500"/>
      <c r="C2699" s="499" t="s">
        <v>309</v>
      </c>
      <c r="D2699" s="499" t="s">
        <v>685</v>
      </c>
      <c r="E2699" s="499" t="s">
        <v>684</v>
      </c>
      <c r="F2699" s="499" t="s">
        <v>683</v>
      </c>
      <c r="G2699" s="498" t="s">
        <v>682</v>
      </c>
      <c r="H2699" s="497"/>
      <c r="I2699" s="497"/>
      <c r="J2699" s="497"/>
      <c r="K2699" s="497"/>
      <c r="L2699" s="496"/>
    </row>
    <row r="2700" spans="1:12" ht="16.149999999999999" customHeight="1">
      <c r="A2700" s="733" t="s">
        <v>700</v>
      </c>
      <c r="B2700" s="734"/>
      <c r="C2700" s="495"/>
      <c r="D2700" s="494"/>
      <c r="E2700" s="493"/>
      <c r="F2700" s="492"/>
      <c r="G2700" s="486" t="s">
        <v>651</v>
      </c>
      <c r="H2700" s="549"/>
      <c r="I2700" s="549"/>
      <c r="J2700" s="549"/>
      <c r="K2700" s="549"/>
      <c r="L2700" s="551"/>
    </row>
    <row r="2701" spans="1:12" ht="16.149999999999999" customHeight="1">
      <c r="A2701" s="735"/>
      <c r="B2701" s="736"/>
      <c r="C2701" s="490"/>
      <c r="D2701" s="489"/>
      <c r="E2701" s="491"/>
      <c r="F2701" s="487" t="s">
        <v>651</v>
      </c>
      <c r="G2701" s="486" t="s">
        <v>651</v>
      </c>
      <c r="H2701" s="549"/>
      <c r="I2701" s="549"/>
      <c r="J2701" s="549"/>
      <c r="K2701" s="549"/>
      <c r="L2701" s="551"/>
    </row>
    <row r="2702" spans="1:12" ht="16.149999999999999" customHeight="1">
      <c r="A2702" s="735" t="s">
        <v>651</v>
      </c>
      <c r="B2702" s="736"/>
      <c r="C2702" s="490" t="s">
        <v>242</v>
      </c>
      <c r="D2702" s="489">
        <v>1</v>
      </c>
      <c r="E2702" s="488"/>
      <c r="F2702" s="487"/>
      <c r="G2702" s="486" t="s">
        <v>651</v>
      </c>
      <c r="H2702" s="549"/>
      <c r="I2702" s="549"/>
      <c r="J2702" s="549"/>
      <c r="K2702" s="549"/>
      <c r="L2702" s="551"/>
    </row>
    <row r="2703" spans="1:12" ht="16.149999999999999" customHeight="1">
      <c r="A2703" s="737"/>
      <c r="B2703" s="738"/>
      <c r="C2703" s="485"/>
      <c r="D2703" s="484"/>
      <c r="E2703" s="483"/>
      <c r="F2703" s="482"/>
      <c r="G2703" s="481" t="s">
        <v>651</v>
      </c>
      <c r="H2703" s="476"/>
      <c r="I2703" s="476"/>
      <c r="J2703" s="476"/>
      <c r="K2703" s="476"/>
      <c r="L2703" s="475"/>
    </row>
    <row r="2704" spans="1:12" ht="16.149999999999999" customHeight="1">
      <c r="A2704" s="733" t="s">
        <v>651</v>
      </c>
      <c r="B2704" s="734"/>
      <c r="C2704" s="495"/>
      <c r="D2704" s="494"/>
      <c r="E2704" s="493"/>
      <c r="F2704" s="492"/>
      <c r="G2704" s="486" t="s">
        <v>651</v>
      </c>
      <c r="H2704" s="549"/>
      <c r="I2704" s="549"/>
      <c r="J2704" s="549"/>
      <c r="K2704" s="549"/>
      <c r="L2704" s="551"/>
    </row>
    <row r="2705" spans="1:12" ht="16.149999999999999" customHeight="1">
      <c r="A2705" s="735"/>
      <c r="B2705" s="736"/>
      <c r="C2705" s="490"/>
      <c r="D2705" s="489"/>
      <c r="E2705" s="491"/>
      <c r="F2705" s="487" t="s">
        <v>651</v>
      </c>
      <c r="G2705" s="486" t="s">
        <v>651</v>
      </c>
      <c r="H2705" s="549"/>
      <c r="I2705" s="549"/>
      <c r="J2705" s="549"/>
      <c r="K2705" s="549"/>
      <c r="L2705" s="551"/>
    </row>
    <row r="2706" spans="1:12" ht="16.149999999999999" customHeight="1">
      <c r="A2706" s="735" t="s">
        <v>691</v>
      </c>
      <c r="B2706" s="736"/>
      <c r="C2706" s="490" t="s">
        <v>697</v>
      </c>
      <c r="D2706" s="489">
        <v>1</v>
      </c>
      <c r="E2706" s="488"/>
      <c r="F2706" s="487"/>
      <c r="G2706" s="486" t="s">
        <v>651</v>
      </c>
      <c r="H2706" s="549"/>
      <c r="I2706" s="549"/>
      <c r="J2706" s="549"/>
      <c r="K2706" s="549"/>
      <c r="L2706" s="551"/>
    </row>
    <row r="2707" spans="1:12" ht="16.149999999999999" customHeight="1">
      <c r="A2707" s="737"/>
      <c r="B2707" s="738"/>
      <c r="C2707" s="485"/>
      <c r="D2707" s="484"/>
      <c r="E2707" s="483"/>
      <c r="F2707" s="482"/>
      <c r="G2707" s="481" t="s">
        <v>651</v>
      </c>
      <c r="H2707" s="476"/>
      <c r="I2707" s="476"/>
      <c r="J2707" s="476"/>
      <c r="K2707" s="476"/>
      <c r="L2707" s="475"/>
    </row>
    <row r="2708" spans="1:12" ht="16.149999999999999" customHeight="1">
      <c r="A2708" s="733" t="s">
        <v>651</v>
      </c>
      <c r="B2708" s="734"/>
      <c r="C2708" s="495"/>
      <c r="D2708" s="494"/>
      <c r="E2708" s="493"/>
      <c r="F2708" s="492"/>
      <c r="G2708" s="486" t="s">
        <v>651</v>
      </c>
      <c r="H2708" s="549"/>
      <c r="I2708" s="549"/>
      <c r="J2708" s="549"/>
      <c r="K2708" s="549"/>
      <c r="L2708" s="551"/>
    </row>
    <row r="2709" spans="1:12" ht="16.149999999999999" customHeight="1">
      <c r="A2709" s="735"/>
      <c r="B2709" s="736"/>
      <c r="C2709" s="490"/>
      <c r="D2709" s="489"/>
      <c r="E2709" s="491"/>
      <c r="F2709" s="487" t="s">
        <v>651</v>
      </c>
      <c r="G2709" s="486" t="s">
        <v>651</v>
      </c>
      <c r="H2709" s="549"/>
      <c r="I2709" s="549"/>
      <c r="J2709" s="549"/>
      <c r="K2709" s="549"/>
      <c r="L2709" s="551"/>
    </row>
    <row r="2710" spans="1:12" ht="16.149999999999999" customHeight="1">
      <c r="A2710" s="735" t="s">
        <v>681</v>
      </c>
      <c r="B2710" s="736"/>
      <c r="C2710" s="490" t="s">
        <v>697</v>
      </c>
      <c r="D2710" s="489">
        <v>1</v>
      </c>
      <c r="E2710" s="488" t="s">
        <v>618</v>
      </c>
      <c r="F2710" s="487"/>
      <c r="G2710" s="486" t="s">
        <v>651</v>
      </c>
      <c r="H2710" s="549"/>
      <c r="I2710" s="549"/>
      <c r="J2710" s="549"/>
      <c r="K2710" s="549"/>
      <c r="L2710" s="551"/>
    </row>
    <row r="2711" spans="1:12" ht="16.149999999999999" customHeight="1">
      <c r="A2711" s="737"/>
      <c r="B2711" s="738"/>
      <c r="C2711" s="485"/>
      <c r="D2711" s="484"/>
      <c r="E2711" s="483"/>
      <c r="F2711" s="482"/>
      <c r="G2711" s="481" t="s">
        <v>651</v>
      </c>
      <c r="H2711" s="476"/>
      <c r="I2711" s="476"/>
      <c r="J2711" s="476"/>
      <c r="K2711" s="476"/>
      <c r="L2711" s="475"/>
    </row>
    <row r="2713" spans="1:12" ht="16.149999999999999" customHeight="1">
      <c r="A2713" s="507" t="s">
        <v>651</v>
      </c>
      <c r="B2713" s="479" t="s">
        <v>761</v>
      </c>
      <c r="C2713" s="480"/>
      <c r="D2713" s="479"/>
      <c r="E2713" s="479"/>
      <c r="F2713" s="479"/>
      <c r="G2713" s="479"/>
      <c r="H2713" s="479" t="s">
        <v>617</v>
      </c>
      <c r="I2713" s="480" t="s">
        <v>760</v>
      </c>
      <c r="J2713" s="479" t="s">
        <v>689</v>
      </c>
      <c r="K2713" s="479" t="s">
        <v>688</v>
      </c>
      <c r="L2713" s="506"/>
    </row>
    <row r="2714" spans="1:12" ht="16.149999999999999" customHeight="1">
      <c r="A2714" s="505" t="s">
        <v>651</v>
      </c>
      <c r="B2714" s="549" t="s">
        <v>759</v>
      </c>
      <c r="C2714" s="550"/>
      <c r="D2714" s="549"/>
      <c r="E2714" s="549"/>
      <c r="F2714" s="549"/>
      <c r="G2714" s="478"/>
      <c r="H2714" s="549"/>
      <c r="I2714" s="504"/>
      <c r="J2714" s="503" t="s">
        <v>687</v>
      </c>
      <c r="K2714" s="502" t="s">
        <v>697</v>
      </c>
      <c r="L2714" s="501" t="s">
        <v>618</v>
      </c>
    </row>
    <row r="2715" spans="1:12" ht="16.149999999999999" customHeight="1">
      <c r="A2715" s="477" t="s">
        <v>651</v>
      </c>
      <c r="B2715" s="549"/>
      <c r="C2715" s="550"/>
      <c r="D2715" s="549"/>
      <c r="E2715" s="549"/>
      <c r="F2715" s="549"/>
      <c r="G2715" s="478"/>
      <c r="H2715" s="478"/>
      <c r="I2715" s="478"/>
      <c r="J2715" s="478"/>
      <c r="K2715" s="478"/>
      <c r="L2715" s="501"/>
    </row>
    <row r="2716" spans="1:12" ht="16.149999999999999" customHeight="1">
      <c r="A2716" s="498" t="s">
        <v>686</v>
      </c>
      <c r="B2716" s="500"/>
      <c r="C2716" s="499" t="s">
        <v>309</v>
      </c>
      <c r="D2716" s="499" t="s">
        <v>685</v>
      </c>
      <c r="E2716" s="499" t="s">
        <v>684</v>
      </c>
      <c r="F2716" s="499" t="s">
        <v>683</v>
      </c>
      <c r="G2716" s="498" t="s">
        <v>682</v>
      </c>
      <c r="H2716" s="497"/>
      <c r="I2716" s="497"/>
      <c r="J2716" s="497"/>
      <c r="K2716" s="497"/>
      <c r="L2716" s="496"/>
    </row>
    <row r="2717" spans="1:12" ht="16.149999999999999" customHeight="1">
      <c r="A2717" s="733" t="s">
        <v>701</v>
      </c>
      <c r="B2717" s="734"/>
      <c r="C2717" s="495"/>
      <c r="D2717" s="494"/>
      <c r="E2717" s="493"/>
      <c r="F2717" s="492"/>
      <c r="G2717" s="486" t="s">
        <v>651</v>
      </c>
      <c r="H2717" s="549"/>
      <c r="I2717" s="549"/>
      <c r="J2717" s="549"/>
      <c r="K2717" s="549"/>
      <c r="L2717" s="551"/>
    </row>
    <row r="2718" spans="1:12" ht="16.149999999999999" customHeight="1">
      <c r="A2718" s="735"/>
      <c r="B2718" s="736"/>
      <c r="C2718" s="490"/>
      <c r="D2718" s="489"/>
      <c r="E2718" s="491"/>
      <c r="F2718" s="487" t="s">
        <v>651</v>
      </c>
      <c r="G2718" s="486" t="s">
        <v>651</v>
      </c>
      <c r="H2718" s="549"/>
      <c r="I2718" s="549"/>
      <c r="J2718" s="549"/>
      <c r="K2718" s="549"/>
      <c r="L2718" s="551"/>
    </row>
    <row r="2719" spans="1:12" ht="16.149999999999999" customHeight="1">
      <c r="A2719" s="735" t="s">
        <v>651</v>
      </c>
      <c r="B2719" s="736"/>
      <c r="C2719" s="490" t="s">
        <v>248</v>
      </c>
      <c r="D2719" s="489"/>
      <c r="E2719" s="488"/>
      <c r="F2719" s="487"/>
      <c r="G2719" s="486" t="s">
        <v>651</v>
      </c>
      <c r="H2719" s="549"/>
      <c r="I2719" s="549"/>
      <c r="J2719" s="549"/>
      <c r="K2719" s="549"/>
      <c r="L2719" s="551"/>
    </row>
    <row r="2720" spans="1:12" ht="16.149999999999999" customHeight="1">
      <c r="A2720" s="737"/>
      <c r="B2720" s="738"/>
      <c r="C2720" s="485"/>
      <c r="D2720" s="484"/>
      <c r="E2720" s="483"/>
      <c r="F2720" s="482"/>
      <c r="G2720" s="481" t="s">
        <v>651</v>
      </c>
      <c r="H2720" s="476"/>
      <c r="I2720" s="476"/>
      <c r="J2720" s="476"/>
      <c r="K2720" s="476"/>
      <c r="L2720" s="475"/>
    </row>
    <row r="2721" spans="1:12" ht="16.149999999999999" customHeight="1">
      <c r="A2721" s="733" t="s">
        <v>250</v>
      </c>
      <c r="B2721" s="734"/>
      <c r="C2721" s="495"/>
      <c r="D2721" s="494"/>
      <c r="E2721" s="493"/>
      <c r="F2721" s="492"/>
      <c r="G2721" s="486" t="s">
        <v>651</v>
      </c>
      <c r="H2721" s="549"/>
      <c r="I2721" s="549"/>
      <c r="J2721" s="549"/>
      <c r="K2721" s="549"/>
      <c r="L2721" s="551"/>
    </row>
    <row r="2722" spans="1:12" ht="16.149999999999999" customHeight="1">
      <c r="A2722" s="735"/>
      <c r="B2722" s="736"/>
      <c r="C2722" s="490"/>
      <c r="D2722" s="489"/>
      <c r="E2722" s="491"/>
      <c r="F2722" s="487" t="s">
        <v>651</v>
      </c>
      <c r="G2722" s="486" t="s">
        <v>651</v>
      </c>
      <c r="H2722" s="549"/>
      <c r="I2722" s="549"/>
      <c r="J2722" s="549"/>
      <c r="K2722" s="549"/>
      <c r="L2722" s="551"/>
    </row>
    <row r="2723" spans="1:12" ht="16.149999999999999" customHeight="1">
      <c r="A2723" s="735" t="s">
        <v>651</v>
      </c>
      <c r="B2723" s="736"/>
      <c r="C2723" s="490" t="s">
        <v>248</v>
      </c>
      <c r="D2723" s="489"/>
      <c r="E2723" s="488"/>
      <c r="F2723" s="487"/>
      <c r="G2723" s="486" t="s">
        <v>651</v>
      </c>
      <c r="H2723" s="549"/>
      <c r="I2723" s="549"/>
      <c r="J2723" s="549"/>
      <c r="K2723" s="549"/>
      <c r="L2723" s="551"/>
    </row>
    <row r="2724" spans="1:12" ht="16.149999999999999" customHeight="1">
      <c r="A2724" s="737"/>
      <c r="B2724" s="738"/>
      <c r="C2724" s="485"/>
      <c r="D2724" s="484"/>
      <c r="E2724" s="483"/>
      <c r="F2724" s="482"/>
      <c r="G2724" s="481" t="s">
        <v>651</v>
      </c>
      <c r="H2724" s="476"/>
      <c r="I2724" s="476"/>
      <c r="J2724" s="476"/>
      <c r="K2724" s="476"/>
      <c r="L2724" s="475"/>
    </row>
    <row r="2725" spans="1:12" ht="16.149999999999999" customHeight="1">
      <c r="A2725" s="733" t="s">
        <v>700</v>
      </c>
      <c r="B2725" s="734"/>
      <c r="C2725" s="495"/>
      <c r="D2725" s="494"/>
      <c r="E2725" s="493"/>
      <c r="F2725" s="492"/>
      <c r="G2725" s="486" t="s">
        <v>651</v>
      </c>
      <c r="H2725" s="549"/>
      <c r="I2725" s="549"/>
      <c r="J2725" s="549"/>
      <c r="K2725" s="549"/>
      <c r="L2725" s="551"/>
    </row>
    <row r="2726" spans="1:12" ht="16.149999999999999" customHeight="1">
      <c r="A2726" s="735"/>
      <c r="B2726" s="736"/>
      <c r="C2726" s="490"/>
      <c r="D2726" s="489"/>
      <c r="E2726" s="491"/>
      <c r="F2726" s="487" t="s">
        <v>651</v>
      </c>
      <c r="G2726" s="486" t="s">
        <v>651</v>
      </c>
      <c r="H2726" s="549"/>
      <c r="I2726" s="549"/>
      <c r="J2726" s="549"/>
      <c r="K2726" s="549"/>
      <c r="L2726" s="551"/>
    </row>
    <row r="2727" spans="1:12" ht="16.149999999999999" customHeight="1">
      <c r="A2727" s="735" t="s">
        <v>651</v>
      </c>
      <c r="B2727" s="736"/>
      <c r="C2727" s="490" t="s">
        <v>242</v>
      </c>
      <c r="D2727" s="489">
        <v>1</v>
      </c>
      <c r="E2727" s="488"/>
      <c r="F2727" s="487"/>
      <c r="G2727" s="486" t="s">
        <v>651</v>
      </c>
      <c r="H2727" s="549"/>
      <c r="I2727" s="549"/>
      <c r="J2727" s="549"/>
      <c r="K2727" s="549"/>
      <c r="L2727" s="551"/>
    </row>
    <row r="2728" spans="1:12" ht="16.149999999999999" customHeight="1">
      <c r="A2728" s="737"/>
      <c r="B2728" s="738"/>
      <c r="C2728" s="485"/>
      <c r="D2728" s="484"/>
      <c r="E2728" s="483"/>
      <c r="F2728" s="482"/>
      <c r="G2728" s="481" t="s">
        <v>651</v>
      </c>
      <c r="H2728" s="476"/>
      <c r="I2728" s="476"/>
      <c r="J2728" s="476"/>
      <c r="K2728" s="476"/>
      <c r="L2728" s="475"/>
    </row>
    <row r="2731" spans="1:12" ht="16.149999999999999" customHeight="1">
      <c r="A2731" s="507" t="s">
        <v>651</v>
      </c>
      <c r="B2731" s="479" t="s">
        <v>761</v>
      </c>
      <c r="C2731" s="480"/>
      <c r="D2731" s="479"/>
      <c r="E2731" s="479"/>
      <c r="F2731" s="479"/>
      <c r="G2731" s="479"/>
      <c r="H2731" s="479" t="s">
        <v>617</v>
      </c>
      <c r="I2731" s="480" t="s">
        <v>760</v>
      </c>
      <c r="J2731" s="479" t="s">
        <v>689</v>
      </c>
      <c r="K2731" s="479" t="s">
        <v>688</v>
      </c>
      <c r="L2731" s="506"/>
    </row>
    <row r="2732" spans="1:12" ht="16.149999999999999" customHeight="1">
      <c r="A2732" s="505" t="s">
        <v>651</v>
      </c>
      <c r="B2732" s="549" t="s">
        <v>759</v>
      </c>
      <c r="C2732" s="550"/>
      <c r="D2732" s="549"/>
      <c r="E2732" s="549"/>
      <c r="F2732" s="549"/>
      <c r="G2732" s="478"/>
      <c r="H2732" s="549"/>
      <c r="I2732" s="504"/>
      <c r="J2732" s="503" t="s">
        <v>687</v>
      </c>
      <c r="K2732" s="502" t="s">
        <v>697</v>
      </c>
      <c r="L2732" s="501" t="s">
        <v>618</v>
      </c>
    </row>
    <row r="2733" spans="1:12" ht="16.149999999999999" customHeight="1">
      <c r="A2733" s="477" t="s">
        <v>651</v>
      </c>
      <c r="B2733" s="549"/>
      <c r="C2733" s="550"/>
      <c r="D2733" s="549"/>
      <c r="E2733" s="549"/>
      <c r="F2733" s="549"/>
      <c r="G2733" s="478"/>
      <c r="H2733" s="478"/>
      <c r="I2733" s="478"/>
      <c r="J2733" s="478"/>
      <c r="K2733" s="478"/>
      <c r="L2733" s="501"/>
    </row>
    <row r="2734" spans="1:12" ht="16.149999999999999" customHeight="1">
      <c r="A2734" s="498" t="s">
        <v>686</v>
      </c>
      <c r="B2734" s="500"/>
      <c r="C2734" s="499" t="s">
        <v>309</v>
      </c>
      <c r="D2734" s="499" t="s">
        <v>685</v>
      </c>
      <c r="E2734" s="499" t="s">
        <v>684</v>
      </c>
      <c r="F2734" s="499" t="s">
        <v>683</v>
      </c>
      <c r="G2734" s="498" t="s">
        <v>682</v>
      </c>
      <c r="H2734" s="497"/>
      <c r="I2734" s="497"/>
      <c r="J2734" s="497"/>
      <c r="K2734" s="497"/>
      <c r="L2734" s="496"/>
    </row>
    <row r="2735" spans="1:12" ht="16.149999999999999" customHeight="1">
      <c r="A2735" s="733" t="s">
        <v>651</v>
      </c>
      <c r="B2735" s="734"/>
      <c r="C2735" s="495"/>
      <c r="D2735" s="494"/>
      <c r="E2735" s="493"/>
      <c r="F2735" s="492"/>
      <c r="G2735" s="486" t="s">
        <v>651</v>
      </c>
      <c r="H2735" s="549"/>
      <c r="I2735" s="549"/>
      <c r="J2735" s="549"/>
      <c r="K2735" s="549"/>
      <c r="L2735" s="551"/>
    </row>
    <row r="2736" spans="1:12" ht="16.149999999999999" customHeight="1">
      <c r="A2736" s="735"/>
      <c r="B2736" s="736"/>
      <c r="C2736" s="490"/>
      <c r="D2736" s="489"/>
      <c r="E2736" s="491"/>
      <c r="F2736" s="487" t="s">
        <v>651</v>
      </c>
      <c r="G2736" s="486" t="s">
        <v>651</v>
      </c>
      <c r="H2736" s="549"/>
      <c r="I2736" s="549"/>
      <c r="J2736" s="549"/>
      <c r="K2736" s="549"/>
      <c r="L2736" s="551"/>
    </row>
    <row r="2737" spans="1:12" ht="16.149999999999999" customHeight="1">
      <c r="A2737" s="735" t="s">
        <v>691</v>
      </c>
      <c r="B2737" s="736"/>
      <c r="C2737" s="490" t="s">
        <v>697</v>
      </c>
      <c r="D2737" s="489">
        <v>1</v>
      </c>
      <c r="E2737" s="488"/>
      <c r="F2737" s="487"/>
      <c r="G2737" s="486" t="s">
        <v>651</v>
      </c>
      <c r="H2737" s="549"/>
      <c r="I2737" s="549"/>
      <c r="J2737" s="549"/>
      <c r="K2737" s="549"/>
      <c r="L2737" s="551"/>
    </row>
    <row r="2738" spans="1:12" ht="16.149999999999999" customHeight="1">
      <c r="A2738" s="737"/>
      <c r="B2738" s="738"/>
      <c r="C2738" s="485"/>
      <c r="D2738" s="484"/>
      <c r="E2738" s="483"/>
      <c r="F2738" s="482"/>
      <c r="G2738" s="481" t="s">
        <v>651</v>
      </c>
      <c r="H2738" s="476"/>
      <c r="I2738" s="476"/>
      <c r="J2738" s="476"/>
      <c r="K2738" s="476"/>
      <c r="L2738" s="475"/>
    </row>
    <row r="2739" spans="1:12" ht="16.149999999999999" customHeight="1">
      <c r="A2739" s="733" t="s">
        <v>651</v>
      </c>
      <c r="B2739" s="734"/>
      <c r="C2739" s="495"/>
      <c r="D2739" s="494"/>
      <c r="E2739" s="493"/>
      <c r="F2739" s="492"/>
      <c r="G2739" s="486" t="s">
        <v>651</v>
      </c>
      <c r="H2739" s="549"/>
      <c r="I2739" s="549"/>
      <c r="J2739" s="549"/>
      <c r="K2739" s="549"/>
      <c r="L2739" s="551"/>
    </row>
    <row r="2740" spans="1:12" ht="16.149999999999999" customHeight="1">
      <c r="A2740" s="735"/>
      <c r="B2740" s="736"/>
      <c r="C2740" s="490"/>
      <c r="D2740" s="489"/>
      <c r="E2740" s="491"/>
      <c r="F2740" s="487" t="s">
        <v>651</v>
      </c>
      <c r="G2740" s="486" t="s">
        <v>651</v>
      </c>
      <c r="H2740" s="549"/>
      <c r="I2740" s="549"/>
      <c r="J2740" s="549"/>
      <c r="K2740" s="549"/>
      <c r="L2740" s="551"/>
    </row>
    <row r="2741" spans="1:12" ht="16.149999999999999" customHeight="1">
      <c r="A2741" s="735" t="s">
        <v>681</v>
      </c>
      <c r="B2741" s="736"/>
      <c r="C2741" s="490" t="s">
        <v>697</v>
      </c>
      <c r="D2741" s="489">
        <v>1</v>
      </c>
      <c r="E2741" s="488" t="s">
        <v>618</v>
      </c>
      <c r="F2741" s="487"/>
      <c r="G2741" s="486" t="s">
        <v>651</v>
      </c>
      <c r="H2741" s="549"/>
      <c r="I2741" s="549"/>
      <c r="J2741" s="549"/>
      <c r="K2741" s="549"/>
      <c r="L2741" s="551"/>
    </row>
    <row r="2742" spans="1:12" ht="16.149999999999999" customHeight="1">
      <c r="A2742" s="737"/>
      <c r="B2742" s="738"/>
      <c r="C2742" s="485"/>
      <c r="D2742" s="484"/>
      <c r="E2742" s="483"/>
      <c r="F2742" s="482"/>
      <c r="G2742" s="481" t="s">
        <v>651</v>
      </c>
      <c r="H2742" s="476"/>
      <c r="I2742" s="476"/>
      <c r="J2742" s="476"/>
      <c r="K2742" s="476"/>
      <c r="L2742" s="475"/>
    </row>
    <row r="2744" spans="1:12" ht="16.149999999999999" customHeight="1">
      <c r="A2744" s="507" t="s">
        <v>651</v>
      </c>
      <c r="B2744" s="479" t="s">
        <v>756</v>
      </c>
      <c r="C2744" s="480"/>
      <c r="D2744" s="479"/>
      <c r="E2744" s="479"/>
      <c r="F2744" s="479"/>
      <c r="G2744" s="479"/>
      <c r="H2744" s="479" t="s">
        <v>617</v>
      </c>
      <c r="I2744" s="480" t="s">
        <v>758</v>
      </c>
      <c r="J2744" s="479" t="s">
        <v>689</v>
      </c>
      <c r="K2744" s="479" t="s">
        <v>688</v>
      </c>
      <c r="L2744" s="506"/>
    </row>
    <row r="2745" spans="1:12" ht="16.149999999999999" customHeight="1">
      <c r="A2745" s="505" t="s">
        <v>651</v>
      </c>
      <c r="B2745" s="549" t="s">
        <v>757</v>
      </c>
      <c r="C2745" s="550"/>
      <c r="D2745" s="549"/>
      <c r="E2745" s="549"/>
      <c r="F2745" s="549"/>
      <c r="G2745" s="478"/>
      <c r="H2745" s="549"/>
      <c r="I2745" s="504"/>
      <c r="J2745" s="503" t="s">
        <v>687</v>
      </c>
      <c r="K2745" s="502" t="s">
        <v>697</v>
      </c>
      <c r="L2745" s="501" t="s">
        <v>618</v>
      </c>
    </row>
    <row r="2746" spans="1:12" ht="16.149999999999999" customHeight="1">
      <c r="A2746" s="477" t="s">
        <v>651</v>
      </c>
      <c r="B2746" s="549"/>
      <c r="C2746" s="550"/>
      <c r="D2746" s="549"/>
      <c r="E2746" s="549"/>
      <c r="F2746" s="549"/>
      <c r="G2746" s="478"/>
      <c r="H2746" s="478"/>
      <c r="I2746" s="478"/>
      <c r="J2746" s="478"/>
      <c r="K2746" s="478"/>
      <c r="L2746" s="501"/>
    </row>
    <row r="2747" spans="1:12" ht="16.149999999999999" customHeight="1">
      <c r="A2747" s="498" t="s">
        <v>686</v>
      </c>
      <c r="B2747" s="500"/>
      <c r="C2747" s="499" t="s">
        <v>309</v>
      </c>
      <c r="D2747" s="499" t="s">
        <v>685</v>
      </c>
      <c r="E2747" s="499" t="s">
        <v>684</v>
      </c>
      <c r="F2747" s="499" t="s">
        <v>683</v>
      </c>
      <c r="G2747" s="498" t="s">
        <v>682</v>
      </c>
      <c r="H2747" s="497"/>
      <c r="I2747" s="497"/>
      <c r="J2747" s="497"/>
      <c r="K2747" s="497"/>
      <c r="L2747" s="496"/>
    </row>
    <row r="2748" spans="1:12" ht="16.149999999999999" customHeight="1">
      <c r="A2748" s="733" t="s">
        <v>701</v>
      </c>
      <c r="B2748" s="734"/>
      <c r="C2748" s="495"/>
      <c r="D2748" s="494"/>
      <c r="E2748" s="493"/>
      <c r="F2748" s="492"/>
      <c r="G2748" s="486" t="s">
        <v>651</v>
      </c>
      <c r="H2748" s="549"/>
      <c r="I2748" s="549"/>
      <c r="J2748" s="549"/>
      <c r="K2748" s="549"/>
      <c r="L2748" s="551"/>
    </row>
    <row r="2749" spans="1:12" ht="16.149999999999999" customHeight="1">
      <c r="A2749" s="735"/>
      <c r="B2749" s="736"/>
      <c r="C2749" s="490"/>
      <c r="D2749" s="489"/>
      <c r="E2749" s="491"/>
      <c r="F2749" s="487" t="s">
        <v>651</v>
      </c>
      <c r="G2749" s="486" t="s">
        <v>651</v>
      </c>
      <c r="H2749" s="549"/>
      <c r="I2749" s="549"/>
      <c r="J2749" s="549"/>
      <c r="K2749" s="549"/>
      <c r="L2749" s="551"/>
    </row>
    <row r="2750" spans="1:12" ht="16.149999999999999" customHeight="1">
      <c r="A2750" s="735" t="s">
        <v>651</v>
      </c>
      <c r="B2750" s="736"/>
      <c r="C2750" s="490" t="s">
        <v>248</v>
      </c>
      <c r="D2750" s="489"/>
      <c r="E2750" s="488"/>
      <c r="F2750" s="487"/>
      <c r="G2750" s="486" t="s">
        <v>651</v>
      </c>
      <c r="H2750" s="549"/>
      <c r="I2750" s="549"/>
      <c r="J2750" s="549"/>
      <c r="K2750" s="549"/>
      <c r="L2750" s="551"/>
    </row>
    <row r="2751" spans="1:12" ht="16.149999999999999" customHeight="1">
      <c r="A2751" s="737"/>
      <c r="B2751" s="738"/>
      <c r="C2751" s="485"/>
      <c r="D2751" s="484"/>
      <c r="E2751" s="483"/>
      <c r="F2751" s="482"/>
      <c r="G2751" s="481" t="s">
        <v>651</v>
      </c>
      <c r="H2751" s="476"/>
      <c r="I2751" s="476"/>
      <c r="J2751" s="476"/>
      <c r="K2751" s="476"/>
      <c r="L2751" s="475"/>
    </row>
    <row r="2752" spans="1:12" ht="16.149999999999999" customHeight="1">
      <c r="A2752" s="733" t="s">
        <v>250</v>
      </c>
      <c r="B2752" s="734"/>
      <c r="C2752" s="495"/>
      <c r="D2752" s="494"/>
      <c r="E2752" s="493"/>
      <c r="F2752" s="492"/>
      <c r="G2752" s="486" t="s">
        <v>651</v>
      </c>
      <c r="H2752" s="549"/>
      <c r="I2752" s="549"/>
      <c r="J2752" s="549"/>
      <c r="K2752" s="549"/>
      <c r="L2752" s="551"/>
    </row>
    <row r="2753" spans="1:12" ht="16.149999999999999" customHeight="1">
      <c r="A2753" s="735"/>
      <c r="B2753" s="736"/>
      <c r="C2753" s="490"/>
      <c r="D2753" s="489"/>
      <c r="E2753" s="491"/>
      <c r="F2753" s="487" t="s">
        <v>651</v>
      </c>
      <c r="G2753" s="486" t="s">
        <v>651</v>
      </c>
      <c r="H2753" s="549"/>
      <c r="I2753" s="549"/>
      <c r="J2753" s="549"/>
      <c r="K2753" s="549"/>
      <c r="L2753" s="551"/>
    </row>
    <row r="2754" spans="1:12" ht="16.149999999999999" customHeight="1">
      <c r="A2754" s="735" t="s">
        <v>651</v>
      </c>
      <c r="B2754" s="736"/>
      <c r="C2754" s="490" t="s">
        <v>248</v>
      </c>
      <c r="D2754" s="489"/>
      <c r="E2754" s="488"/>
      <c r="F2754" s="487"/>
      <c r="G2754" s="486" t="s">
        <v>651</v>
      </c>
      <c r="H2754" s="549"/>
      <c r="I2754" s="549"/>
      <c r="J2754" s="549"/>
      <c r="K2754" s="549"/>
      <c r="L2754" s="551"/>
    </row>
    <row r="2755" spans="1:12" ht="16.149999999999999" customHeight="1">
      <c r="A2755" s="737"/>
      <c r="B2755" s="738"/>
      <c r="C2755" s="485"/>
      <c r="D2755" s="484"/>
      <c r="E2755" s="483"/>
      <c r="F2755" s="482"/>
      <c r="G2755" s="481" t="s">
        <v>651</v>
      </c>
      <c r="H2755" s="476"/>
      <c r="I2755" s="476"/>
      <c r="J2755" s="476"/>
      <c r="K2755" s="476"/>
      <c r="L2755" s="475"/>
    </row>
    <row r="2756" spans="1:12" ht="16.149999999999999" customHeight="1">
      <c r="A2756" s="733" t="s">
        <v>700</v>
      </c>
      <c r="B2756" s="734"/>
      <c r="C2756" s="495"/>
      <c r="D2756" s="494"/>
      <c r="E2756" s="493"/>
      <c r="F2756" s="492"/>
      <c r="G2756" s="486" t="s">
        <v>651</v>
      </c>
      <c r="H2756" s="549"/>
      <c r="I2756" s="549"/>
      <c r="J2756" s="549"/>
      <c r="K2756" s="549"/>
      <c r="L2756" s="551"/>
    </row>
    <row r="2757" spans="1:12" ht="16.149999999999999" customHeight="1">
      <c r="A2757" s="735"/>
      <c r="B2757" s="736"/>
      <c r="C2757" s="490"/>
      <c r="D2757" s="489"/>
      <c r="E2757" s="491"/>
      <c r="F2757" s="487" t="s">
        <v>651</v>
      </c>
      <c r="G2757" s="486" t="s">
        <v>651</v>
      </c>
      <c r="H2757" s="549"/>
      <c r="I2757" s="549"/>
      <c r="J2757" s="549"/>
      <c r="K2757" s="549"/>
      <c r="L2757" s="551"/>
    </row>
    <row r="2758" spans="1:12" ht="16.149999999999999" customHeight="1">
      <c r="A2758" s="735" t="s">
        <v>651</v>
      </c>
      <c r="B2758" s="736"/>
      <c r="C2758" s="490" t="s">
        <v>242</v>
      </c>
      <c r="D2758" s="489">
        <v>1</v>
      </c>
      <c r="E2758" s="488"/>
      <c r="F2758" s="487"/>
      <c r="G2758" s="486" t="s">
        <v>651</v>
      </c>
      <c r="H2758" s="549"/>
      <c r="I2758" s="549"/>
      <c r="J2758" s="549"/>
      <c r="K2758" s="549"/>
      <c r="L2758" s="551"/>
    </row>
    <row r="2759" spans="1:12" ht="16.149999999999999" customHeight="1">
      <c r="A2759" s="737"/>
      <c r="B2759" s="738"/>
      <c r="C2759" s="485"/>
      <c r="D2759" s="484"/>
      <c r="E2759" s="483"/>
      <c r="F2759" s="482"/>
      <c r="G2759" s="481" t="s">
        <v>651</v>
      </c>
      <c r="H2759" s="476"/>
      <c r="I2759" s="476"/>
      <c r="J2759" s="476"/>
      <c r="K2759" s="476"/>
      <c r="L2759" s="475"/>
    </row>
    <row r="2760" spans="1:12" ht="16.149999999999999" customHeight="1">
      <c r="A2760" s="733" t="s">
        <v>651</v>
      </c>
      <c r="B2760" s="734"/>
      <c r="C2760" s="495"/>
      <c r="D2760" s="494"/>
      <c r="E2760" s="493"/>
      <c r="F2760" s="492"/>
      <c r="G2760" s="486" t="s">
        <v>651</v>
      </c>
      <c r="H2760" s="549"/>
      <c r="I2760" s="549"/>
      <c r="J2760" s="549"/>
      <c r="K2760" s="549"/>
      <c r="L2760" s="551"/>
    </row>
    <row r="2761" spans="1:12" ht="16.149999999999999" customHeight="1">
      <c r="A2761" s="735"/>
      <c r="B2761" s="736"/>
      <c r="C2761" s="490"/>
      <c r="D2761" s="489"/>
      <c r="E2761" s="491"/>
      <c r="F2761" s="487" t="s">
        <v>651</v>
      </c>
      <c r="G2761" s="486" t="s">
        <v>651</v>
      </c>
      <c r="H2761" s="549"/>
      <c r="I2761" s="549"/>
      <c r="J2761" s="549"/>
      <c r="K2761" s="549"/>
      <c r="L2761" s="551"/>
    </row>
    <row r="2762" spans="1:12" ht="16.149999999999999" customHeight="1">
      <c r="A2762" s="735" t="s">
        <v>691</v>
      </c>
      <c r="B2762" s="736"/>
      <c r="C2762" s="490" t="s">
        <v>697</v>
      </c>
      <c r="D2762" s="489">
        <v>1</v>
      </c>
      <c r="E2762" s="488"/>
      <c r="F2762" s="487"/>
      <c r="G2762" s="486" t="s">
        <v>651</v>
      </c>
      <c r="H2762" s="549"/>
      <c r="I2762" s="549"/>
      <c r="J2762" s="549"/>
      <c r="K2762" s="549"/>
      <c r="L2762" s="551"/>
    </row>
    <row r="2763" spans="1:12" ht="16.149999999999999" customHeight="1">
      <c r="A2763" s="737"/>
      <c r="B2763" s="738"/>
      <c r="C2763" s="485"/>
      <c r="D2763" s="484"/>
      <c r="E2763" s="483"/>
      <c r="F2763" s="482"/>
      <c r="G2763" s="481" t="s">
        <v>651</v>
      </c>
      <c r="H2763" s="476"/>
      <c r="I2763" s="476"/>
      <c r="J2763" s="476"/>
      <c r="K2763" s="476"/>
      <c r="L2763" s="475"/>
    </row>
    <row r="2766" spans="1:12" ht="16.149999999999999" customHeight="1">
      <c r="A2766" s="507" t="s">
        <v>651</v>
      </c>
      <c r="B2766" s="479" t="s">
        <v>756</v>
      </c>
      <c r="C2766" s="480"/>
      <c r="D2766" s="479"/>
      <c r="E2766" s="479"/>
      <c r="F2766" s="479"/>
      <c r="G2766" s="479"/>
      <c r="H2766" s="479" t="s">
        <v>617</v>
      </c>
      <c r="I2766" s="480" t="s">
        <v>758</v>
      </c>
      <c r="J2766" s="479" t="s">
        <v>689</v>
      </c>
      <c r="K2766" s="479" t="s">
        <v>688</v>
      </c>
      <c r="L2766" s="506"/>
    </row>
    <row r="2767" spans="1:12" ht="16.149999999999999" customHeight="1">
      <c r="A2767" s="505" t="s">
        <v>651</v>
      </c>
      <c r="B2767" s="549" t="s">
        <v>757</v>
      </c>
      <c r="C2767" s="550"/>
      <c r="D2767" s="549"/>
      <c r="E2767" s="549"/>
      <c r="F2767" s="549"/>
      <c r="G2767" s="478"/>
      <c r="H2767" s="549"/>
      <c r="I2767" s="504"/>
      <c r="J2767" s="503" t="s">
        <v>687</v>
      </c>
      <c r="K2767" s="502" t="s">
        <v>697</v>
      </c>
      <c r="L2767" s="501" t="s">
        <v>618</v>
      </c>
    </row>
    <row r="2768" spans="1:12" ht="16.149999999999999" customHeight="1">
      <c r="A2768" s="477" t="s">
        <v>651</v>
      </c>
      <c r="B2768" s="549"/>
      <c r="C2768" s="550"/>
      <c r="D2768" s="549"/>
      <c r="E2768" s="549"/>
      <c r="F2768" s="549"/>
      <c r="G2768" s="478"/>
      <c r="H2768" s="478"/>
      <c r="I2768" s="478"/>
      <c r="J2768" s="478"/>
      <c r="K2768" s="478"/>
      <c r="L2768" s="501"/>
    </row>
    <row r="2769" spans="1:12" ht="16.149999999999999" customHeight="1">
      <c r="A2769" s="498" t="s">
        <v>686</v>
      </c>
      <c r="B2769" s="500"/>
      <c r="C2769" s="499" t="s">
        <v>309</v>
      </c>
      <c r="D2769" s="499" t="s">
        <v>685</v>
      </c>
      <c r="E2769" s="499" t="s">
        <v>684</v>
      </c>
      <c r="F2769" s="499" t="s">
        <v>683</v>
      </c>
      <c r="G2769" s="498" t="s">
        <v>682</v>
      </c>
      <c r="H2769" s="497"/>
      <c r="I2769" s="497"/>
      <c r="J2769" s="497"/>
      <c r="K2769" s="497"/>
      <c r="L2769" s="496"/>
    </row>
    <row r="2770" spans="1:12" ht="16.149999999999999" customHeight="1">
      <c r="A2770" s="733" t="s">
        <v>651</v>
      </c>
      <c r="B2770" s="734"/>
      <c r="C2770" s="495"/>
      <c r="D2770" s="494"/>
      <c r="E2770" s="493"/>
      <c r="F2770" s="492"/>
      <c r="G2770" s="486" t="s">
        <v>651</v>
      </c>
      <c r="H2770" s="549"/>
      <c r="I2770" s="549"/>
      <c r="J2770" s="549"/>
      <c r="K2770" s="549"/>
      <c r="L2770" s="551"/>
    </row>
    <row r="2771" spans="1:12" ht="16.149999999999999" customHeight="1">
      <c r="A2771" s="735"/>
      <c r="B2771" s="736"/>
      <c r="C2771" s="490"/>
      <c r="D2771" s="489"/>
      <c r="E2771" s="491"/>
      <c r="F2771" s="487" t="s">
        <v>651</v>
      </c>
      <c r="G2771" s="486" t="s">
        <v>651</v>
      </c>
      <c r="H2771" s="549"/>
      <c r="I2771" s="549"/>
      <c r="J2771" s="549"/>
      <c r="K2771" s="549"/>
      <c r="L2771" s="551"/>
    </row>
    <row r="2772" spans="1:12" ht="16.149999999999999" customHeight="1">
      <c r="A2772" s="735" t="s">
        <v>681</v>
      </c>
      <c r="B2772" s="736"/>
      <c r="C2772" s="490" t="s">
        <v>697</v>
      </c>
      <c r="D2772" s="489">
        <v>1</v>
      </c>
      <c r="E2772" s="488" t="s">
        <v>618</v>
      </c>
      <c r="F2772" s="487"/>
      <c r="G2772" s="486" t="s">
        <v>651</v>
      </c>
      <c r="H2772" s="549"/>
      <c r="I2772" s="549"/>
      <c r="J2772" s="549"/>
      <c r="K2772" s="549"/>
      <c r="L2772" s="551"/>
    </row>
    <row r="2773" spans="1:12" ht="16.149999999999999" customHeight="1">
      <c r="A2773" s="737"/>
      <c r="B2773" s="738"/>
      <c r="C2773" s="485"/>
      <c r="D2773" s="484"/>
      <c r="E2773" s="483"/>
      <c r="F2773" s="482"/>
      <c r="G2773" s="481" t="s">
        <v>651</v>
      </c>
      <c r="H2773" s="476"/>
      <c r="I2773" s="476"/>
      <c r="J2773" s="476"/>
      <c r="K2773" s="476"/>
      <c r="L2773" s="475"/>
    </row>
    <row r="2775" spans="1:12" ht="16.149999999999999" customHeight="1">
      <c r="A2775" s="507" t="s">
        <v>651</v>
      </c>
      <c r="B2775" s="479" t="s">
        <v>753</v>
      </c>
      <c r="C2775" s="480"/>
      <c r="D2775" s="479"/>
      <c r="E2775" s="479"/>
      <c r="F2775" s="479"/>
      <c r="G2775" s="479"/>
      <c r="H2775" s="479" t="s">
        <v>617</v>
      </c>
      <c r="I2775" s="480" t="s">
        <v>755</v>
      </c>
      <c r="J2775" s="479" t="s">
        <v>689</v>
      </c>
      <c r="K2775" s="479" t="s">
        <v>688</v>
      </c>
      <c r="L2775" s="506"/>
    </row>
    <row r="2776" spans="1:12" ht="16.149999999999999" customHeight="1">
      <c r="A2776" s="505" t="s">
        <v>651</v>
      </c>
      <c r="B2776" s="549" t="s">
        <v>754</v>
      </c>
      <c r="C2776" s="550"/>
      <c r="D2776" s="549"/>
      <c r="E2776" s="549"/>
      <c r="F2776" s="549"/>
      <c r="G2776" s="478"/>
      <c r="H2776" s="549"/>
      <c r="I2776" s="504"/>
      <c r="J2776" s="503" t="s">
        <v>687</v>
      </c>
      <c r="K2776" s="502" t="s">
        <v>697</v>
      </c>
      <c r="L2776" s="501" t="s">
        <v>618</v>
      </c>
    </row>
    <row r="2777" spans="1:12" ht="16.149999999999999" customHeight="1">
      <c r="A2777" s="477" t="s">
        <v>651</v>
      </c>
      <c r="B2777" s="549"/>
      <c r="C2777" s="550"/>
      <c r="D2777" s="549"/>
      <c r="E2777" s="549"/>
      <c r="F2777" s="549"/>
      <c r="G2777" s="478"/>
      <c r="H2777" s="478"/>
      <c r="I2777" s="478"/>
      <c r="J2777" s="478"/>
      <c r="K2777" s="478"/>
      <c r="L2777" s="501"/>
    </row>
    <row r="2778" spans="1:12" ht="16.149999999999999" customHeight="1">
      <c r="A2778" s="498" t="s">
        <v>686</v>
      </c>
      <c r="B2778" s="500"/>
      <c r="C2778" s="499" t="s">
        <v>309</v>
      </c>
      <c r="D2778" s="499" t="s">
        <v>685</v>
      </c>
      <c r="E2778" s="499" t="s">
        <v>684</v>
      </c>
      <c r="F2778" s="499" t="s">
        <v>683</v>
      </c>
      <c r="G2778" s="498" t="s">
        <v>682</v>
      </c>
      <c r="H2778" s="497"/>
      <c r="I2778" s="497"/>
      <c r="J2778" s="497"/>
      <c r="K2778" s="497"/>
      <c r="L2778" s="496"/>
    </row>
    <row r="2779" spans="1:12" ht="16.149999999999999" customHeight="1">
      <c r="A2779" s="733" t="s">
        <v>701</v>
      </c>
      <c r="B2779" s="734"/>
      <c r="C2779" s="495"/>
      <c r="D2779" s="494"/>
      <c r="E2779" s="493"/>
      <c r="F2779" s="492"/>
      <c r="G2779" s="486" t="s">
        <v>651</v>
      </c>
      <c r="H2779" s="549"/>
      <c r="I2779" s="549"/>
      <c r="J2779" s="549"/>
      <c r="K2779" s="549"/>
      <c r="L2779" s="551"/>
    </row>
    <row r="2780" spans="1:12" ht="16.149999999999999" customHeight="1">
      <c r="A2780" s="735"/>
      <c r="B2780" s="736"/>
      <c r="C2780" s="490"/>
      <c r="D2780" s="489"/>
      <c r="E2780" s="491"/>
      <c r="F2780" s="487" t="s">
        <v>651</v>
      </c>
      <c r="G2780" s="486" t="s">
        <v>651</v>
      </c>
      <c r="H2780" s="549"/>
      <c r="I2780" s="549"/>
      <c r="J2780" s="549"/>
      <c r="K2780" s="549"/>
      <c r="L2780" s="551"/>
    </row>
    <row r="2781" spans="1:12" ht="16.149999999999999" customHeight="1">
      <c r="A2781" s="735" t="s">
        <v>651</v>
      </c>
      <c r="B2781" s="736"/>
      <c r="C2781" s="490" t="s">
        <v>248</v>
      </c>
      <c r="D2781" s="489"/>
      <c r="E2781" s="488"/>
      <c r="F2781" s="487"/>
      <c r="G2781" s="486" t="s">
        <v>651</v>
      </c>
      <c r="H2781" s="549"/>
      <c r="I2781" s="549"/>
      <c r="J2781" s="549"/>
      <c r="K2781" s="549"/>
      <c r="L2781" s="551"/>
    </row>
    <row r="2782" spans="1:12" ht="16.149999999999999" customHeight="1">
      <c r="A2782" s="737"/>
      <c r="B2782" s="738"/>
      <c r="C2782" s="485"/>
      <c r="D2782" s="484"/>
      <c r="E2782" s="483"/>
      <c r="F2782" s="482"/>
      <c r="G2782" s="481" t="s">
        <v>651</v>
      </c>
      <c r="H2782" s="476"/>
      <c r="I2782" s="476"/>
      <c r="J2782" s="476"/>
      <c r="K2782" s="476"/>
      <c r="L2782" s="475"/>
    </row>
    <row r="2783" spans="1:12" ht="16.149999999999999" customHeight="1">
      <c r="A2783" s="733" t="s">
        <v>250</v>
      </c>
      <c r="B2783" s="734"/>
      <c r="C2783" s="495"/>
      <c r="D2783" s="494"/>
      <c r="E2783" s="493"/>
      <c r="F2783" s="492"/>
      <c r="G2783" s="486" t="s">
        <v>651</v>
      </c>
      <c r="H2783" s="549"/>
      <c r="I2783" s="549"/>
      <c r="J2783" s="549"/>
      <c r="K2783" s="549"/>
      <c r="L2783" s="551"/>
    </row>
    <row r="2784" spans="1:12" ht="16.149999999999999" customHeight="1">
      <c r="A2784" s="735"/>
      <c r="B2784" s="736"/>
      <c r="C2784" s="490"/>
      <c r="D2784" s="489"/>
      <c r="E2784" s="491"/>
      <c r="F2784" s="487" t="s">
        <v>651</v>
      </c>
      <c r="G2784" s="486" t="s">
        <v>651</v>
      </c>
      <c r="H2784" s="549"/>
      <c r="I2784" s="549"/>
      <c r="J2784" s="549"/>
      <c r="K2784" s="549"/>
      <c r="L2784" s="551"/>
    </row>
    <row r="2785" spans="1:12" ht="16.149999999999999" customHeight="1">
      <c r="A2785" s="735" t="s">
        <v>651</v>
      </c>
      <c r="B2785" s="736"/>
      <c r="C2785" s="490" t="s">
        <v>248</v>
      </c>
      <c r="D2785" s="489"/>
      <c r="E2785" s="488"/>
      <c r="F2785" s="487"/>
      <c r="G2785" s="486" t="s">
        <v>651</v>
      </c>
      <c r="H2785" s="549"/>
      <c r="I2785" s="549"/>
      <c r="J2785" s="549"/>
      <c r="K2785" s="549"/>
      <c r="L2785" s="551"/>
    </row>
    <row r="2786" spans="1:12" ht="16.149999999999999" customHeight="1">
      <c r="A2786" s="737"/>
      <c r="B2786" s="738"/>
      <c r="C2786" s="485"/>
      <c r="D2786" s="484"/>
      <c r="E2786" s="483"/>
      <c r="F2786" s="482"/>
      <c r="G2786" s="481" t="s">
        <v>651</v>
      </c>
      <c r="H2786" s="476"/>
      <c r="I2786" s="476"/>
      <c r="J2786" s="476"/>
      <c r="K2786" s="476"/>
      <c r="L2786" s="475"/>
    </row>
    <row r="2787" spans="1:12" ht="16.149999999999999" customHeight="1">
      <c r="A2787" s="733" t="s">
        <v>700</v>
      </c>
      <c r="B2787" s="734"/>
      <c r="C2787" s="495"/>
      <c r="D2787" s="494"/>
      <c r="E2787" s="493"/>
      <c r="F2787" s="492"/>
      <c r="G2787" s="486" t="s">
        <v>651</v>
      </c>
      <c r="H2787" s="549"/>
      <c r="I2787" s="549"/>
      <c r="J2787" s="549"/>
      <c r="K2787" s="549"/>
      <c r="L2787" s="551"/>
    </row>
    <row r="2788" spans="1:12" ht="16.149999999999999" customHeight="1">
      <c r="A2788" s="735"/>
      <c r="B2788" s="736"/>
      <c r="C2788" s="490"/>
      <c r="D2788" s="489"/>
      <c r="E2788" s="491"/>
      <c r="F2788" s="487" t="s">
        <v>651</v>
      </c>
      <c r="G2788" s="486" t="s">
        <v>651</v>
      </c>
      <c r="H2788" s="549"/>
      <c r="I2788" s="549"/>
      <c r="J2788" s="549"/>
      <c r="K2788" s="549"/>
      <c r="L2788" s="551"/>
    </row>
    <row r="2789" spans="1:12" ht="16.149999999999999" customHeight="1">
      <c r="A2789" s="735" t="s">
        <v>651</v>
      </c>
      <c r="B2789" s="736"/>
      <c r="C2789" s="490" t="s">
        <v>242</v>
      </c>
      <c r="D2789" s="489">
        <v>1</v>
      </c>
      <c r="E2789" s="488"/>
      <c r="F2789" s="487"/>
      <c r="G2789" s="486" t="s">
        <v>651</v>
      </c>
      <c r="H2789" s="549"/>
      <c r="I2789" s="549"/>
      <c r="J2789" s="549"/>
      <c r="K2789" s="549"/>
      <c r="L2789" s="551"/>
    </row>
    <row r="2790" spans="1:12" ht="16.149999999999999" customHeight="1">
      <c r="A2790" s="737"/>
      <c r="B2790" s="738"/>
      <c r="C2790" s="485"/>
      <c r="D2790" s="484"/>
      <c r="E2790" s="483"/>
      <c r="F2790" s="482"/>
      <c r="G2790" s="481" t="s">
        <v>651</v>
      </c>
      <c r="H2790" s="476"/>
      <c r="I2790" s="476"/>
      <c r="J2790" s="476"/>
      <c r="K2790" s="476"/>
      <c r="L2790" s="475"/>
    </row>
    <row r="2791" spans="1:12" ht="16.149999999999999" customHeight="1">
      <c r="A2791" s="733" t="s">
        <v>651</v>
      </c>
      <c r="B2791" s="734"/>
      <c r="C2791" s="495"/>
      <c r="D2791" s="494"/>
      <c r="E2791" s="493"/>
      <c r="F2791" s="492"/>
      <c r="G2791" s="486" t="s">
        <v>651</v>
      </c>
      <c r="H2791" s="549"/>
      <c r="I2791" s="549"/>
      <c r="J2791" s="549"/>
      <c r="K2791" s="549"/>
      <c r="L2791" s="551"/>
    </row>
    <row r="2792" spans="1:12" ht="16.149999999999999" customHeight="1">
      <c r="A2792" s="735"/>
      <c r="B2792" s="736"/>
      <c r="C2792" s="490"/>
      <c r="D2792" s="489"/>
      <c r="E2792" s="491"/>
      <c r="F2792" s="487" t="s">
        <v>651</v>
      </c>
      <c r="G2792" s="486" t="s">
        <v>651</v>
      </c>
      <c r="H2792" s="549"/>
      <c r="I2792" s="549"/>
      <c r="J2792" s="549"/>
      <c r="K2792" s="549"/>
      <c r="L2792" s="551"/>
    </row>
    <row r="2793" spans="1:12" ht="16.149999999999999" customHeight="1">
      <c r="A2793" s="735" t="s">
        <v>691</v>
      </c>
      <c r="B2793" s="736"/>
      <c r="C2793" s="490" t="s">
        <v>697</v>
      </c>
      <c r="D2793" s="489">
        <v>1</v>
      </c>
      <c r="E2793" s="488"/>
      <c r="F2793" s="487"/>
      <c r="G2793" s="486" t="s">
        <v>651</v>
      </c>
      <c r="H2793" s="549"/>
      <c r="I2793" s="549"/>
      <c r="J2793" s="549"/>
      <c r="K2793" s="549"/>
      <c r="L2793" s="551"/>
    </row>
    <row r="2794" spans="1:12" ht="16.149999999999999" customHeight="1">
      <c r="A2794" s="737"/>
      <c r="B2794" s="738"/>
      <c r="C2794" s="485"/>
      <c r="D2794" s="484"/>
      <c r="E2794" s="483"/>
      <c r="F2794" s="482"/>
      <c r="G2794" s="481" t="s">
        <v>651</v>
      </c>
      <c r="H2794" s="476"/>
      <c r="I2794" s="476"/>
      <c r="J2794" s="476"/>
      <c r="K2794" s="476"/>
      <c r="L2794" s="475"/>
    </row>
    <row r="2795" spans="1:12" ht="16.149999999999999" customHeight="1">
      <c r="A2795" s="733" t="s">
        <v>651</v>
      </c>
      <c r="B2795" s="734"/>
      <c r="C2795" s="495"/>
      <c r="D2795" s="494"/>
      <c r="E2795" s="493"/>
      <c r="F2795" s="492"/>
      <c r="G2795" s="486" t="s">
        <v>651</v>
      </c>
      <c r="H2795" s="549"/>
      <c r="I2795" s="549"/>
      <c r="J2795" s="549"/>
      <c r="K2795" s="549"/>
      <c r="L2795" s="551"/>
    </row>
    <row r="2796" spans="1:12" ht="16.149999999999999" customHeight="1">
      <c r="A2796" s="735"/>
      <c r="B2796" s="736"/>
      <c r="C2796" s="490"/>
      <c r="D2796" s="489"/>
      <c r="E2796" s="491"/>
      <c r="F2796" s="487" t="s">
        <v>651</v>
      </c>
      <c r="G2796" s="486" t="s">
        <v>651</v>
      </c>
      <c r="H2796" s="549"/>
      <c r="I2796" s="549"/>
      <c r="J2796" s="549"/>
      <c r="K2796" s="549"/>
      <c r="L2796" s="551"/>
    </row>
    <row r="2797" spans="1:12" ht="16.149999999999999" customHeight="1">
      <c r="A2797" s="735" t="s">
        <v>681</v>
      </c>
      <c r="B2797" s="736"/>
      <c r="C2797" s="490" t="s">
        <v>697</v>
      </c>
      <c r="D2797" s="489">
        <v>1</v>
      </c>
      <c r="E2797" s="488" t="s">
        <v>618</v>
      </c>
      <c r="F2797" s="487"/>
      <c r="G2797" s="486" t="s">
        <v>651</v>
      </c>
      <c r="H2797" s="549"/>
      <c r="I2797" s="549"/>
      <c r="J2797" s="549"/>
      <c r="K2797" s="549"/>
      <c r="L2797" s="551"/>
    </row>
    <row r="2798" spans="1:12" ht="16.149999999999999" customHeight="1">
      <c r="A2798" s="737"/>
      <c r="B2798" s="738"/>
      <c r="C2798" s="485"/>
      <c r="D2798" s="484"/>
      <c r="E2798" s="483"/>
      <c r="F2798" s="482"/>
      <c r="G2798" s="481" t="s">
        <v>651</v>
      </c>
      <c r="H2798" s="476"/>
      <c r="I2798" s="476"/>
      <c r="J2798" s="476"/>
      <c r="K2798" s="476"/>
      <c r="L2798" s="475"/>
    </row>
    <row r="2801" spans="1:12" ht="16.149999999999999" customHeight="1">
      <c r="A2801" s="507" t="s">
        <v>651</v>
      </c>
      <c r="B2801" s="479" t="s">
        <v>751</v>
      </c>
      <c r="C2801" s="480"/>
      <c r="D2801" s="479"/>
      <c r="E2801" s="479"/>
      <c r="F2801" s="479"/>
      <c r="G2801" s="479"/>
      <c r="H2801" s="479" t="s">
        <v>617</v>
      </c>
      <c r="I2801" s="480" t="s">
        <v>750</v>
      </c>
      <c r="J2801" s="479" t="s">
        <v>689</v>
      </c>
      <c r="K2801" s="479" t="s">
        <v>688</v>
      </c>
      <c r="L2801" s="506"/>
    </row>
    <row r="2802" spans="1:12" ht="16.149999999999999" customHeight="1">
      <c r="A2802" s="505" t="s">
        <v>651</v>
      </c>
      <c r="B2802" s="549" t="s">
        <v>749</v>
      </c>
      <c r="C2802" s="550"/>
      <c r="D2802" s="549"/>
      <c r="E2802" s="549"/>
      <c r="F2802" s="549"/>
      <c r="G2802" s="478"/>
      <c r="H2802" s="549"/>
      <c r="I2802" s="504"/>
      <c r="J2802" s="503" t="s">
        <v>687</v>
      </c>
      <c r="K2802" s="502" t="s">
        <v>697</v>
      </c>
      <c r="L2802" s="501" t="s">
        <v>618</v>
      </c>
    </row>
    <row r="2803" spans="1:12" ht="16.149999999999999" customHeight="1">
      <c r="A2803" s="477" t="s">
        <v>651</v>
      </c>
      <c r="B2803" s="549"/>
      <c r="C2803" s="550"/>
      <c r="D2803" s="549"/>
      <c r="E2803" s="549"/>
      <c r="F2803" s="549"/>
      <c r="G2803" s="478"/>
      <c r="H2803" s="478"/>
      <c r="I2803" s="478"/>
      <c r="J2803" s="478"/>
      <c r="K2803" s="478"/>
      <c r="L2803" s="501"/>
    </row>
    <row r="2804" spans="1:12" ht="16.149999999999999" customHeight="1">
      <c r="A2804" s="498" t="s">
        <v>686</v>
      </c>
      <c r="B2804" s="500"/>
      <c r="C2804" s="499" t="s">
        <v>309</v>
      </c>
      <c r="D2804" s="499" t="s">
        <v>685</v>
      </c>
      <c r="E2804" s="499" t="s">
        <v>684</v>
      </c>
      <c r="F2804" s="499" t="s">
        <v>683</v>
      </c>
      <c r="G2804" s="498" t="s">
        <v>682</v>
      </c>
      <c r="H2804" s="497"/>
      <c r="I2804" s="497"/>
      <c r="J2804" s="497"/>
      <c r="K2804" s="497"/>
      <c r="L2804" s="496"/>
    </row>
    <row r="2805" spans="1:12" ht="16.149999999999999" customHeight="1">
      <c r="A2805" s="733" t="s">
        <v>721</v>
      </c>
      <c r="B2805" s="734"/>
      <c r="C2805" s="495"/>
      <c r="D2805" s="494"/>
      <c r="E2805" s="493"/>
      <c r="F2805" s="492"/>
      <c r="G2805" s="486" t="s">
        <v>651</v>
      </c>
      <c r="H2805" s="549"/>
      <c r="I2805" s="549"/>
      <c r="J2805" s="549"/>
      <c r="K2805" s="549"/>
      <c r="L2805" s="551"/>
    </row>
    <row r="2806" spans="1:12" ht="16.149999999999999" customHeight="1">
      <c r="A2806" s="735"/>
      <c r="B2806" s="736"/>
      <c r="C2806" s="490"/>
      <c r="D2806" s="489"/>
      <c r="E2806" s="491"/>
      <c r="F2806" s="487" t="s">
        <v>651</v>
      </c>
      <c r="G2806" s="486" t="s">
        <v>651</v>
      </c>
      <c r="H2806" s="549"/>
      <c r="I2806" s="549"/>
      <c r="J2806" s="549"/>
      <c r="K2806" s="549"/>
      <c r="L2806" s="551"/>
    </row>
    <row r="2807" spans="1:12" ht="16.149999999999999" customHeight="1">
      <c r="A2807" s="735" t="s">
        <v>651</v>
      </c>
      <c r="B2807" s="736"/>
      <c r="C2807" s="490" t="s">
        <v>248</v>
      </c>
      <c r="D2807" s="489"/>
      <c r="E2807" s="488"/>
      <c r="F2807" s="487"/>
      <c r="G2807" s="486" t="s">
        <v>651</v>
      </c>
      <c r="H2807" s="549"/>
      <c r="I2807" s="549"/>
      <c r="J2807" s="549"/>
      <c r="K2807" s="549"/>
      <c r="L2807" s="551"/>
    </row>
    <row r="2808" spans="1:12" ht="16.149999999999999" customHeight="1">
      <c r="A2808" s="737"/>
      <c r="B2808" s="738"/>
      <c r="C2808" s="485"/>
      <c r="D2808" s="484"/>
      <c r="E2808" s="483"/>
      <c r="F2808" s="482"/>
      <c r="G2808" s="481" t="s">
        <v>651</v>
      </c>
      <c r="H2808" s="476"/>
      <c r="I2808" s="476"/>
      <c r="J2808" s="476"/>
      <c r="K2808" s="476"/>
      <c r="L2808" s="475"/>
    </row>
    <row r="2809" spans="1:12" ht="16.149999999999999" customHeight="1">
      <c r="A2809" s="733" t="s">
        <v>250</v>
      </c>
      <c r="B2809" s="734"/>
      <c r="C2809" s="495"/>
      <c r="D2809" s="494"/>
      <c r="E2809" s="493"/>
      <c r="F2809" s="492"/>
      <c r="G2809" s="486" t="s">
        <v>651</v>
      </c>
      <c r="H2809" s="549"/>
      <c r="I2809" s="549"/>
      <c r="J2809" s="549"/>
      <c r="K2809" s="549"/>
      <c r="L2809" s="551"/>
    </row>
    <row r="2810" spans="1:12" ht="16.149999999999999" customHeight="1">
      <c r="A2810" s="735"/>
      <c r="B2810" s="736"/>
      <c r="C2810" s="490"/>
      <c r="D2810" s="489"/>
      <c r="E2810" s="491"/>
      <c r="F2810" s="487" t="s">
        <v>651</v>
      </c>
      <c r="G2810" s="486" t="s">
        <v>651</v>
      </c>
      <c r="H2810" s="549"/>
      <c r="I2810" s="549"/>
      <c r="J2810" s="549"/>
      <c r="K2810" s="549"/>
      <c r="L2810" s="551"/>
    </row>
    <row r="2811" spans="1:12" ht="16.149999999999999" customHeight="1">
      <c r="A2811" s="735" t="s">
        <v>651</v>
      </c>
      <c r="B2811" s="736"/>
      <c r="C2811" s="490" t="s">
        <v>248</v>
      </c>
      <c r="D2811" s="489"/>
      <c r="E2811" s="488"/>
      <c r="F2811" s="487"/>
      <c r="G2811" s="486" t="s">
        <v>651</v>
      </c>
      <c r="H2811" s="549"/>
      <c r="I2811" s="549"/>
      <c r="J2811" s="549"/>
      <c r="K2811" s="549"/>
      <c r="L2811" s="551"/>
    </row>
    <row r="2812" spans="1:12" ht="16.149999999999999" customHeight="1">
      <c r="A2812" s="737"/>
      <c r="B2812" s="738"/>
      <c r="C2812" s="485"/>
      <c r="D2812" s="484"/>
      <c r="E2812" s="483"/>
      <c r="F2812" s="482"/>
      <c r="G2812" s="481" t="s">
        <v>651</v>
      </c>
      <c r="H2812" s="476"/>
      <c r="I2812" s="476"/>
      <c r="J2812" s="476"/>
      <c r="K2812" s="476"/>
      <c r="L2812" s="475"/>
    </row>
    <row r="2813" spans="1:12" ht="16.149999999999999" customHeight="1">
      <c r="A2813" s="733" t="s">
        <v>746</v>
      </c>
      <c r="B2813" s="734"/>
      <c r="C2813" s="495"/>
      <c r="D2813" s="494"/>
      <c r="E2813" s="493"/>
      <c r="F2813" s="492"/>
      <c r="G2813" s="486" t="s">
        <v>752</v>
      </c>
      <c r="H2813" s="549"/>
      <c r="I2813" s="549"/>
      <c r="J2813" s="549"/>
      <c r="K2813" s="549"/>
      <c r="L2813" s="551"/>
    </row>
    <row r="2814" spans="1:12" ht="16.149999999999999" customHeight="1">
      <c r="A2814" s="735"/>
      <c r="B2814" s="736"/>
      <c r="C2814" s="490"/>
      <c r="D2814" s="489"/>
      <c r="E2814" s="491"/>
      <c r="F2814" s="487" t="s">
        <v>651</v>
      </c>
      <c r="G2814" s="486" t="s">
        <v>651</v>
      </c>
      <c r="H2814" s="549"/>
      <c r="I2814" s="549"/>
      <c r="J2814" s="549"/>
      <c r="K2814" s="549"/>
      <c r="L2814" s="551"/>
    </row>
    <row r="2815" spans="1:12" ht="16.149999999999999" customHeight="1">
      <c r="A2815" s="735" t="s">
        <v>745</v>
      </c>
      <c r="B2815" s="736"/>
      <c r="C2815" s="490" t="s">
        <v>621</v>
      </c>
      <c r="D2815" s="489"/>
      <c r="E2815" s="488"/>
      <c r="F2815" s="487"/>
      <c r="G2815" s="486" t="s">
        <v>651</v>
      </c>
      <c r="H2815" s="549"/>
      <c r="I2815" s="549"/>
      <c r="J2815" s="549"/>
      <c r="K2815" s="549"/>
      <c r="L2815" s="551"/>
    </row>
    <row r="2816" spans="1:12" ht="16.149999999999999" customHeight="1">
      <c r="A2816" s="737"/>
      <c r="B2816" s="738"/>
      <c r="C2816" s="485"/>
      <c r="D2816" s="484"/>
      <c r="E2816" s="483"/>
      <c r="F2816" s="482"/>
      <c r="G2816" s="481" t="s">
        <v>651</v>
      </c>
      <c r="H2816" s="476"/>
      <c r="I2816" s="476"/>
      <c r="J2816" s="476"/>
      <c r="K2816" s="476"/>
      <c r="L2816" s="475"/>
    </row>
    <row r="2817" spans="1:12" ht="16.149999999999999" customHeight="1">
      <c r="A2817" s="733" t="s">
        <v>700</v>
      </c>
      <c r="B2817" s="734"/>
      <c r="C2817" s="495"/>
      <c r="D2817" s="494"/>
      <c r="E2817" s="493"/>
      <c r="F2817" s="492"/>
      <c r="G2817" s="486" t="s">
        <v>651</v>
      </c>
      <c r="H2817" s="549"/>
      <c r="I2817" s="549"/>
      <c r="J2817" s="549"/>
      <c r="K2817" s="549"/>
      <c r="L2817" s="551"/>
    </row>
    <row r="2818" spans="1:12" ht="16.149999999999999" customHeight="1">
      <c r="A2818" s="735"/>
      <c r="B2818" s="736"/>
      <c r="C2818" s="490"/>
      <c r="D2818" s="489"/>
      <c r="E2818" s="491"/>
      <c r="F2818" s="487" t="s">
        <v>651</v>
      </c>
      <c r="G2818" s="486" t="s">
        <v>651</v>
      </c>
      <c r="H2818" s="549"/>
      <c r="I2818" s="549"/>
      <c r="J2818" s="549"/>
      <c r="K2818" s="549"/>
      <c r="L2818" s="551"/>
    </row>
    <row r="2819" spans="1:12" ht="16.149999999999999" customHeight="1">
      <c r="A2819" s="735" t="s">
        <v>651</v>
      </c>
      <c r="B2819" s="736"/>
      <c r="C2819" s="490" t="s">
        <v>242</v>
      </c>
      <c r="D2819" s="489">
        <v>1</v>
      </c>
      <c r="E2819" s="488"/>
      <c r="F2819" s="487"/>
      <c r="G2819" s="486" t="s">
        <v>651</v>
      </c>
      <c r="H2819" s="549"/>
      <c r="I2819" s="549"/>
      <c r="J2819" s="549"/>
      <c r="K2819" s="549"/>
      <c r="L2819" s="551"/>
    </row>
    <row r="2820" spans="1:12" ht="16.149999999999999" customHeight="1">
      <c r="A2820" s="737"/>
      <c r="B2820" s="738"/>
      <c r="C2820" s="485"/>
      <c r="D2820" s="484"/>
      <c r="E2820" s="483"/>
      <c r="F2820" s="482"/>
      <c r="G2820" s="481" t="s">
        <v>651</v>
      </c>
      <c r="H2820" s="476"/>
      <c r="I2820" s="476"/>
      <c r="J2820" s="476"/>
      <c r="K2820" s="476"/>
      <c r="L2820" s="475"/>
    </row>
    <row r="2821" spans="1:12" ht="16.149999999999999" customHeight="1">
      <c r="A2821" s="733" t="s">
        <v>651</v>
      </c>
      <c r="B2821" s="734"/>
      <c r="C2821" s="495"/>
      <c r="D2821" s="494"/>
      <c r="E2821" s="493"/>
      <c r="F2821" s="492"/>
      <c r="G2821" s="486" t="s">
        <v>651</v>
      </c>
      <c r="H2821" s="549"/>
      <c r="I2821" s="549"/>
      <c r="J2821" s="549"/>
      <c r="K2821" s="549"/>
      <c r="L2821" s="551"/>
    </row>
    <row r="2822" spans="1:12" ht="16.149999999999999" customHeight="1">
      <c r="A2822" s="735"/>
      <c r="B2822" s="736"/>
      <c r="C2822" s="490"/>
      <c r="D2822" s="489"/>
      <c r="E2822" s="491"/>
      <c r="F2822" s="487" t="s">
        <v>651</v>
      </c>
      <c r="G2822" s="486" t="s">
        <v>651</v>
      </c>
      <c r="H2822" s="549"/>
      <c r="I2822" s="549"/>
      <c r="J2822" s="549"/>
      <c r="K2822" s="549"/>
      <c r="L2822" s="551"/>
    </row>
    <row r="2823" spans="1:12" ht="16.149999999999999" customHeight="1">
      <c r="A2823" s="735" t="s">
        <v>691</v>
      </c>
      <c r="B2823" s="736"/>
      <c r="C2823" s="490" t="s">
        <v>697</v>
      </c>
      <c r="D2823" s="489">
        <v>1</v>
      </c>
      <c r="E2823" s="488"/>
      <c r="F2823" s="487"/>
      <c r="G2823" s="486" t="s">
        <v>651</v>
      </c>
      <c r="H2823" s="549"/>
      <c r="I2823" s="549"/>
      <c r="J2823" s="549"/>
      <c r="K2823" s="549"/>
      <c r="L2823" s="551"/>
    </row>
    <row r="2824" spans="1:12" ht="16.149999999999999" customHeight="1">
      <c r="A2824" s="737"/>
      <c r="B2824" s="738"/>
      <c r="C2824" s="485"/>
      <c r="D2824" s="484"/>
      <c r="E2824" s="483"/>
      <c r="F2824" s="482"/>
      <c r="G2824" s="481" t="s">
        <v>651</v>
      </c>
      <c r="H2824" s="476"/>
      <c r="I2824" s="476"/>
      <c r="J2824" s="476"/>
      <c r="K2824" s="476"/>
      <c r="L2824" s="475"/>
    </row>
    <row r="2825" spans="1:12" ht="16.149999999999999" customHeight="1">
      <c r="A2825" s="733" t="s">
        <v>651</v>
      </c>
      <c r="B2825" s="734"/>
      <c r="C2825" s="495"/>
      <c r="D2825" s="494"/>
      <c r="E2825" s="493"/>
      <c r="F2825" s="492"/>
      <c r="G2825" s="486" t="s">
        <v>651</v>
      </c>
      <c r="H2825" s="549"/>
      <c r="I2825" s="549"/>
      <c r="J2825" s="549"/>
      <c r="K2825" s="549"/>
      <c r="L2825" s="551"/>
    </row>
    <row r="2826" spans="1:12" ht="16.149999999999999" customHeight="1">
      <c r="A2826" s="735"/>
      <c r="B2826" s="736"/>
      <c r="C2826" s="490"/>
      <c r="D2826" s="489"/>
      <c r="E2826" s="491"/>
      <c r="F2826" s="487" t="s">
        <v>651</v>
      </c>
      <c r="G2826" s="486" t="s">
        <v>651</v>
      </c>
      <c r="H2826" s="549"/>
      <c r="I2826" s="549"/>
      <c r="J2826" s="549"/>
      <c r="K2826" s="549"/>
      <c r="L2826" s="551"/>
    </row>
    <row r="2827" spans="1:12" ht="16.149999999999999" customHeight="1">
      <c r="A2827" s="735" t="s">
        <v>681</v>
      </c>
      <c r="B2827" s="736"/>
      <c r="C2827" s="490" t="s">
        <v>697</v>
      </c>
      <c r="D2827" s="489">
        <v>1</v>
      </c>
      <c r="E2827" s="488" t="s">
        <v>618</v>
      </c>
      <c r="F2827" s="487"/>
      <c r="G2827" s="486" t="s">
        <v>651</v>
      </c>
      <c r="H2827" s="549"/>
      <c r="I2827" s="549"/>
      <c r="J2827" s="549"/>
      <c r="K2827" s="549"/>
      <c r="L2827" s="551"/>
    </row>
    <row r="2828" spans="1:12" ht="16.149999999999999" customHeight="1">
      <c r="A2828" s="737"/>
      <c r="B2828" s="738"/>
      <c r="C2828" s="485"/>
      <c r="D2828" s="484"/>
      <c r="E2828" s="483"/>
      <c r="F2828" s="482"/>
      <c r="G2828" s="481" t="s">
        <v>651</v>
      </c>
      <c r="H2828" s="476"/>
      <c r="I2828" s="476"/>
      <c r="J2828" s="476"/>
      <c r="K2828" s="476"/>
      <c r="L2828" s="475"/>
    </row>
    <row r="2836" spans="1:12" ht="16.149999999999999" customHeight="1">
      <c r="A2836" s="507" t="s">
        <v>651</v>
      </c>
      <c r="B2836" s="479" t="s">
        <v>746</v>
      </c>
      <c r="C2836" s="480"/>
      <c r="D2836" s="479"/>
      <c r="E2836" s="479"/>
      <c r="F2836" s="479"/>
      <c r="G2836" s="479"/>
      <c r="H2836" s="479" t="s">
        <v>617</v>
      </c>
      <c r="I2836" s="480" t="s">
        <v>748</v>
      </c>
      <c r="J2836" s="479" t="s">
        <v>689</v>
      </c>
      <c r="K2836" s="479" t="s">
        <v>688</v>
      </c>
      <c r="L2836" s="506"/>
    </row>
    <row r="2837" spans="1:12" ht="16.149999999999999" customHeight="1">
      <c r="A2837" s="505" t="s">
        <v>651</v>
      </c>
      <c r="B2837" s="549" t="s">
        <v>745</v>
      </c>
      <c r="C2837" s="550"/>
      <c r="D2837" s="549"/>
      <c r="E2837" s="549"/>
      <c r="F2837" s="549"/>
      <c r="G2837" s="478"/>
      <c r="H2837" s="549"/>
      <c r="I2837" s="504"/>
      <c r="J2837" s="503" t="s">
        <v>687</v>
      </c>
      <c r="K2837" s="502" t="s">
        <v>621</v>
      </c>
      <c r="L2837" s="501" t="s">
        <v>618</v>
      </c>
    </row>
    <row r="2838" spans="1:12" ht="16.149999999999999" customHeight="1">
      <c r="A2838" s="477" t="s">
        <v>651</v>
      </c>
      <c r="B2838" s="549"/>
      <c r="C2838" s="550"/>
      <c r="D2838" s="549"/>
      <c r="E2838" s="549"/>
      <c r="F2838" s="549"/>
      <c r="G2838" s="478"/>
      <c r="H2838" s="478"/>
      <c r="I2838" s="478"/>
      <c r="J2838" s="478"/>
      <c r="K2838" s="478"/>
      <c r="L2838" s="501"/>
    </row>
    <row r="2839" spans="1:12" ht="16.149999999999999" customHeight="1">
      <c r="A2839" s="498" t="s">
        <v>686</v>
      </c>
      <c r="B2839" s="500"/>
      <c r="C2839" s="499" t="s">
        <v>309</v>
      </c>
      <c r="D2839" s="499" t="s">
        <v>685</v>
      </c>
      <c r="E2839" s="499" t="s">
        <v>684</v>
      </c>
      <c r="F2839" s="499" t="s">
        <v>683</v>
      </c>
      <c r="G2839" s="498" t="s">
        <v>682</v>
      </c>
      <c r="H2839" s="497"/>
      <c r="I2839" s="497"/>
      <c r="J2839" s="497"/>
      <c r="K2839" s="497"/>
      <c r="L2839" s="496"/>
    </row>
    <row r="2840" spans="1:12" ht="16.149999999999999" customHeight="1">
      <c r="A2840" s="733" t="s">
        <v>746</v>
      </c>
      <c r="B2840" s="734"/>
      <c r="C2840" s="495"/>
      <c r="D2840" s="494"/>
      <c r="E2840" s="493"/>
      <c r="F2840" s="492"/>
      <c r="G2840" s="486" t="s">
        <v>651</v>
      </c>
      <c r="H2840" s="549"/>
      <c r="I2840" s="549"/>
      <c r="J2840" s="549"/>
      <c r="K2840" s="549"/>
      <c r="L2840" s="551"/>
    </row>
    <row r="2841" spans="1:12" ht="16.149999999999999" customHeight="1">
      <c r="A2841" s="735"/>
      <c r="B2841" s="736"/>
      <c r="C2841" s="490"/>
      <c r="D2841" s="489"/>
      <c r="E2841" s="491"/>
      <c r="F2841" s="487" t="s">
        <v>651</v>
      </c>
      <c r="G2841" s="486" t="s">
        <v>651</v>
      </c>
      <c r="H2841" s="549"/>
      <c r="I2841" s="549"/>
      <c r="J2841" s="549"/>
      <c r="K2841" s="549"/>
      <c r="L2841" s="551"/>
    </row>
    <row r="2842" spans="1:12" ht="16.149999999999999" customHeight="1">
      <c r="A2842" s="735" t="s">
        <v>747</v>
      </c>
      <c r="B2842" s="736"/>
      <c r="C2842" s="490" t="s">
        <v>621</v>
      </c>
      <c r="D2842" s="489"/>
      <c r="E2842" s="488"/>
      <c r="F2842" s="487"/>
      <c r="G2842" s="486" t="s">
        <v>651</v>
      </c>
      <c r="H2842" s="549"/>
      <c r="I2842" s="549"/>
      <c r="J2842" s="549"/>
      <c r="K2842" s="549"/>
      <c r="L2842" s="551"/>
    </row>
    <row r="2843" spans="1:12" ht="16.149999999999999" customHeight="1">
      <c r="A2843" s="737"/>
      <c r="B2843" s="738"/>
      <c r="C2843" s="485"/>
      <c r="D2843" s="484"/>
      <c r="E2843" s="483"/>
      <c r="F2843" s="482"/>
      <c r="G2843" s="481" t="s">
        <v>651</v>
      </c>
      <c r="H2843" s="476"/>
      <c r="I2843" s="476"/>
      <c r="J2843" s="476"/>
      <c r="K2843" s="476"/>
      <c r="L2843" s="475"/>
    </row>
    <row r="2844" spans="1:12" ht="16.149999999999999" customHeight="1">
      <c r="A2844" s="733" t="s">
        <v>651</v>
      </c>
      <c r="B2844" s="734"/>
      <c r="C2844" s="495"/>
      <c r="D2844" s="494"/>
      <c r="E2844" s="493"/>
      <c r="F2844" s="492"/>
      <c r="G2844" s="486" t="s">
        <v>651</v>
      </c>
      <c r="H2844" s="549"/>
      <c r="I2844" s="549"/>
      <c r="J2844" s="549"/>
      <c r="K2844" s="549"/>
      <c r="L2844" s="551"/>
    </row>
    <row r="2845" spans="1:12" ht="16.149999999999999" customHeight="1">
      <c r="A2845" s="735"/>
      <c r="B2845" s="736"/>
      <c r="C2845" s="490"/>
      <c r="D2845" s="489"/>
      <c r="E2845" s="491"/>
      <c r="F2845" s="487" t="s">
        <v>651</v>
      </c>
      <c r="G2845" s="486" t="s">
        <v>651</v>
      </c>
      <c r="H2845" s="549"/>
      <c r="I2845" s="549"/>
      <c r="J2845" s="549"/>
      <c r="K2845" s="549"/>
      <c r="L2845" s="551"/>
    </row>
    <row r="2846" spans="1:12" ht="16.149999999999999" customHeight="1">
      <c r="A2846" s="735" t="s">
        <v>691</v>
      </c>
      <c r="B2846" s="736"/>
      <c r="C2846" s="490" t="s">
        <v>621</v>
      </c>
      <c r="D2846" s="489">
        <v>1</v>
      </c>
      <c r="E2846" s="488"/>
      <c r="F2846" s="487"/>
      <c r="G2846" s="486" t="s">
        <v>651</v>
      </c>
      <c r="H2846" s="549"/>
      <c r="I2846" s="549"/>
      <c r="J2846" s="549"/>
      <c r="K2846" s="549"/>
      <c r="L2846" s="551"/>
    </row>
    <row r="2847" spans="1:12" ht="16.149999999999999" customHeight="1">
      <c r="A2847" s="737"/>
      <c r="B2847" s="738"/>
      <c r="C2847" s="485"/>
      <c r="D2847" s="484"/>
      <c r="E2847" s="483"/>
      <c r="F2847" s="482"/>
      <c r="G2847" s="481" t="s">
        <v>651</v>
      </c>
      <c r="H2847" s="476"/>
      <c r="I2847" s="476"/>
      <c r="J2847" s="476"/>
      <c r="K2847" s="476"/>
      <c r="L2847" s="475"/>
    </row>
    <row r="2848" spans="1:12" ht="16.149999999999999" customHeight="1">
      <c r="A2848" s="733" t="s">
        <v>651</v>
      </c>
      <c r="B2848" s="734"/>
      <c r="C2848" s="495"/>
      <c r="D2848" s="494"/>
      <c r="E2848" s="493"/>
      <c r="F2848" s="492"/>
      <c r="G2848" s="486" t="s">
        <v>651</v>
      </c>
      <c r="H2848" s="549"/>
      <c r="I2848" s="549"/>
      <c r="J2848" s="549"/>
      <c r="K2848" s="549"/>
      <c r="L2848" s="551"/>
    </row>
    <row r="2849" spans="1:12" ht="16.149999999999999" customHeight="1">
      <c r="A2849" s="735"/>
      <c r="B2849" s="736"/>
      <c r="C2849" s="490"/>
      <c r="D2849" s="489"/>
      <c r="E2849" s="491"/>
      <c r="F2849" s="487" t="s">
        <v>651</v>
      </c>
      <c r="G2849" s="486" t="s">
        <v>651</v>
      </c>
      <c r="H2849" s="549"/>
      <c r="I2849" s="549"/>
      <c r="J2849" s="549"/>
      <c r="K2849" s="549"/>
      <c r="L2849" s="551"/>
    </row>
    <row r="2850" spans="1:12" ht="16.149999999999999" customHeight="1">
      <c r="A2850" s="735" t="s">
        <v>681</v>
      </c>
      <c r="B2850" s="736"/>
      <c r="C2850" s="490" t="s">
        <v>621</v>
      </c>
      <c r="D2850" s="489">
        <v>1</v>
      </c>
      <c r="E2850" s="488" t="s">
        <v>618</v>
      </c>
      <c r="F2850" s="487"/>
      <c r="G2850" s="486" t="s">
        <v>651</v>
      </c>
      <c r="H2850" s="549"/>
      <c r="I2850" s="549"/>
      <c r="J2850" s="549"/>
      <c r="K2850" s="549"/>
      <c r="L2850" s="551"/>
    </row>
    <row r="2851" spans="1:12" ht="16.149999999999999" customHeight="1">
      <c r="A2851" s="737"/>
      <c r="B2851" s="738"/>
      <c r="C2851" s="485"/>
      <c r="D2851" s="484"/>
      <c r="E2851" s="483"/>
      <c r="F2851" s="482"/>
      <c r="G2851" s="481" t="s">
        <v>651</v>
      </c>
      <c r="H2851" s="476"/>
      <c r="I2851" s="476"/>
      <c r="J2851" s="476"/>
      <c r="K2851" s="476"/>
      <c r="L2851" s="475"/>
    </row>
    <row r="2853" spans="1:12" ht="16.149999999999999" customHeight="1">
      <c r="A2853" s="507" t="s">
        <v>651</v>
      </c>
      <c r="B2853" s="479" t="s">
        <v>1662</v>
      </c>
      <c r="C2853" s="480"/>
      <c r="D2853" s="479"/>
      <c r="E2853" s="479"/>
      <c r="F2853" s="479"/>
      <c r="G2853" s="479"/>
      <c r="H2853" s="479" t="s">
        <v>617</v>
      </c>
      <c r="I2853" s="480" t="s">
        <v>744</v>
      </c>
      <c r="J2853" s="479" t="s">
        <v>689</v>
      </c>
      <c r="K2853" s="479" t="s">
        <v>688</v>
      </c>
      <c r="L2853" s="506"/>
    </row>
    <row r="2854" spans="1:12" ht="16.149999999999999" customHeight="1">
      <c r="A2854" s="505" t="s">
        <v>651</v>
      </c>
      <c r="B2854" s="549" t="s">
        <v>743</v>
      </c>
      <c r="C2854" s="550"/>
      <c r="D2854" s="549"/>
      <c r="E2854" s="549"/>
      <c r="F2854" s="549"/>
      <c r="G2854" s="478"/>
      <c r="H2854" s="549"/>
      <c r="I2854" s="504"/>
      <c r="J2854" s="503" t="s">
        <v>687</v>
      </c>
      <c r="K2854" s="502" t="s">
        <v>234</v>
      </c>
      <c r="L2854" s="501" t="s">
        <v>618</v>
      </c>
    </row>
    <row r="2855" spans="1:12" ht="16.149999999999999" customHeight="1">
      <c r="A2855" s="477" t="s">
        <v>651</v>
      </c>
      <c r="B2855" s="549"/>
      <c r="C2855" s="550"/>
      <c r="D2855" s="549"/>
      <c r="E2855" s="549"/>
      <c r="F2855" s="549"/>
      <c r="G2855" s="478"/>
      <c r="H2855" s="478"/>
      <c r="I2855" s="478"/>
      <c r="J2855" s="478"/>
      <c r="K2855" s="478"/>
      <c r="L2855" s="501"/>
    </row>
    <row r="2856" spans="1:12" ht="16.149999999999999" customHeight="1">
      <c r="A2856" s="498" t="s">
        <v>686</v>
      </c>
      <c r="B2856" s="500"/>
      <c r="C2856" s="499" t="s">
        <v>309</v>
      </c>
      <c r="D2856" s="499" t="s">
        <v>685</v>
      </c>
      <c r="E2856" s="499" t="s">
        <v>684</v>
      </c>
      <c r="F2856" s="499" t="s">
        <v>683</v>
      </c>
      <c r="G2856" s="498" t="s">
        <v>682</v>
      </c>
      <c r="H2856" s="497"/>
      <c r="I2856" s="497"/>
      <c r="J2856" s="497"/>
      <c r="K2856" s="497"/>
      <c r="L2856" s="496"/>
    </row>
    <row r="2857" spans="1:12" ht="16.149999999999999" customHeight="1">
      <c r="A2857" s="733" t="s">
        <v>701</v>
      </c>
      <c r="B2857" s="734"/>
      <c r="C2857" s="495"/>
      <c r="D2857" s="494"/>
      <c r="E2857" s="493"/>
      <c r="F2857" s="492"/>
      <c r="G2857" s="486" t="s">
        <v>651</v>
      </c>
      <c r="H2857" s="549"/>
      <c r="I2857" s="549"/>
      <c r="J2857" s="549"/>
      <c r="K2857" s="549"/>
      <c r="L2857" s="551"/>
    </row>
    <row r="2858" spans="1:12" ht="16.149999999999999" customHeight="1">
      <c r="A2858" s="735"/>
      <c r="B2858" s="736"/>
      <c r="C2858" s="490"/>
      <c r="D2858" s="489"/>
      <c r="E2858" s="491"/>
      <c r="F2858" s="487" t="s">
        <v>651</v>
      </c>
      <c r="G2858" s="486" t="s">
        <v>651</v>
      </c>
      <c r="H2858" s="549"/>
      <c r="I2858" s="549"/>
      <c r="J2858" s="549"/>
      <c r="K2858" s="549"/>
      <c r="L2858" s="551"/>
    </row>
    <row r="2859" spans="1:12" ht="16.149999999999999" customHeight="1">
      <c r="A2859" s="735" t="s">
        <v>651</v>
      </c>
      <c r="B2859" s="736"/>
      <c r="C2859" s="490" t="s">
        <v>248</v>
      </c>
      <c r="D2859" s="489"/>
      <c r="E2859" s="488"/>
      <c r="F2859" s="487"/>
      <c r="G2859" s="486" t="s">
        <v>651</v>
      </c>
      <c r="H2859" s="549"/>
      <c r="I2859" s="549"/>
      <c r="J2859" s="549"/>
      <c r="K2859" s="549"/>
      <c r="L2859" s="551"/>
    </row>
    <row r="2860" spans="1:12" ht="16.149999999999999" customHeight="1">
      <c r="A2860" s="737"/>
      <c r="B2860" s="738"/>
      <c r="C2860" s="485"/>
      <c r="D2860" s="484"/>
      <c r="E2860" s="483"/>
      <c r="F2860" s="482"/>
      <c r="G2860" s="481" t="s">
        <v>651</v>
      </c>
      <c r="H2860" s="476"/>
      <c r="I2860" s="476"/>
      <c r="J2860" s="476"/>
      <c r="K2860" s="476"/>
      <c r="L2860" s="475"/>
    </row>
    <row r="2861" spans="1:12" ht="16.149999999999999" customHeight="1">
      <c r="A2861" s="733" t="s">
        <v>250</v>
      </c>
      <c r="B2861" s="734"/>
      <c r="C2861" s="495"/>
      <c r="D2861" s="494"/>
      <c r="E2861" s="493"/>
      <c r="F2861" s="492"/>
      <c r="G2861" s="486" t="s">
        <v>651</v>
      </c>
      <c r="H2861" s="549"/>
      <c r="I2861" s="549"/>
      <c r="J2861" s="549"/>
      <c r="K2861" s="549"/>
      <c r="L2861" s="551"/>
    </row>
    <row r="2862" spans="1:12" ht="16.149999999999999" customHeight="1">
      <c r="A2862" s="735"/>
      <c r="B2862" s="736"/>
      <c r="C2862" s="490"/>
      <c r="D2862" s="489"/>
      <c r="E2862" s="491"/>
      <c r="F2862" s="487" t="s">
        <v>651</v>
      </c>
      <c r="G2862" s="486" t="s">
        <v>651</v>
      </c>
      <c r="H2862" s="549"/>
      <c r="I2862" s="549"/>
      <c r="J2862" s="549"/>
      <c r="K2862" s="549"/>
      <c r="L2862" s="551"/>
    </row>
    <row r="2863" spans="1:12" ht="16.149999999999999" customHeight="1">
      <c r="A2863" s="735" t="s">
        <v>651</v>
      </c>
      <c r="B2863" s="736"/>
      <c r="C2863" s="490" t="s">
        <v>248</v>
      </c>
      <c r="D2863" s="489"/>
      <c r="E2863" s="488"/>
      <c r="F2863" s="487"/>
      <c r="G2863" s="486" t="s">
        <v>651</v>
      </c>
      <c r="H2863" s="549"/>
      <c r="I2863" s="549"/>
      <c r="J2863" s="549"/>
      <c r="K2863" s="549"/>
      <c r="L2863" s="551"/>
    </row>
    <row r="2864" spans="1:12" ht="16.149999999999999" customHeight="1">
      <c r="A2864" s="737"/>
      <c r="B2864" s="738"/>
      <c r="C2864" s="485"/>
      <c r="D2864" s="484"/>
      <c r="E2864" s="483"/>
      <c r="F2864" s="482"/>
      <c r="G2864" s="481" t="s">
        <v>651</v>
      </c>
      <c r="H2864" s="476"/>
      <c r="I2864" s="476"/>
      <c r="J2864" s="476"/>
      <c r="K2864" s="476"/>
      <c r="L2864" s="475"/>
    </row>
    <row r="2865" spans="1:12" ht="16.149999999999999" customHeight="1">
      <c r="A2865" s="733" t="s">
        <v>742</v>
      </c>
      <c r="B2865" s="734"/>
      <c r="C2865" s="495"/>
      <c r="D2865" s="494"/>
      <c r="E2865" s="493"/>
      <c r="F2865" s="492"/>
      <c r="G2865" s="486" t="s">
        <v>741</v>
      </c>
      <c r="H2865" s="549"/>
      <c r="I2865" s="549"/>
      <c r="J2865" s="549"/>
      <c r="K2865" s="549"/>
      <c r="L2865" s="551"/>
    </row>
    <row r="2866" spans="1:12" ht="16.149999999999999" customHeight="1">
      <c r="A2866" s="735"/>
      <c r="B2866" s="736"/>
      <c r="C2866" s="490"/>
      <c r="D2866" s="489"/>
      <c r="E2866" s="491"/>
      <c r="F2866" s="487" t="s">
        <v>651</v>
      </c>
      <c r="G2866" s="486" t="s">
        <v>651</v>
      </c>
      <c r="H2866" s="549"/>
      <c r="I2866" s="549"/>
      <c r="J2866" s="549"/>
      <c r="K2866" s="549"/>
      <c r="L2866" s="551"/>
    </row>
    <row r="2867" spans="1:12" ht="16.149999999999999" customHeight="1">
      <c r="A2867" s="735" t="s">
        <v>1663</v>
      </c>
      <c r="B2867" s="736"/>
      <c r="C2867" s="490" t="s">
        <v>731</v>
      </c>
      <c r="D2867" s="489"/>
      <c r="E2867" s="488"/>
      <c r="F2867" s="487"/>
      <c r="G2867" s="486" t="s">
        <v>651</v>
      </c>
      <c r="H2867" s="549"/>
      <c r="I2867" s="549"/>
      <c r="J2867" s="549"/>
      <c r="K2867" s="549"/>
      <c r="L2867" s="551"/>
    </row>
    <row r="2868" spans="1:12" ht="16.149999999999999" customHeight="1">
      <c r="A2868" s="737"/>
      <c r="B2868" s="738"/>
      <c r="C2868" s="485"/>
      <c r="D2868" s="484"/>
      <c r="E2868" s="483"/>
      <c r="F2868" s="482"/>
      <c r="G2868" s="481" t="s">
        <v>651</v>
      </c>
      <c r="H2868" s="476"/>
      <c r="I2868" s="476"/>
      <c r="J2868" s="476"/>
      <c r="K2868" s="476"/>
      <c r="L2868" s="475"/>
    </row>
    <row r="2871" spans="1:12" ht="16.149999999999999" customHeight="1">
      <c r="A2871" s="507" t="s">
        <v>651</v>
      </c>
      <c r="B2871" s="479" t="s">
        <v>1662</v>
      </c>
      <c r="C2871" s="480"/>
      <c r="D2871" s="479"/>
      <c r="E2871" s="479"/>
      <c r="F2871" s="479"/>
      <c r="G2871" s="479"/>
      <c r="H2871" s="479" t="s">
        <v>617</v>
      </c>
      <c r="I2871" s="480" t="s">
        <v>744</v>
      </c>
      <c r="J2871" s="479" t="s">
        <v>689</v>
      </c>
      <c r="K2871" s="479" t="s">
        <v>688</v>
      </c>
      <c r="L2871" s="506"/>
    </row>
    <row r="2872" spans="1:12" ht="16.149999999999999" customHeight="1">
      <c r="A2872" s="505" t="s">
        <v>651</v>
      </c>
      <c r="B2872" s="549" t="s">
        <v>743</v>
      </c>
      <c r="C2872" s="550"/>
      <c r="D2872" s="549"/>
      <c r="E2872" s="549"/>
      <c r="F2872" s="549"/>
      <c r="G2872" s="478"/>
      <c r="H2872" s="549"/>
      <c r="I2872" s="504"/>
      <c r="J2872" s="503" t="s">
        <v>687</v>
      </c>
      <c r="K2872" s="502" t="s">
        <v>234</v>
      </c>
      <c r="L2872" s="501" t="s">
        <v>618</v>
      </c>
    </row>
    <row r="2873" spans="1:12" ht="16.149999999999999" customHeight="1">
      <c r="A2873" s="477" t="s">
        <v>651</v>
      </c>
      <c r="B2873" s="549"/>
      <c r="C2873" s="550"/>
      <c r="D2873" s="549"/>
      <c r="E2873" s="549"/>
      <c r="F2873" s="549"/>
      <c r="G2873" s="478"/>
      <c r="H2873" s="478"/>
      <c r="I2873" s="478"/>
      <c r="J2873" s="478"/>
      <c r="K2873" s="478"/>
      <c r="L2873" s="501"/>
    </row>
    <row r="2874" spans="1:12" ht="16.149999999999999" customHeight="1">
      <c r="A2874" s="498" t="s">
        <v>686</v>
      </c>
      <c r="B2874" s="500"/>
      <c r="C2874" s="499" t="s">
        <v>309</v>
      </c>
      <c r="D2874" s="499" t="s">
        <v>685</v>
      </c>
      <c r="E2874" s="499" t="s">
        <v>684</v>
      </c>
      <c r="F2874" s="499" t="s">
        <v>683</v>
      </c>
      <c r="G2874" s="498" t="s">
        <v>682</v>
      </c>
      <c r="H2874" s="497"/>
      <c r="I2874" s="497"/>
      <c r="J2874" s="497"/>
      <c r="K2874" s="497"/>
      <c r="L2874" s="496"/>
    </row>
    <row r="2875" spans="1:12" ht="16.149999999999999" customHeight="1">
      <c r="A2875" s="733" t="s">
        <v>651</v>
      </c>
      <c r="B2875" s="734"/>
      <c r="C2875" s="495"/>
      <c r="D2875" s="494"/>
      <c r="E2875" s="493"/>
      <c r="F2875" s="492"/>
      <c r="G2875" s="486" t="s">
        <v>651</v>
      </c>
      <c r="H2875" s="549"/>
      <c r="I2875" s="549"/>
      <c r="J2875" s="549"/>
      <c r="K2875" s="549"/>
      <c r="L2875" s="551"/>
    </row>
    <row r="2876" spans="1:12" ht="16.149999999999999" customHeight="1">
      <c r="A2876" s="735"/>
      <c r="B2876" s="736"/>
      <c r="C2876" s="490"/>
      <c r="D2876" s="489"/>
      <c r="E2876" s="491"/>
      <c r="F2876" s="487" t="s">
        <v>651</v>
      </c>
      <c r="G2876" s="486" t="s">
        <v>651</v>
      </c>
      <c r="H2876" s="549"/>
      <c r="I2876" s="549"/>
      <c r="J2876" s="549"/>
      <c r="K2876" s="549"/>
      <c r="L2876" s="551"/>
    </row>
    <row r="2877" spans="1:12" ht="16.149999999999999" customHeight="1">
      <c r="A2877" s="735" t="s">
        <v>691</v>
      </c>
      <c r="B2877" s="736"/>
      <c r="C2877" s="490" t="s">
        <v>234</v>
      </c>
      <c r="D2877" s="489">
        <v>1</v>
      </c>
      <c r="E2877" s="488"/>
      <c r="F2877" s="487"/>
      <c r="G2877" s="486" t="s">
        <v>651</v>
      </c>
      <c r="H2877" s="549"/>
      <c r="I2877" s="549"/>
      <c r="J2877" s="549"/>
      <c r="K2877" s="549"/>
      <c r="L2877" s="551"/>
    </row>
    <row r="2878" spans="1:12" ht="16.149999999999999" customHeight="1">
      <c r="A2878" s="737"/>
      <c r="B2878" s="738"/>
      <c r="C2878" s="485"/>
      <c r="D2878" s="484"/>
      <c r="E2878" s="483"/>
      <c r="F2878" s="482"/>
      <c r="G2878" s="481" t="s">
        <v>651</v>
      </c>
      <c r="H2878" s="476"/>
      <c r="I2878" s="476"/>
      <c r="J2878" s="476"/>
      <c r="K2878" s="476"/>
      <c r="L2878" s="475"/>
    </row>
    <row r="2879" spans="1:12" ht="16.149999999999999" customHeight="1">
      <c r="A2879" s="733" t="s">
        <v>651</v>
      </c>
      <c r="B2879" s="734"/>
      <c r="C2879" s="495"/>
      <c r="D2879" s="494"/>
      <c r="E2879" s="493"/>
      <c r="F2879" s="492"/>
      <c r="G2879" s="486" t="s">
        <v>651</v>
      </c>
      <c r="H2879" s="549"/>
      <c r="I2879" s="549"/>
      <c r="J2879" s="549"/>
      <c r="K2879" s="549"/>
      <c r="L2879" s="551"/>
    </row>
    <row r="2880" spans="1:12" ht="16.149999999999999" customHeight="1">
      <c r="A2880" s="735"/>
      <c r="B2880" s="736"/>
      <c r="C2880" s="490"/>
      <c r="D2880" s="489"/>
      <c r="E2880" s="491"/>
      <c r="F2880" s="487" t="s">
        <v>651</v>
      </c>
      <c r="G2880" s="486" t="s">
        <v>651</v>
      </c>
      <c r="H2880" s="549"/>
      <c r="I2880" s="549"/>
      <c r="J2880" s="549"/>
      <c r="K2880" s="549"/>
      <c r="L2880" s="551"/>
    </row>
    <row r="2881" spans="1:12" ht="16.149999999999999" customHeight="1">
      <c r="A2881" s="735" t="s">
        <v>681</v>
      </c>
      <c r="B2881" s="736"/>
      <c r="C2881" s="490" t="s">
        <v>234</v>
      </c>
      <c r="D2881" s="489">
        <v>1</v>
      </c>
      <c r="E2881" s="488" t="s">
        <v>618</v>
      </c>
      <c r="F2881" s="487"/>
      <c r="G2881" s="486" t="s">
        <v>651</v>
      </c>
      <c r="H2881" s="549"/>
      <c r="I2881" s="549"/>
      <c r="J2881" s="549"/>
      <c r="K2881" s="549"/>
      <c r="L2881" s="551"/>
    </row>
    <row r="2882" spans="1:12" ht="16.149999999999999" customHeight="1">
      <c r="A2882" s="737"/>
      <c r="B2882" s="738"/>
      <c r="C2882" s="485"/>
      <c r="D2882" s="484"/>
      <c r="E2882" s="483"/>
      <c r="F2882" s="482"/>
      <c r="G2882" s="481" t="s">
        <v>651</v>
      </c>
      <c r="H2882" s="476"/>
      <c r="I2882" s="476"/>
      <c r="J2882" s="476"/>
      <c r="K2882" s="476"/>
      <c r="L2882" s="475"/>
    </row>
    <row r="2884" spans="1:12" ht="16.149999999999999" customHeight="1">
      <c r="A2884" s="507" t="s">
        <v>651</v>
      </c>
      <c r="B2884" s="479" t="s">
        <v>740</v>
      </c>
      <c r="C2884" s="480"/>
      <c r="D2884" s="479"/>
      <c r="E2884" s="479"/>
      <c r="F2884" s="479"/>
      <c r="G2884" s="479"/>
      <c r="H2884" s="479" t="s">
        <v>617</v>
      </c>
      <c r="I2884" s="480" t="s">
        <v>739</v>
      </c>
      <c r="J2884" s="479" t="s">
        <v>689</v>
      </c>
      <c r="K2884" s="479" t="s">
        <v>688</v>
      </c>
      <c r="L2884" s="506"/>
    </row>
    <row r="2885" spans="1:12" ht="16.149999999999999" customHeight="1">
      <c r="A2885" s="505" t="s">
        <v>651</v>
      </c>
      <c r="B2885" s="549" t="s">
        <v>1055</v>
      </c>
      <c r="C2885" s="550"/>
      <c r="D2885" s="549"/>
      <c r="E2885" s="549"/>
      <c r="F2885" s="549"/>
      <c r="G2885" s="478"/>
      <c r="H2885" s="549"/>
      <c r="I2885" s="504"/>
      <c r="J2885" s="503" t="s">
        <v>687</v>
      </c>
      <c r="K2885" s="502" t="s">
        <v>246</v>
      </c>
      <c r="L2885" s="501" t="s">
        <v>618</v>
      </c>
    </row>
    <row r="2886" spans="1:12" ht="16.149999999999999" customHeight="1">
      <c r="A2886" s="477" t="s">
        <v>651</v>
      </c>
      <c r="B2886" s="549"/>
      <c r="C2886" s="550"/>
      <c r="D2886" s="549"/>
      <c r="E2886" s="549"/>
      <c r="F2886" s="549"/>
      <c r="G2886" s="478"/>
      <c r="H2886" s="478"/>
      <c r="I2886" s="478"/>
      <c r="J2886" s="478"/>
      <c r="K2886" s="478"/>
      <c r="L2886" s="501"/>
    </row>
    <row r="2887" spans="1:12" ht="16.149999999999999" customHeight="1">
      <c r="A2887" s="498" t="s">
        <v>686</v>
      </c>
      <c r="B2887" s="500"/>
      <c r="C2887" s="499" t="s">
        <v>309</v>
      </c>
      <c r="D2887" s="499" t="s">
        <v>685</v>
      </c>
      <c r="E2887" s="499" t="s">
        <v>684</v>
      </c>
      <c r="F2887" s="499" t="s">
        <v>683</v>
      </c>
      <c r="G2887" s="498" t="s">
        <v>682</v>
      </c>
      <c r="H2887" s="497"/>
      <c r="I2887" s="497"/>
      <c r="J2887" s="497"/>
      <c r="K2887" s="497"/>
      <c r="L2887" s="496"/>
    </row>
    <row r="2888" spans="1:12" ht="16.149999999999999" customHeight="1">
      <c r="A2888" s="733" t="s">
        <v>250</v>
      </c>
      <c r="B2888" s="734"/>
      <c r="C2888" s="495"/>
      <c r="D2888" s="494"/>
      <c r="E2888" s="493"/>
      <c r="F2888" s="492"/>
      <c r="G2888" s="486" t="s">
        <v>651</v>
      </c>
      <c r="H2888" s="549"/>
      <c r="I2888" s="549"/>
      <c r="J2888" s="549"/>
      <c r="K2888" s="549"/>
      <c r="L2888" s="551"/>
    </row>
    <row r="2889" spans="1:12" ht="16.149999999999999" customHeight="1">
      <c r="A2889" s="735"/>
      <c r="B2889" s="736"/>
      <c r="C2889" s="490"/>
      <c r="D2889" s="489"/>
      <c r="E2889" s="491"/>
      <c r="F2889" s="487" t="s">
        <v>651</v>
      </c>
      <c r="G2889" s="486" t="s">
        <v>651</v>
      </c>
      <c r="H2889" s="549"/>
      <c r="I2889" s="549"/>
      <c r="J2889" s="549"/>
      <c r="K2889" s="549"/>
      <c r="L2889" s="551"/>
    </row>
    <row r="2890" spans="1:12" ht="16.149999999999999" customHeight="1">
      <c r="A2890" s="735" t="s">
        <v>651</v>
      </c>
      <c r="B2890" s="736"/>
      <c r="C2890" s="490" t="s">
        <v>248</v>
      </c>
      <c r="D2890" s="489"/>
      <c r="E2890" s="488"/>
      <c r="F2890" s="487"/>
      <c r="G2890" s="486" t="s">
        <v>651</v>
      </c>
      <c r="H2890" s="549"/>
      <c r="I2890" s="549"/>
      <c r="J2890" s="549"/>
      <c r="K2890" s="549"/>
      <c r="L2890" s="551"/>
    </row>
    <row r="2891" spans="1:12" ht="16.149999999999999" customHeight="1">
      <c r="A2891" s="737"/>
      <c r="B2891" s="738"/>
      <c r="C2891" s="485"/>
      <c r="D2891" s="484"/>
      <c r="E2891" s="483"/>
      <c r="F2891" s="482"/>
      <c r="G2891" s="481" t="s">
        <v>651</v>
      </c>
      <c r="H2891" s="476"/>
      <c r="I2891" s="476"/>
      <c r="J2891" s="476"/>
      <c r="K2891" s="476"/>
      <c r="L2891" s="475"/>
    </row>
    <row r="2892" spans="1:12" ht="16.149999999999999" customHeight="1">
      <c r="A2892" s="733" t="s">
        <v>651</v>
      </c>
      <c r="B2892" s="734"/>
      <c r="C2892" s="495"/>
      <c r="D2892" s="494"/>
      <c r="E2892" s="493"/>
      <c r="F2892" s="492"/>
      <c r="G2892" s="486" t="s">
        <v>651</v>
      </c>
      <c r="H2892" s="549"/>
      <c r="I2892" s="549"/>
      <c r="J2892" s="549"/>
      <c r="K2892" s="549"/>
      <c r="L2892" s="551"/>
    </row>
    <row r="2893" spans="1:12" ht="16.149999999999999" customHeight="1">
      <c r="A2893" s="735"/>
      <c r="B2893" s="736"/>
      <c r="C2893" s="490"/>
      <c r="D2893" s="489"/>
      <c r="E2893" s="491"/>
      <c r="F2893" s="487" t="s">
        <v>651</v>
      </c>
      <c r="G2893" s="486" t="s">
        <v>651</v>
      </c>
      <c r="H2893" s="549"/>
      <c r="I2893" s="549"/>
      <c r="J2893" s="549"/>
      <c r="K2893" s="549"/>
      <c r="L2893" s="551"/>
    </row>
    <row r="2894" spans="1:12" ht="16.149999999999999" customHeight="1">
      <c r="A2894" s="735" t="s">
        <v>691</v>
      </c>
      <c r="B2894" s="736"/>
      <c r="C2894" s="490" t="s">
        <v>246</v>
      </c>
      <c r="D2894" s="489">
        <v>1</v>
      </c>
      <c r="E2894" s="488"/>
      <c r="F2894" s="487"/>
      <c r="G2894" s="486" t="s">
        <v>651</v>
      </c>
      <c r="H2894" s="549"/>
      <c r="I2894" s="549"/>
      <c r="J2894" s="549"/>
      <c r="K2894" s="549"/>
      <c r="L2894" s="551"/>
    </row>
    <row r="2895" spans="1:12" ht="16.149999999999999" customHeight="1">
      <c r="A2895" s="737"/>
      <c r="B2895" s="738"/>
      <c r="C2895" s="485"/>
      <c r="D2895" s="484"/>
      <c r="E2895" s="483"/>
      <c r="F2895" s="482"/>
      <c r="G2895" s="481" t="s">
        <v>651</v>
      </c>
      <c r="H2895" s="476"/>
      <c r="I2895" s="476"/>
      <c r="J2895" s="476"/>
      <c r="K2895" s="476"/>
      <c r="L2895" s="475"/>
    </row>
    <row r="2896" spans="1:12" ht="16.149999999999999" customHeight="1">
      <c r="A2896" s="733" t="s">
        <v>651</v>
      </c>
      <c r="B2896" s="734"/>
      <c r="C2896" s="495"/>
      <c r="D2896" s="494"/>
      <c r="E2896" s="493"/>
      <c r="F2896" s="492"/>
      <c r="G2896" s="486" t="s">
        <v>651</v>
      </c>
      <c r="H2896" s="549"/>
      <c r="I2896" s="549"/>
      <c r="J2896" s="549"/>
      <c r="K2896" s="549"/>
      <c r="L2896" s="551"/>
    </row>
    <row r="2897" spans="1:12" ht="16.149999999999999" customHeight="1">
      <c r="A2897" s="735"/>
      <c r="B2897" s="736"/>
      <c r="C2897" s="490"/>
      <c r="D2897" s="489"/>
      <c r="E2897" s="491"/>
      <c r="F2897" s="487" t="s">
        <v>651</v>
      </c>
      <c r="G2897" s="486" t="s">
        <v>651</v>
      </c>
      <c r="H2897" s="549"/>
      <c r="I2897" s="549"/>
      <c r="J2897" s="549"/>
      <c r="K2897" s="549"/>
      <c r="L2897" s="551"/>
    </row>
    <row r="2898" spans="1:12" ht="16.149999999999999" customHeight="1">
      <c r="A2898" s="735" t="s">
        <v>681</v>
      </c>
      <c r="B2898" s="736"/>
      <c r="C2898" s="490" t="s">
        <v>246</v>
      </c>
      <c r="D2898" s="489">
        <v>1</v>
      </c>
      <c r="E2898" s="488" t="s">
        <v>618</v>
      </c>
      <c r="F2898" s="487"/>
      <c r="G2898" s="486" t="s">
        <v>651</v>
      </c>
      <c r="H2898" s="549"/>
      <c r="I2898" s="549"/>
      <c r="J2898" s="549"/>
      <c r="K2898" s="549"/>
      <c r="L2898" s="551"/>
    </row>
    <row r="2899" spans="1:12" ht="16.149999999999999" customHeight="1">
      <c r="A2899" s="737"/>
      <c r="B2899" s="738"/>
      <c r="C2899" s="485"/>
      <c r="D2899" s="484"/>
      <c r="E2899" s="483"/>
      <c r="F2899" s="482"/>
      <c r="G2899" s="481" t="s">
        <v>651</v>
      </c>
      <c r="H2899" s="476"/>
      <c r="I2899" s="476"/>
      <c r="J2899" s="476"/>
      <c r="K2899" s="476"/>
      <c r="L2899" s="475"/>
    </row>
    <row r="2906" spans="1:12" ht="16.149999999999999" customHeight="1">
      <c r="A2906" s="507" t="s">
        <v>651</v>
      </c>
      <c r="B2906" s="479" t="s">
        <v>738</v>
      </c>
      <c r="C2906" s="480"/>
      <c r="D2906" s="479"/>
      <c r="E2906" s="479"/>
      <c r="F2906" s="479"/>
      <c r="G2906" s="479"/>
      <c r="H2906" s="479" t="s">
        <v>617</v>
      </c>
      <c r="I2906" s="480" t="s">
        <v>737</v>
      </c>
      <c r="J2906" s="479" t="s">
        <v>689</v>
      </c>
      <c r="K2906" s="479" t="s">
        <v>688</v>
      </c>
      <c r="L2906" s="506"/>
    </row>
    <row r="2907" spans="1:12" ht="16.149999999999999" customHeight="1">
      <c r="A2907" s="505" t="s">
        <v>651</v>
      </c>
      <c r="B2907" s="549" t="s">
        <v>1053</v>
      </c>
      <c r="C2907" s="550"/>
      <c r="D2907" s="549"/>
      <c r="E2907" s="549"/>
      <c r="F2907" s="549"/>
      <c r="G2907" s="478"/>
      <c r="H2907" s="549"/>
      <c r="I2907" s="504"/>
      <c r="J2907" s="503" t="s">
        <v>687</v>
      </c>
      <c r="K2907" s="502" t="s">
        <v>246</v>
      </c>
      <c r="L2907" s="501" t="s">
        <v>618</v>
      </c>
    </row>
    <row r="2908" spans="1:12" ht="16.149999999999999" customHeight="1">
      <c r="A2908" s="477" t="s">
        <v>651</v>
      </c>
      <c r="B2908" s="549"/>
      <c r="C2908" s="550"/>
      <c r="D2908" s="549"/>
      <c r="E2908" s="549"/>
      <c r="F2908" s="549"/>
      <c r="G2908" s="478"/>
      <c r="H2908" s="478"/>
      <c r="I2908" s="478"/>
      <c r="J2908" s="478"/>
      <c r="K2908" s="478"/>
      <c r="L2908" s="501"/>
    </row>
    <row r="2909" spans="1:12" ht="16.149999999999999" customHeight="1">
      <c r="A2909" s="498" t="s">
        <v>686</v>
      </c>
      <c r="B2909" s="500"/>
      <c r="C2909" s="499" t="s">
        <v>309</v>
      </c>
      <c r="D2909" s="499" t="s">
        <v>685</v>
      </c>
      <c r="E2909" s="499" t="s">
        <v>684</v>
      </c>
      <c r="F2909" s="499" t="s">
        <v>683</v>
      </c>
      <c r="G2909" s="498" t="s">
        <v>682</v>
      </c>
      <c r="H2909" s="497"/>
      <c r="I2909" s="497"/>
      <c r="J2909" s="497"/>
      <c r="K2909" s="497"/>
      <c r="L2909" s="496"/>
    </row>
    <row r="2910" spans="1:12" ht="16.149999999999999" customHeight="1">
      <c r="A2910" s="733" t="s">
        <v>250</v>
      </c>
      <c r="B2910" s="734"/>
      <c r="C2910" s="495"/>
      <c r="D2910" s="494"/>
      <c r="E2910" s="493"/>
      <c r="F2910" s="492"/>
      <c r="G2910" s="486" t="s">
        <v>651</v>
      </c>
      <c r="H2910" s="549"/>
      <c r="I2910" s="549"/>
      <c r="J2910" s="549"/>
      <c r="K2910" s="549"/>
      <c r="L2910" s="551"/>
    </row>
    <row r="2911" spans="1:12" ht="16.149999999999999" customHeight="1">
      <c r="A2911" s="735"/>
      <c r="B2911" s="736"/>
      <c r="C2911" s="490"/>
      <c r="D2911" s="489"/>
      <c r="E2911" s="491"/>
      <c r="F2911" s="487" t="s">
        <v>651</v>
      </c>
      <c r="G2911" s="486" t="s">
        <v>651</v>
      </c>
      <c r="H2911" s="549"/>
      <c r="I2911" s="549"/>
      <c r="J2911" s="549"/>
      <c r="K2911" s="549"/>
      <c r="L2911" s="551"/>
    </row>
    <row r="2912" spans="1:12" ht="16.149999999999999" customHeight="1">
      <c r="A2912" s="735" t="s">
        <v>651</v>
      </c>
      <c r="B2912" s="736"/>
      <c r="C2912" s="490" t="s">
        <v>248</v>
      </c>
      <c r="D2912" s="489"/>
      <c r="E2912" s="488"/>
      <c r="F2912" s="487"/>
      <c r="G2912" s="486" t="s">
        <v>651</v>
      </c>
      <c r="H2912" s="549"/>
      <c r="I2912" s="549"/>
      <c r="J2912" s="549"/>
      <c r="K2912" s="549"/>
      <c r="L2912" s="551"/>
    </row>
    <row r="2913" spans="1:12" ht="16.149999999999999" customHeight="1">
      <c r="A2913" s="737"/>
      <c r="B2913" s="738"/>
      <c r="C2913" s="485"/>
      <c r="D2913" s="484"/>
      <c r="E2913" s="483"/>
      <c r="F2913" s="482"/>
      <c r="G2913" s="481" t="s">
        <v>651</v>
      </c>
      <c r="H2913" s="476"/>
      <c r="I2913" s="476"/>
      <c r="J2913" s="476"/>
      <c r="K2913" s="476"/>
      <c r="L2913" s="475"/>
    </row>
    <row r="2914" spans="1:12" ht="16.149999999999999" customHeight="1">
      <c r="A2914" s="733" t="s">
        <v>651</v>
      </c>
      <c r="B2914" s="734"/>
      <c r="C2914" s="495"/>
      <c r="D2914" s="494"/>
      <c r="E2914" s="493"/>
      <c r="F2914" s="492"/>
      <c r="G2914" s="486" t="s">
        <v>651</v>
      </c>
      <c r="H2914" s="549"/>
      <c r="I2914" s="549"/>
      <c r="J2914" s="549"/>
      <c r="K2914" s="549"/>
      <c r="L2914" s="551"/>
    </row>
    <row r="2915" spans="1:12" ht="16.149999999999999" customHeight="1">
      <c r="A2915" s="735"/>
      <c r="B2915" s="736"/>
      <c r="C2915" s="490"/>
      <c r="D2915" s="489"/>
      <c r="E2915" s="491"/>
      <c r="F2915" s="487" t="s">
        <v>651</v>
      </c>
      <c r="G2915" s="486" t="s">
        <v>651</v>
      </c>
      <c r="H2915" s="549"/>
      <c r="I2915" s="549"/>
      <c r="J2915" s="549"/>
      <c r="K2915" s="549"/>
      <c r="L2915" s="551"/>
    </row>
    <row r="2916" spans="1:12" ht="16.149999999999999" customHeight="1">
      <c r="A2916" s="735" t="s">
        <v>691</v>
      </c>
      <c r="B2916" s="736"/>
      <c r="C2916" s="490" t="s">
        <v>246</v>
      </c>
      <c r="D2916" s="489">
        <v>1</v>
      </c>
      <c r="E2916" s="488"/>
      <c r="F2916" s="487"/>
      <c r="G2916" s="486" t="s">
        <v>651</v>
      </c>
      <c r="H2916" s="549"/>
      <c r="I2916" s="549"/>
      <c r="J2916" s="549"/>
      <c r="K2916" s="549"/>
      <c r="L2916" s="551"/>
    </row>
    <row r="2917" spans="1:12" ht="16.149999999999999" customHeight="1">
      <c r="A2917" s="737"/>
      <c r="B2917" s="738"/>
      <c r="C2917" s="485"/>
      <c r="D2917" s="484"/>
      <c r="E2917" s="483"/>
      <c r="F2917" s="482"/>
      <c r="G2917" s="481" t="s">
        <v>651</v>
      </c>
      <c r="H2917" s="476"/>
      <c r="I2917" s="476"/>
      <c r="J2917" s="476"/>
      <c r="K2917" s="476"/>
      <c r="L2917" s="475"/>
    </row>
    <row r="2918" spans="1:12" ht="16.149999999999999" customHeight="1">
      <c r="A2918" s="733" t="s">
        <v>651</v>
      </c>
      <c r="B2918" s="734"/>
      <c r="C2918" s="495"/>
      <c r="D2918" s="494"/>
      <c r="E2918" s="493"/>
      <c r="F2918" s="492"/>
      <c r="G2918" s="486" t="s">
        <v>651</v>
      </c>
      <c r="H2918" s="549"/>
      <c r="I2918" s="549"/>
      <c r="J2918" s="549"/>
      <c r="K2918" s="549"/>
      <c r="L2918" s="551"/>
    </row>
    <row r="2919" spans="1:12" ht="16.149999999999999" customHeight="1">
      <c r="A2919" s="735"/>
      <c r="B2919" s="736"/>
      <c r="C2919" s="490"/>
      <c r="D2919" s="489"/>
      <c r="E2919" s="491"/>
      <c r="F2919" s="487" t="s">
        <v>651</v>
      </c>
      <c r="G2919" s="486" t="s">
        <v>651</v>
      </c>
      <c r="H2919" s="549"/>
      <c r="I2919" s="549"/>
      <c r="J2919" s="549"/>
      <c r="K2919" s="549"/>
      <c r="L2919" s="551"/>
    </row>
    <row r="2920" spans="1:12" ht="16.149999999999999" customHeight="1">
      <c r="A2920" s="735" t="s">
        <v>681</v>
      </c>
      <c r="B2920" s="736"/>
      <c r="C2920" s="490" t="s">
        <v>246</v>
      </c>
      <c r="D2920" s="489">
        <v>1</v>
      </c>
      <c r="E2920" s="488" t="s">
        <v>618</v>
      </c>
      <c r="F2920" s="487"/>
      <c r="G2920" s="486" t="s">
        <v>651</v>
      </c>
      <c r="H2920" s="549"/>
      <c r="I2920" s="549"/>
      <c r="J2920" s="549"/>
      <c r="K2920" s="549"/>
      <c r="L2920" s="551"/>
    </row>
    <row r="2921" spans="1:12" ht="16.149999999999999" customHeight="1">
      <c r="A2921" s="737"/>
      <c r="B2921" s="738"/>
      <c r="C2921" s="485"/>
      <c r="D2921" s="484"/>
      <c r="E2921" s="483"/>
      <c r="F2921" s="482"/>
      <c r="G2921" s="481" t="s">
        <v>651</v>
      </c>
      <c r="H2921" s="476"/>
      <c r="I2921" s="476"/>
      <c r="J2921" s="476"/>
      <c r="K2921" s="476"/>
      <c r="L2921" s="475"/>
    </row>
    <row r="2923" spans="1:12" ht="16.149999999999999" customHeight="1">
      <c r="A2923" s="507" t="s">
        <v>651</v>
      </c>
      <c r="B2923" s="479" t="s">
        <v>736</v>
      </c>
      <c r="C2923" s="480"/>
      <c r="D2923" s="479"/>
      <c r="E2923" s="479"/>
      <c r="F2923" s="479"/>
      <c r="G2923" s="479"/>
      <c r="H2923" s="479" t="s">
        <v>617</v>
      </c>
      <c r="I2923" s="480" t="s">
        <v>735</v>
      </c>
      <c r="J2923" s="479" t="s">
        <v>689</v>
      </c>
      <c r="K2923" s="479" t="s">
        <v>688</v>
      </c>
      <c r="L2923" s="506"/>
    </row>
    <row r="2924" spans="1:12" ht="16.149999999999999" customHeight="1">
      <c r="A2924" s="505" t="s">
        <v>651</v>
      </c>
      <c r="B2924" s="549" t="s">
        <v>1111</v>
      </c>
      <c r="C2924" s="550"/>
      <c r="D2924" s="549"/>
      <c r="E2924" s="549"/>
      <c r="F2924" s="549"/>
      <c r="G2924" s="478"/>
      <c r="H2924" s="549"/>
      <c r="I2924" s="504"/>
      <c r="J2924" s="503" t="s">
        <v>728</v>
      </c>
      <c r="K2924" s="502" t="s">
        <v>240</v>
      </c>
      <c r="L2924" s="501" t="s">
        <v>618</v>
      </c>
    </row>
    <row r="2925" spans="1:12" ht="16.149999999999999" customHeight="1">
      <c r="A2925" s="477" t="s">
        <v>651</v>
      </c>
      <c r="B2925" s="549"/>
      <c r="C2925" s="550"/>
      <c r="D2925" s="549"/>
      <c r="E2925" s="549"/>
      <c r="F2925" s="549"/>
      <c r="G2925" s="478"/>
      <c r="H2925" s="478"/>
      <c r="I2925" s="478"/>
      <c r="J2925" s="478"/>
      <c r="K2925" s="478"/>
      <c r="L2925" s="501"/>
    </row>
    <row r="2926" spans="1:12" ht="16.149999999999999" customHeight="1">
      <c r="A2926" s="498" t="s">
        <v>686</v>
      </c>
      <c r="B2926" s="500"/>
      <c r="C2926" s="499" t="s">
        <v>309</v>
      </c>
      <c r="D2926" s="499" t="s">
        <v>685</v>
      </c>
      <c r="E2926" s="499" t="s">
        <v>684</v>
      </c>
      <c r="F2926" s="499" t="s">
        <v>683</v>
      </c>
      <c r="G2926" s="498" t="s">
        <v>682</v>
      </c>
      <c r="H2926" s="497"/>
      <c r="I2926" s="497"/>
      <c r="J2926" s="497"/>
      <c r="K2926" s="497"/>
      <c r="L2926" s="496"/>
    </row>
    <row r="2927" spans="1:12" ht="16.149999999999999" customHeight="1">
      <c r="A2927" s="733" t="s">
        <v>725</v>
      </c>
      <c r="B2927" s="734"/>
      <c r="C2927" s="495"/>
      <c r="D2927" s="494"/>
      <c r="E2927" s="493"/>
      <c r="F2927" s="492"/>
      <c r="G2927" s="486" t="s">
        <v>651</v>
      </c>
      <c r="H2927" s="549"/>
      <c r="I2927" s="549"/>
      <c r="J2927" s="549"/>
      <c r="K2927" s="549"/>
      <c r="L2927" s="551"/>
    </row>
    <row r="2928" spans="1:12" ht="16.149999999999999" customHeight="1">
      <c r="A2928" s="735"/>
      <c r="B2928" s="736"/>
      <c r="C2928" s="490"/>
      <c r="D2928" s="489"/>
      <c r="E2928" s="491"/>
      <c r="F2928" s="487" t="s">
        <v>651</v>
      </c>
      <c r="G2928" s="486" t="s">
        <v>651</v>
      </c>
      <c r="H2928" s="549"/>
      <c r="I2928" s="549"/>
      <c r="J2928" s="549"/>
      <c r="K2928" s="549"/>
      <c r="L2928" s="551"/>
    </row>
    <row r="2929" spans="1:12" ht="16.149999999999999" customHeight="1">
      <c r="A2929" s="735" t="s">
        <v>651</v>
      </c>
      <c r="B2929" s="736"/>
      <c r="C2929" s="490" t="s">
        <v>248</v>
      </c>
      <c r="D2929" s="489"/>
      <c r="E2929" s="488"/>
      <c r="F2929" s="487"/>
      <c r="G2929" s="486" t="s">
        <v>651</v>
      </c>
      <c r="H2929" s="549"/>
      <c r="I2929" s="549"/>
      <c r="J2929" s="549"/>
      <c r="K2929" s="549"/>
      <c r="L2929" s="551"/>
    </row>
    <row r="2930" spans="1:12" ht="16.149999999999999" customHeight="1">
      <c r="A2930" s="737"/>
      <c r="B2930" s="738"/>
      <c r="C2930" s="485"/>
      <c r="D2930" s="484"/>
      <c r="E2930" s="483"/>
      <c r="F2930" s="482"/>
      <c r="G2930" s="481" t="s">
        <v>651</v>
      </c>
      <c r="H2930" s="476"/>
      <c r="I2930" s="476"/>
      <c r="J2930" s="476"/>
      <c r="K2930" s="476"/>
      <c r="L2930" s="475"/>
    </row>
    <row r="2931" spans="1:12" ht="16.149999999999999" customHeight="1">
      <c r="A2931" s="733" t="s">
        <v>721</v>
      </c>
      <c r="B2931" s="734"/>
      <c r="C2931" s="495"/>
      <c r="D2931" s="494"/>
      <c r="E2931" s="493"/>
      <c r="F2931" s="492"/>
      <c r="G2931" s="486" t="s">
        <v>651</v>
      </c>
      <c r="H2931" s="549"/>
      <c r="I2931" s="549"/>
      <c r="J2931" s="549"/>
      <c r="K2931" s="549"/>
      <c r="L2931" s="551"/>
    </row>
    <row r="2932" spans="1:12" ht="16.149999999999999" customHeight="1">
      <c r="A2932" s="735"/>
      <c r="B2932" s="736"/>
      <c r="C2932" s="490"/>
      <c r="D2932" s="489"/>
      <c r="E2932" s="491"/>
      <c r="F2932" s="487" t="s">
        <v>651</v>
      </c>
      <c r="G2932" s="486" t="s">
        <v>651</v>
      </c>
      <c r="H2932" s="549"/>
      <c r="I2932" s="549"/>
      <c r="J2932" s="549"/>
      <c r="K2932" s="549"/>
      <c r="L2932" s="551"/>
    </row>
    <row r="2933" spans="1:12" ht="16.149999999999999" customHeight="1">
      <c r="A2933" s="735" t="s">
        <v>651</v>
      </c>
      <c r="B2933" s="736"/>
      <c r="C2933" s="490" t="s">
        <v>248</v>
      </c>
      <c r="D2933" s="489"/>
      <c r="E2933" s="488"/>
      <c r="F2933" s="487"/>
      <c r="G2933" s="486" t="s">
        <v>651</v>
      </c>
      <c r="H2933" s="549"/>
      <c r="I2933" s="549"/>
      <c r="J2933" s="549"/>
      <c r="K2933" s="549"/>
      <c r="L2933" s="551"/>
    </row>
    <row r="2934" spans="1:12" ht="16.149999999999999" customHeight="1">
      <c r="A2934" s="737"/>
      <c r="B2934" s="738"/>
      <c r="C2934" s="485"/>
      <c r="D2934" s="484"/>
      <c r="E2934" s="483"/>
      <c r="F2934" s="482"/>
      <c r="G2934" s="481" t="s">
        <v>651</v>
      </c>
      <c r="H2934" s="476"/>
      <c r="I2934" s="476"/>
      <c r="J2934" s="476"/>
      <c r="K2934" s="476"/>
      <c r="L2934" s="475"/>
    </row>
    <row r="2935" spans="1:12" ht="16.149999999999999" customHeight="1">
      <c r="A2935" s="733" t="s">
        <v>250</v>
      </c>
      <c r="B2935" s="734"/>
      <c r="C2935" s="495"/>
      <c r="D2935" s="494"/>
      <c r="E2935" s="493"/>
      <c r="F2935" s="492"/>
      <c r="G2935" s="486" t="s">
        <v>651</v>
      </c>
      <c r="H2935" s="549"/>
      <c r="I2935" s="549"/>
      <c r="J2935" s="549"/>
      <c r="K2935" s="549"/>
      <c r="L2935" s="551"/>
    </row>
    <row r="2936" spans="1:12" ht="16.149999999999999" customHeight="1">
      <c r="A2936" s="735"/>
      <c r="B2936" s="736"/>
      <c r="C2936" s="490"/>
      <c r="D2936" s="489"/>
      <c r="E2936" s="491"/>
      <c r="F2936" s="487" t="s">
        <v>651</v>
      </c>
      <c r="G2936" s="486" t="s">
        <v>651</v>
      </c>
      <c r="H2936" s="549"/>
      <c r="I2936" s="549"/>
      <c r="J2936" s="549"/>
      <c r="K2936" s="549"/>
      <c r="L2936" s="551"/>
    </row>
    <row r="2937" spans="1:12" ht="16.149999999999999" customHeight="1">
      <c r="A2937" s="735" t="s">
        <v>651</v>
      </c>
      <c r="B2937" s="736"/>
      <c r="C2937" s="490" t="s">
        <v>248</v>
      </c>
      <c r="D2937" s="489"/>
      <c r="E2937" s="488"/>
      <c r="F2937" s="487"/>
      <c r="G2937" s="486" t="s">
        <v>651</v>
      </c>
      <c r="H2937" s="549"/>
      <c r="I2937" s="549"/>
      <c r="J2937" s="549"/>
      <c r="K2937" s="549"/>
      <c r="L2937" s="551"/>
    </row>
    <row r="2938" spans="1:12" ht="16.149999999999999" customHeight="1">
      <c r="A2938" s="737"/>
      <c r="B2938" s="738"/>
      <c r="C2938" s="485"/>
      <c r="D2938" s="484"/>
      <c r="E2938" s="483"/>
      <c r="F2938" s="482"/>
      <c r="G2938" s="481" t="s">
        <v>651</v>
      </c>
      <c r="H2938" s="476"/>
      <c r="I2938" s="476"/>
      <c r="J2938" s="476"/>
      <c r="K2938" s="476"/>
      <c r="L2938" s="475"/>
    </row>
    <row r="2941" spans="1:12" ht="16.149999999999999" customHeight="1">
      <c r="A2941" s="507" t="s">
        <v>651</v>
      </c>
      <c r="B2941" s="479" t="s">
        <v>736</v>
      </c>
      <c r="C2941" s="480"/>
      <c r="D2941" s="479"/>
      <c r="E2941" s="479"/>
      <c r="F2941" s="479"/>
      <c r="G2941" s="479"/>
      <c r="H2941" s="479" t="s">
        <v>617</v>
      </c>
      <c r="I2941" s="480" t="s">
        <v>735</v>
      </c>
      <c r="J2941" s="479" t="s">
        <v>689</v>
      </c>
      <c r="K2941" s="479" t="s">
        <v>688</v>
      </c>
      <c r="L2941" s="506"/>
    </row>
    <row r="2942" spans="1:12" ht="16.149999999999999" customHeight="1">
      <c r="A2942" s="505" t="s">
        <v>651</v>
      </c>
      <c r="B2942" s="549" t="s">
        <v>1111</v>
      </c>
      <c r="C2942" s="550"/>
      <c r="D2942" s="549"/>
      <c r="E2942" s="549"/>
      <c r="F2942" s="549"/>
      <c r="G2942" s="478"/>
      <c r="H2942" s="549"/>
      <c r="I2942" s="504"/>
      <c r="J2942" s="503" t="s">
        <v>728</v>
      </c>
      <c r="K2942" s="502" t="s">
        <v>240</v>
      </c>
      <c r="L2942" s="501" t="s">
        <v>618</v>
      </c>
    </row>
    <row r="2943" spans="1:12" ht="16.149999999999999" customHeight="1">
      <c r="A2943" s="477" t="s">
        <v>651</v>
      </c>
      <c r="B2943" s="549"/>
      <c r="C2943" s="550"/>
      <c r="D2943" s="549"/>
      <c r="E2943" s="549"/>
      <c r="F2943" s="549"/>
      <c r="G2943" s="478"/>
      <c r="H2943" s="478"/>
      <c r="I2943" s="478"/>
      <c r="J2943" s="478"/>
      <c r="K2943" s="478"/>
      <c r="L2943" s="501"/>
    </row>
    <row r="2944" spans="1:12" ht="16.149999999999999" customHeight="1">
      <c r="A2944" s="498" t="s">
        <v>686</v>
      </c>
      <c r="B2944" s="500"/>
      <c r="C2944" s="499" t="s">
        <v>309</v>
      </c>
      <c r="D2944" s="499" t="s">
        <v>685</v>
      </c>
      <c r="E2944" s="499" t="s">
        <v>684</v>
      </c>
      <c r="F2944" s="499" t="s">
        <v>683</v>
      </c>
      <c r="G2944" s="498" t="s">
        <v>682</v>
      </c>
      <c r="H2944" s="497"/>
      <c r="I2944" s="497"/>
      <c r="J2944" s="497"/>
      <c r="K2944" s="497"/>
      <c r="L2944" s="496"/>
    </row>
    <row r="2945" spans="1:12" ht="16.149999999999999" customHeight="1">
      <c r="A2945" s="733" t="s">
        <v>733</v>
      </c>
      <c r="B2945" s="734"/>
      <c r="C2945" s="495"/>
      <c r="D2945" s="494"/>
      <c r="E2945" s="493"/>
      <c r="F2945" s="492"/>
      <c r="G2945" s="486" t="s">
        <v>734</v>
      </c>
      <c r="H2945" s="549"/>
      <c r="I2945" s="549"/>
      <c r="J2945" s="549"/>
      <c r="K2945" s="549"/>
      <c r="L2945" s="551"/>
    </row>
    <row r="2946" spans="1:12" ht="16.149999999999999" customHeight="1">
      <c r="A2946" s="735"/>
      <c r="B2946" s="736"/>
      <c r="C2946" s="490"/>
      <c r="D2946" s="489"/>
      <c r="E2946" s="491"/>
      <c r="F2946" s="487" t="s">
        <v>651</v>
      </c>
      <c r="G2946" s="486" t="s">
        <v>651</v>
      </c>
      <c r="H2946" s="549"/>
      <c r="I2946" s="549"/>
      <c r="J2946" s="549"/>
      <c r="K2946" s="549"/>
      <c r="L2946" s="551"/>
    </row>
    <row r="2947" spans="1:12" ht="16.149999999999999" customHeight="1">
      <c r="A2947" s="735" t="s">
        <v>1661</v>
      </c>
      <c r="B2947" s="736"/>
      <c r="C2947" s="490" t="s">
        <v>731</v>
      </c>
      <c r="D2947" s="489"/>
      <c r="E2947" s="488"/>
      <c r="F2947" s="487"/>
      <c r="G2947" s="486" t="s">
        <v>651</v>
      </c>
      <c r="H2947" s="549"/>
      <c r="I2947" s="549"/>
      <c r="J2947" s="549"/>
      <c r="K2947" s="549"/>
      <c r="L2947" s="551"/>
    </row>
    <row r="2948" spans="1:12" ht="16.149999999999999" customHeight="1">
      <c r="A2948" s="737"/>
      <c r="B2948" s="738"/>
      <c r="C2948" s="485"/>
      <c r="D2948" s="484"/>
      <c r="E2948" s="483"/>
      <c r="F2948" s="482"/>
      <c r="G2948" s="481" t="s">
        <v>651</v>
      </c>
      <c r="H2948" s="476"/>
      <c r="I2948" s="476"/>
      <c r="J2948" s="476"/>
      <c r="K2948" s="476"/>
      <c r="L2948" s="475"/>
    </row>
    <row r="2949" spans="1:12" ht="16.149999999999999" customHeight="1">
      <c r="A2949" s="733" t="s">
        <v>700</v>
      </c>
      <c r="B2949" s="734"/>
      <c r="C2949" s="495"/>
      <c r="D2949" s="494"/>
      <c r="E2949" s="493"/>
      <c r="F2949" s="492"/>
      <c r="G2949" s="486" t="s">
        <v>651</v>
      </c>
      <c r="H2949" s="549"/>
      <c r="I2949" s="549"/>
      <c r="J2949" s="549"/>
      <c r="K2949" s="549"/>
      <c r="L2949" s="551"/>
    </row>
    <row r="2950" spans="1:12" ht="16.149999999999999" customHeight="1">
      <c r="A2950" s="735"/>
      <c r="B2950" s="736"/>
      <c r="C2950" s="490"/>
      <c r="D2950" s="489"/>
      <c r="E2950" s="491"/>
      <c r="F2950" s="487" t="s">
        <v>651</v>
      </c>
      <c r="G2950" s="486" t="s">
        <v>651</v>
      </c>
      <c r="H2950" s="549"/>
      <c r="I2950" s="549"/>
      <c r="J2950" s="549"/>
      <c r="K2950" s="549"/>
      <c r="L2950" s="551"/>
    </row>
    <row r="2951" spans="1:12" ht="16.149999999999999" customHeight="1">
      <c r="A2951" s="735" t="s">
        <v>651</v>
      </c>
      <c r="B2951" s="736"/>
      <c r="C2951" s="490" t="s">
        <v>242</v>
      </c>
      <c r="D2951" s="489">
        <v>1</v>
      </c>
      <c r="E2951" s="488"/>
      <c r="F2951" s="487"/>
      <c r="G2951" s="486" t="s">
        <v>651</v>
      </c>
      <c r="H2951" s="549"/>
      <c r="I2951" s="549"/>
      <c r="J2951" s="549"/>
      <c r="K2951" s="549"/>
      <c r="L2951" s="551"/>
    </row>
    <row r="2952" spans="1:12" ht="16.149999999999999" customHeight="1">
      <c r="A2952" s="737"/>
      <c r="B2952" s="738"/>
      <c r="C2952" s="485"/>
      <c r="D2952" s="484"/>
      <c r="E2952" s="483"/>
      <c r="F2952" s="482"/>
      <c r="G2952" s="481" t="s">
        <v>651</v>
      </c>
      <c r="H2952" s="476"/>
      <c r="I2952" s="476"/>
      <c r="J2952" s="476"/>
      <c r="K2952" s="476"/>
      <c r="L2952" s="475"/>
    </row>
    <row r="2953" spans="1:12" ht="16.149999999999999" customHeight="1">
      <c r="A2953" s="733" t="s">
        <v>651</v>
      </c>
      <c r="B2953" s="734"/>
      <c r="C2953" s="495"/>
      <c r="D2953" s="494"/>
      <c r="E2953" s="493"/>
      <c r="F2953" s="492"/>
      <c r="G2953" s="486" t="s">
        <v>651</v>
      </c>
      <c r="H2953" s="549"/>
      <c r="I2953" s="549"/>
      <c r="J2953" s="549"/>
      <c r="K2953" s="549"/>
      <c r="L2953" s="551"/>
    </row>
    <row r="2954" spans="1:12" ht="16.149999999999999" customHeight="1">
      <c r="A2954" s="735"/>
      <c r="B2954" s="736"/>
      <c r="C2954" s="490"/>
      <c r="D2954" s="489"/>
      <c r="E2954" s="491"/>
      <c r="F2954" s="487" t="s">
        <v>651</v>
      </c>
      <c r="G2954" s="486" t="s">
        <v>651</v>
      </c>
      <c r="H2954" s="549"/>
      <c r="I2954" s="549"/>
      <c r="J2954" s="549"/>
      <c r="K2954" s="549"/>
      <c r="L2954" s="551"/>
    </row>
    <row r="2955" spans="1:12" ht="16.149999999999999" customHeight="1">
      <c r="A2955" s="735" t="s">
        <v>691</v>
      </c>
      <c r="B2955" s="736"/>
      <c r="C2955" s="490" t="s">
        <v>240</v>
      </c>
      <c r="D2955" s="489">
        <v>133.19999999999999</v>
      </c>
      <c r="E2955" s="488"/>
      <c r="F2955" s="487"/>
      <c r="G2955" s="486" t="s">
        <v>651</v>
      </c>
      <c r="H2955" s="549"/>
      <c r="I2955" s="549"/>
      <c r="J2955" s="549"/>
      <c r="K2955" s="549"/>
      <c r="L2955" s="551"/>
    </row>
    <row r="2956" spans="1:12" ht="16.149999999999999" customHeight="1">
      <c r="A2956" s="737"/>
      <c r="B2956" s="738"/>
      <c r="C2956" s="485"/>
      <c r="D2956" s="484"/>
      <c r="E2956" s="483"/>
      <c r="F2956" s="482"/>
      <c r="G2956" s="481" t="s">
        <v>651</v>
      </c>
      <c r="H2956" s="476"/>
      <c r="I2956" s="476"/>
      <c r="J2956" s="476"/>
      <c r="K2956" s="476"/>
      <c r="L2956" s="475"/>
    </row>
    <row r="2957" spans="1:12" ht="16.149999999999999" customHeight="1">
      <c r="A2957" s="733" t="s">
        <v>651</v>
      </c>
      <c r="B2957" s="734"/>
      <c r="C2957" s="495"/>
      <c r="D2957" s="494"/>
      <c r="E2957" s="493"/>
      <c r="F2957" s="492"/>
      <c r="G2957" s="486" t="s">
        <v>651</v>
      </c>
      <c r="H2957" s="549"/>
      <c r="I2957" s="549"/>
      <c r="J2957" s="549"/>
      <c r="K2957" s="549"/>
      <c r="L2957" s="551"/>
    </row>
    <row r="2958" spans="1:12" ht="16.149999999999999" customHeight="1">
      <c r="A2958" s="735"/>
      <c r="B2958" s="736"/>
      <c r="C2958" s="490"/>
      <c r="D2958" s="489"/>
      <c r="E2958" s="491"/>
      <c r="F2958" s="487" t="s">
        <v>651</v>
      </c>
      <c r="G2958" s="486" t="s">
        <v>651</v>
      </c>
      <c r="H2958" s="549"/>
      <c r="I2958" s="549"/>
      <c r="J2958" s="549"/>
      <c r="K2958" s="549"/>
      <c r="L2958" s="551"/>
    </row>
    <row r="2959" spans="1:12" ht="16.149999999999999" customHeight="1">
      <c r="A2959" s="735" t="s">
        <v>681</v>
      </c>
      <c r="B2959" s="736"/>
      <c r="C2959" s="490" t="s">
        <v>240</v>
      </c>
      <c r="D2959" s="489">
        <v>1</v>
      </c>
      <c r="E2959" s="488" t="s">
        <v>618</v>
      </c>
      <c r="F2959" s="487"/>
      <c r="G2959" s="486" t="s">
        <v>651</v>
      </c>
      <c r="H2959" s="549"/>
      <c r="I2959" s="549"/>
      <c r="J2959" s="549"/>
      <c r="K2959" s="549"/>
      <c r="L2959" s="551"/>
    </row>
    <row r="2960" spans="1:12" ht="16.149999999999999" customHeight="1">
      <c r="A2960" s="737"/>
      <c r="B2960" s="738"/>
      <c r="C2960" s="485"/>
      <c r="D2960" s="484"/>
      <c r="E2960" s="483"/>
      <c r="F2960" s="482"/>
      <c r="G2960" s="481" t="s">
        <v>651</v>
      </c>
      <c r="H2960" s="476"/>
      <c r="I2960" s="476"/>
      <c r="J2960" s="476"/>
      <c r="K2960" s="476"/>
      <c r="L2960" s="475"/>
    </row>
    <row r="2962" spans="1:12" ht="16.149999999999999" customHeight="1">
      <c r="A2962" s="507" t="s">
        <v>651</v>
      </c>
      <c r="B2962" s="479" t="s">
        <v>730</v>
      </c>
      <c r="C2962" s="480"/>
      <c r="D2962" s="479"/>
      <c r="E2962" s="479"/>
      <c r="F2962" s="479"/>
      <c r="G2962" s="479"/>
      <c r="H2962" s="479" t="s">
        <v>617</v>
      </c>
      <c r="I2962" s="480" t="s">
        <v>729</v>
      </c>
      <c r="J2962" s="479" t="s">
        <v>689</v>
      </c>
      <c r="K2962" s="479" t="s">
        <v>688</v>
      </c>
      <c r="L2962" s="506"/>
    </row>
    <row r="2963" spans="1:12" ht="16.149999999999999" customHeight="1">
      <c r="A2963" s="505" t="s">
        <v>651</v>
      </c>
      <c r="B2963" s="549" t="s">
        <v>1111</v>
      </c>
      <c r="C2963" s="550"/>
      <c r="D2963" s="549"/>
      <c r="E2963" s="549"/>
      <c r="F2963" s="549"/>
      <c r="G2963" s="478"/>
      <c r="H2963" s="549"/>
      <c r="I2963" s="504"/>
      <c r="J2963" s="503" t="s">
        <v>728</v>
      </c>
      <c r="K2963" s="502" t="s">
        <v>240</v>
      </c>
      <c r="L2963" s="501" t="s">
        <v>618</v>
      </c>
    </row>
    <row r="2964" spans="1:12" ht="16.149999999999999" customHeight="1">
      <c r="A2964" s="477" t="s">
        <v>651</v>
      </c>
      <c r="B2964" s="549"/>
      <c r="C2964" s="550"/>
      <c r="D2964" s="549"/>
      <c r="E2964" s="549"/>
      <c r="F2964" s="549"/>
      <c r="G2964" s="478"/>
      <c r="H2964" s="478"/>
      <c r="I2964" s="478"/>
      <c r="J2964" s="478"/>
      <c r="K2964" s="478"/>
      <c r="L2964" s="501"/>
    </row>
    <row r="2965" spans="1:12" ht="16.149999999999999" customHeight="1">
      <c r="A2965" s="498" t="s">
        <v>686</v>
      </c>
      <c r="B2965" s="500"/>
      <c r="C2965" s="499" t="s">
        <v>309</v>
      </c>
      <c r="D2965" s="499" t="s">
        <v>685</v>
      </c>
      <c r="E2965" s="499" t="s">
        <v>684</v>
      </c>
      <c r="F2965" s="499" t="s">
        <v>683</v>
      </c>
      <c r="G2965" s="498" t="s">
        <v>682</v>
      </c>
      <c r="H2965" s="497"/>
      <c r="I2965" s="497"/>
      <c r="J2965" s="497"/>
      <c r="K2965" s="497"/>
      <c r="L2965" s="496"/>
    </row>
    <row r="2966" spans="1:12" ht="16.149999999999999" customHeight="1">
      <c r="A2966" s="733" t="s">
        <v>725</v>
      </c>
      <c r="B2966" s="734"/>
      <c r="C2966" s="495"/>
      <c r="D2966" s="494"/>
      <c r="E2966" s="493"/>
      <c r="F2966" s="492"/>
      <c r="G2966" s="486" t="s">
        <v>651</v>
      </c>
      <c r="H2966" s="549"/>
      <c r="I2966" s="549"/>
      <c r="J2966" s="549"/>
      <c r="K2966" s="549"/>
      <c r="L2966" s="551"/>
    </row>
    <row r="2967" spans="1:12" ht="16.149999999999999" customHeight="1">
      <c r="A2967" s="735"/>
      <c r="B2967" s="736"/>
      <c r="C2967" s="490"/>
      <c r="D2967" s="489"/>
      <c r="E2967" s="491"/>
      <c r="F2967" s="487" t="s">
        <v>651</v>
      </c>
      <c r="G2967" s="486" t="s">
        <v>651</v>
      </c>
      <c r="H2967" s="549"/>
      <c r="I2967" s="549"/>
      <c r="J2967" s="549"/>
      <c r="K2967" s="549"/>
      <c r="L2967" s="551"/>
    </row>
    <row r="2968" spans="1:12" ht="16.149999999999999" customHeight="1">
      <c r="A2968" s="735" t="s">
        <v>651</v>
      </c>
      <c r="B2968" s="736"/>
      <c r="C2968" s="490" t="s">
        <v>248</v>
      </c>
      <c r="D2968" s="489"/>
      <c r="E2968" s="488"/>
      <c r="F2968" s="487"/>
      <c r="G2968" s="486" t="s">
        <v>651</v>
      </c>
      <c r="H2968" s="549"/>
      <c r="I2968" s="549"/>
      <c r="J2968" s="549"/>
      <c r="K2968" s="549"/>
      <c r="L2968" s="551"/>
    </row>
    <row r="2969" spans="1:12" ht="16.149999999999999" customHeight="1">
      <c r="A2969" s="737"/>
      <c r="B2969" s="738"/>
      <c r="C2969" s="485"/>
      <c r="D2969" s="484"/>
      <c r="E2969" s="483"/>
      <c r="F2969" s="482"/>
      <c r="G2969" s="481" t="s">
        <v>651</v>
      </c>
      <c r="H2969" s="476"/>
      <c r="I2969" s="476"/>
      <c r="J2969" s="476"/>
      <c r="K2969" s="476"/>
      <c r="L2969" s="475"/>
    </row>
    <row r="2970" spans="1:12" ht="16.149999999999999" customHeight="1">
      <c r="A2970" s="733" t="s">
        <v>721</v>
      </c>
      <c r="B2970" s="734"/>
      <c r="C2970" s="495"/>
      <c r="D2970" s="494"/>
      <c r="E2970" s="493"/>
      <c r="F2970" s="492"/>
      <c r="G2970" s="486" t="s">
        <v>651</v>
      </c>
      <c r="H2970" s="549"/>
      <c r="I2970" s="549"/>
      <c r="J2970" s="549"/>
      <c r="K2970" s="549"/>
      <c r="L2970" s="551"/>
    </row>
    <row r="2971" spans="1:12" ht="16.149999999999999" customHeight="1">
      <c r="A2971" s="735"/>
      <c r="B2971" s="736"/>
      <c r="C2971" s="490"/>
      <c r="D2971" s="489"/>
      <c r="E2971" s="491"/>
      <c r="F2971" s="487" t="s">
        <v>651</v>
      </c>
      <c r="G2971" s="486" t="s">
        <v>651</v>
      </c>
      <c r="H2971" s="549"/>
      <c r="I2971" s="549"/>
      <c r="J2971" s="549"/>
      <c r="K2971" s="549"/>
      <c r="L2971" s="551"/>
    </row>
    <row r="2972" spans="1:12" ht="16.149999999999999" customHeight="1">
      <c r="A2972" s="735" t="s">
        <v>651</v>
      </c>
      <c r="B2972" s="736"/>
      <c r="C2972" s="490" t="s">
        <v>248</v>
      </c>
      <c r="D2972" s="489"/>
      <c r="E2972" s="488"/>
      <c r="F2972" s="487"/>
      <c r="G2972" s="486" t="s">
        <v>651</v>
      </c>
      <c r="H2972" s="549"/>
      <c r="I2972" s="549"/>
      <c r="J2972" s="549"/>
      <c r="K2972" s="549"/>
      <c r="L2972" s="551"/>
    </row>
    <row r="2973" spans="1:12" ht="16.149999999999999" customHeight="1">
      <c r="A2973" s="737"/>
      <c r="B2973" s="738"/>
      <c r="C2973" s="485"/>
      <c r="D2973" s="484"/>
      <c r="E2973" s="483"/>
      <c r="F2973" s="482"/>
      <c r="G2973" s="481" t="s">
        <v>651</v>
      </c>
      <c r="H2973" s="476"/>
      <c r="I2973" s="476"/>
      <c r="J2973" s="476"/>
      <c r="K2973" s="476"/>
      <c r="L2973" s="475"/>
    </row>
    <row r="2976" spans="1:12" ht="16.149999999999999" customHeight="1">
      <c r="A2976" s="507" t="s">
        <v>651</v>
      </c>
      <c r="B2976" s="479" t="s">
        <v>730</v>
      </c>
      <c r="C2976" s="480"/>
      <c r="D2976" s="479"/>
      <c r="E2976" s="479"/>
      <c r="F2976" s="479"/>
      <c r="G2976" s="479"/>
      <c r="H2976" s="479" t="s">
        <v>617</v>
      </c>
      <c r="I2976" s="480" t="s">
        <v>729</v>
      </c>
      <c r="J2976" s="479" t="s">
        <v>689</v>
      </c>
      <c r="K2976" s="479" t="s">
        <v>688</v>
      </c>
      <c r="L2976" s="506"/>
    </row>
    <row r="2977" spans="1:12" ht="16.149999999999999" customHeight="1">
      <c r="A2977" s="505" t="s">
        <v>651</v>
      </c>
      <c r="B2977" s="549" t="s">
        <v>1111</v>
      </c>
      <c r="C2977" s="550"/>
      <c r="D2977" s="549"/>
      <c r="E2977" s="549"/>
      <c r="F2977" s="549"/>
      <c r="G2977" s="478"/>
      <c r="H2977" s="549"/>
      <c r="I2977" s="504"/>
      <c r="J2977" s="503" t="s">
        <v>728</v>
      </c>
      <c r="K2977" s="502" t="s">
        <v>240</v>
      </c>
      <c r="L2977" s="501" t="s">
        <v>618</v>
      </c>
    </row>
    <row r="2978" spans="1:12" ht="16.149999999999999" customHeight="1">
      <c r="A2978" s="477" t="s">
        <v>651</v>
      </c>
      <c r="B2978" s="549"/>
      <c r="C2978" s="550"/>
      <c r="D2978" s="549"/>
      <c r="E2978" s="549"/>
      <c r="F2978" s="549"/>
      <c r="G2978" s="478"/>
      <c r="H2978" s="478"/>
      <c r="I2978" s="478"/>
      <c r="J2978" s="478"/>
      <c r="K2978" s="478"/>
      <c r="L2978" s="501"/>
    </row>
    <row r="2979" spans="1:12" ht="16.149999999999999" customHeight="1">
      <c r="A2979" s="498" t="s">
        <v>686</v>
      </c>
      <c r="B2979" s="500"/>
      <c r="C2979" s="499" t="s">
        <v>309</v>
      </c>
      <c r="D2979" s="499" t="s">
        <v>685</v>
      </c>
      <c r="E2979" s="499" t="s">
        <v>684</v>
      </c>
      <c r="F2979" s="499" t="s">
        <v>683</v>
      </c>
      <c r="G2979" s="498" t="s">
        <v>682</v>
      </c>
      <c r="H2979" s="497"/>
      <c r="I2979" s="497"/>
      <c r="J2979" s="497"/>
      <c r="K2979" s="497"/>
      <c r="L2979" s="496"/>
    </row>
    <row r="2980" spans="1:12" ht="16.149999999999999" customHeight="1">
      <c r="A2980" s="733" t="s">
        <v>250</v>
      </c>
      <c r="B2980" s="734"/>
      <c r="C2980" s="495"/>
      <c r="D2980" s="494"/>
      <c r="E2980" s="493"/>
      <c r="F2980" s="492"/>
      <c r="G2980" s="486" t="s">
        <v>651</v>
      </c>
      <c r="H2980" s="549"/>
      <c r="I2980" s="549"/>
      <c r="J2980" s="549"/>
      <c r="K2980" s="549"/>
      <c r="L2980" s="551"/>
    </row>
    <row r="2981" spans="1:12" ht="16.149999999999999" customHeight="1">
      <c r="A2981" s="735"/>
      <c r="B2981" s="736"/>
      <c r="C2981" s="490"/>
      <c r="D2981" s="489"/>
      <c r="E2981" s="491"/>
      <c r="F2981" s="487" t="s">
        <v>651</v>
      </c>
      <c r="G2981" s="486" t="s">
        <v>651</v>
      </c>
      <c r="H2981" s="549"/>
      <c r="I2981" s="549"/>
      <c r="J2981" s="549"/>
      <c r="K2981" s="549"/>
      <c r="L2981" s="551"/>
    </row>
    <row r="2982" spans="1:12" ht="16.149999999999999" customHeight="1">
      <c r="A2982" s="735" t="s">
        <v>651</v>
      </c>
      <c r="B2982" s="736"/>
      <c r="C2982" s="490" t="s">
        <v>248</v>
      </c>
      <c r="D2982" s="489"/>
      <c r="E2982" s="488"/>
      <c r="F2982" s="487"/>
      <c r="G2982" s="486" t="s">
        <v>651</v>
      </c>
      <c r="H2982" s="549"/>
      <c r="I2982" s="549"/>
      <c r="J2982" s="549"/>
      <c r="K2982" s="549"/>
      <c r="L2982" s="551"/>
    </row>
    <row r="2983" spans="1:12" ht="16.149999999999999" customHeight="1">
      <c r="A2983" s="737"/>
      <c r="B2983" s="738"/>
      <c r="C2983" s="485"/>
      <c r="D2983" s="484"/>
      <c r="E2983" s="483"/>
      <c r="F2983" s="482"/>
      <c r="G2983" s="481" t="s">
        <v>651</v>
      </c>
      <c r="H2983" s="476"/>
      <c r="I2983" s="476"/>
      <c r="J2983" s="476"/>
      <c r="K2983" s="476"/>
      <c r="L2983" s="475"/>
    </row>
    <row r="2984" spans="1:12" ht="16.149999999999999" customHeight="1">
      <c r="A2984" s="733" t="s">
        <v>733</v>
      </c>
      <c r="B2984" s="734"/>
      <c r="C2984" s="495"/>
      <c r="D2984" s="494"/>
      <c r="E2984" s="493"/>
      <c r="F2984" s="492"/>
      <c r="G2984" s="486" t="s">
        <v>732</v>
      </c>
      <c r="H2984" s="549"/>
      <c r="I2984" s="549"/>
      <c r="J2984" s="549"/>
      <c r="K2984" s="549"/>
      <c r="L2984" s="551"/>
    </row>
    <row r="2985" spans="1:12" ht="16.149999999999999" customHeight="1">
      <c r="A2985" s="735"/>
      <c r="B2985" s="736"/>
      <c r="C2985" s="490"/>
      <c r="D2985" s="489"/>
      <c r="E2985" s="491"/>
      <c r="F2985" s="487" t="s">
        <v>651</v>
      </c>
      <c r="G2985" s="486" t="s">
        <v>651</v>
      </c>
      <c r="H2985" s="549"/>
      <c r="I2985" s="549"/>
      <c r="J2985" s="549"/>
      <c r="K2985" s="549"/>
      <c r="L2985" s="551"/>
    </row>
    <row r="2986" spans="1:12" ht="16.149999999999999" customHeight="1">
      <c r="A2986" s="735" t="s">
        <v>1660</v>
      </c>
      <c r="B2986" s="736"/>
      <c r="C2986" s="490" t="s">
        <v>731</v>
      </c>
      <c r="D2986" s="489"/>
      <c r="E2986" s="488"/>
      <c r="F2986" s="487"/>
      <c r="G2986" s="486" t="s">
        <v>651</v>
      </c>
      <c r="H2986" s="549"/>
      <c r="I2986" s="549"/>
      <c r="J2986" s="549"/>
      <c r="K2986" s="549"/>
      <c r="L2986" s="551"/>
    </row>
    <row r="2987" spans="1:12" ht="16.149999999999999" customHeight="1">
      <c r="A2987" s="737"/>
      <c r="B2987" s="738"/>
      <c r="C2987" s="485"/>
      <c r="D2987" s="484"/>
      <c r="E2987" s="483"/>
      <c r="F2987" s="482"/>
      <c r="G2987" s="481" t="s">
        <v>651</v>
      </c>
      <c r="H2987" s="476"/>
      <c r="I2987" s="476"/>
      <c r="J2987" s="476"/>
      <c r="K2987" s="476"/>
      <c r="L2987" s="475"/>
    </row>
    <row r="2988" spans="1:12" ht="16.149999999999999" customHeight="1">
      <c r="A2988" s="733" t="s">
        <v>700</v>
      </c>
      <c r="B2988" s="734"/>
      <c r="C2988" s="495"/>
      <c r="D2988" s="494"/>
      <c r="E2988" s="493"/>
      <c r="F2988" s="492"/>
      <c r="G2988" s="486" t="s">
        <v>651</v>
      </c>
      <c r="H2988" s="549"/>
      <c r="I2988" s="549"/>
      <c r="J2988" s="549"/>
      <c r="K2988" s="549"/>
      <c r="L2988" s="551"/>
    </row>
    <row r="2989" spans="1:12" ht="16.149999999999999" customHeight="1">
      <c r="A2989" s="735"/>
      <c r="B2989" s="736"/>
      <c r="C2989" s="490"/>
      <c r="D2989" s="489"/>
      <c r="E2989" s="491"/>
      <c r="F2989" s="487" t="s">
        <v>651</v>
      </c>
      <c r="G2989" s="486" t="s">
        <v>651</v>
      </c>
      <c r="H2989" s="549"/>
      <c r="I2989" s="549"/>
      <c r="J2989" s="549"/>
      <c r="K2989" s="549"/>
      <c r="L2989" s="551"/>
    </row>
    <row r="2990" spans="1:12" ht="16.149999999999999" customHeight="1">
      <c r="A2990" s="735" t="s">
        <v>651</v>
      </c>
      <c r="B2990" s="736"/>
      <c r="C2990" s="490" t="s">
        <v>242</v>
      </c>
      <c r="D2990" s="489">
        <v>1</v>
      </c>
      <c r="E2990" s="488"/>
      <c r="F2990" s="487"/>
      <c r="G2990" s="486" t="s">
        <v>651</v>
      </c>
      <c r="H2990" s="549"/>
      <c r="I2990" s="549"/>
      <c r="J2990" s="549"/>
      <c r="K2990" s="549"/>
      <c r="L2990" s="551"/>
    </row>
    <row r="2991" spans="1:12" ht="16.149999999999999" customHeight="1">
      <c r="A2991" s="737"/>
      <c r="B2991" s="738"/>
      <c r="C2991" s="485"/>
      <c r="D2991" s="484"/>
      <c r="E2991" s="483"/>
      <c r="F2991" s="482"/>
      <c r="G2991" s="481" t="s">
        <v>651</v>
      </c>
      <c r="H2991" s="476"/>
      <c r="I2991" s="476"/>
      <c r="J2991" s="476"/>
      <c r="K2991" s="476"/>
      <c r="L2991" s="475"/>
    </row>
    <row r="2992" spans="1:12" ht="16.149999999999999" customHeight="1">
      <c r="A2992" s="733" t="s">
        <v>651</v>
      </c>
      <c r="B2992" s="734"/>
      <c r="C2992" s="495"/>
      <c r="D2992" s="494"/>
      <c r="E2992" s="493"/>
      <c r="F2992" s="492"/>
      <c r="G2992" s="486" t="s">
        <v>651</v>
      </c>
      <c r="H2992" s="549"/>
      <c r="I2992" s="549"/>
      <c r="J2992" s="549"/>
      <c r="K2992" s="549"/>
      <c r="L2992" s="551"/>
    </row>
    <row r="2993" spans="1:12" ht="16.149999999999999" customHeight="1">
      <c r="A2993" s="735"/>
      <c r="B2993" s="736"/>
      <c r="C2993" s="490"/>
      <c r="D2993" s="489"/>
      <c r="E2993" s="491"/>
      <c r="F2993" s="487" t="s">
        <v>651</v>
      </c>
      <c r="G2993" s="486" t="s">
        <v>651</v>
      </c>
      <c r="H2993" s="549"/>
      <c r="I2993" s="549"/>
      <c r="J2993" s="549"/>
      <c r="K2993" s="549"/>
      <c r="L2993" s="551"/>
    </row>
    <row r="2994" spans="1:12" ht="16.149999999999999" customHeight="1">
      <c r="A2994" s="735" t="s">
        <v>691</v>
      </c>
      <c r="B2994" s="736"/>
      <c r="C2994" s="490" t="s">
        <v>240</v>
      </c>
      <c r="D2994" s="489">
        <v>133.19999999999999</v>
      </c>
      <c r="E2994" s="488"/>
      <c r="F2994" s="487"/>
      <c r="G2994" s="486" t="s">
        <v>651</v>
      </c>
      <c r="H2994" s="549"/>
      <c r="I2994" s="549"/>
      <c r="J2994" s="549"/>
      <c r="K2994" s="549"/>
      <c r="L2994" s="551"/>
    </row>
    <row r="2995" spans="1:12" ht="16.149999999999999" customHeight="1">
      <c r="A2995" s="737"/>
      <c r="B2995" s="738"/>
      <c r="C2995" s="485"/>
      <c r="D2995" s="484"/>
      <c r="E2995" s="483"/>
      <c r="F2995" s="482"/>
      <c r="G2995" s="481" t="s">
        <v>651</v>
      </c>
      <c r="H2995" s="476"/>
      <c r="I2995" s="476"/>
      <c r="J2995" s="476"/>
      <c r="K2995" s="476"/>
      <c r="L2995" s="475"/>
    </row>
    <row r="2996" spans="1:12" ht="16.149999999999999" customHeight="1">
      <c r="A2996" s="733" t="s">
        <v>651</v>
      </c>
      <c r="B2996" s="734"/>
      <c r="C2996" s="495"/>
      <c r="D2996" s="494"/>
      <c r="E2996" s="493"/>
      <c r="F2996" s="492"/>
      <c r="G2996" s="486" t="s">
        <v>651</v>
      </c>
      <c r="H2996" s="549"/>
      <c r="I2996" s="549"/>
      <c r="J2996" s="549"/>
      <c r="K2996" s="549"/>
      <c r="L2996" s="551"/>
    </row>
    <row r="2997" spans="1:12" ht="16.149999999999999" customHeight="1">
      <c r="A2997" s="735"/>
      <c r="B2997" s="736"/>
      <c r="C2997" s="490"/>
      <c r="D2997" s="489"/>
      <c r="E2997" s="491"/>
      <c r="F2997" s="487" t="s">
        <v>651</v>
      </c>
      <c r="G2997" s="486" t="s">
        <v>651</v>
      </c>
      <c r="H2997" s="549"/>
      <c r="I2997" s="549"/>
      <c r="J2997" s="549"/>
      <c r="K2997" s="549"/>
      <c r="L2997" s="551"/>
    </row>
    <row r="2998" spans="1:12" ht="16.149999999999999" customHeight="1">
      <c r="A2998" s="735" t="s">
        <v>681</v>
      </c>
      <c r="B2998" s="736"/>
      <c r="C2998" s="490" t="s">
        <v>240</v>
      </c>
      <c r="D2998" s="489">
        <v>1</v>
      </c>
      <c r="E2998" s="488" t="s">
        <v>618</v>
      </c>
      <c r="F2998" s="487"/>
      <c r="G2998" s="486" t="s">
        <v>651</v>
      </c>
      <c r="H2998" s="549"/>
      <c r="I2998" s="549"/>
      <c r="J2998" s="549"/>
      <c r="K2998" s="549"/>
      <c r="L2998" s="551"/>
    </row>
    <row r="2999" spans="1:12" ht="16.149999999999999" customHeight="1">
      <c r="A2999" s="737"/>
      <c r="B2999" s="738"/>
      <c r="C2999" s="485"/>
      <c r="D2999" s="484"/>
      <c r="E2999" s="483"/>
      <c r="F2999" s="482"/>
      <c r="G2999" s="481" t="s">
        <v>651</v>
      </c>
      <c r="H2999" s="476"/>
      <c r="I2999" s="476"/>
      <c r="J2999" s="476"/>
      <c r="K2999" s="476"/>
      <c r="L2999" s="475"/>
    </row>
    <row r="3001" spans="1:12" ht="16.149999999999999" customHeight="1">
      <c r="A3001" s="507" t="s">
        <v>651</v>
      </c>
      <c r="B3001" s="479" t="s">
        <v>727</v>
      </c>
      <c r="C3001" s="480"/>
      <c r="D3001" s="479"/>
      <c r="E3001" s="479"/>
      <c r="F3001" s="479"/>
      <c r="G3001" s="479"/>
      <c r="H3001" s="479" t="s">
        <v>617</v>
      </c>
      <c r="I3001" s="480" t="s">
        <v>726</v>
      </c>
      <c r="J3001" s="479" t="s">
        <v>689</v>
      </c>
      <c r="K3001" s="479" t="s">
        <v>688</v>
      </c>
      <c r="L3001" s="506"/>
    </row>
    <row r="3002" spans="1:12" ht="16.149999999999999" customHeight="1">
      <c r="A3002" s="505" t="s">
        <v>651</v>
      </c>
      <c r="B3002" s="549" t="s">
        <v>1659</v>
      </c>
      <c r="C3002" s="550"/>
      <c r="D3002" s="549"/>
      <c r="E3002" s="549"/>
      <c r="F3002" s="549"/>
      <c r="G3002" s="478"/>
      <c r="H3002" s="549"/>
      <c r="I3002" s="504"/>
      <c r="J3002" s="503" t="s">
        <v>722</v>
      </c>
      <c r="K3002" s="502" t="s">
        <v>240</v>
      </c>
      <c r="L3002" s="501" t="s">
        <v>618</v>
      </c>
    </row>
    <row r="3003" spans="1:12" ht="16.149999999999999" customHeight="1">
      <c r="A3003" s="477" t="s">
        <v>651</v>
      </c>
      <c r="B3003" s="549"/>
      <c r="C3003" s="550"/>
      <c r="D3003" s="549"/>
      <c r="E3003" s="549"/>
      <c r="F3003" s="549"/>
      <c r="G3003" s="478"/>
      <c r="H3003" s="478"/>
      <c r="I3003" s="478"/>
      <c r="J3003" s="478"/>
      <c r="K3003" s="478"/>
      <c r="L3003" s="501"/>
    </row>
    <row r="3004" spans="1:12" ht="16.149999999999999" customHeight="1">
      <c r="A3004" s="498" t="s">
        <v>686</v>
      </c>
      <c r="B3004" s="500"/>
      <c r="C3004" s="499" t="s">
        <v>309</v>
      </c>
      <c r="D3004" s="499" t="s">
        <v>685</v>
      </c>
      <c r="E3004" s="499" t="s">
        <v>684</v>
      </c>
      <c r="F3004" s="499" t="s">
        <v>683</v>
      </c>
      <c r="G3004" s="498" t="s">
        <v>682</v>
      </c>
      <c r="H3004" s="497"/>
      <c r="I3004" s="497"/>
      <c r="J3004" s="497"/>
      <c r="K3004" s="497"/>
      <c r="L3004" s="496"/>
    </row>
    <row r="3005" spans="1:12" ht="16.149999999999999" customHeight="1">
      <c r="A3005" s="733" t="s">
        <v>725</v>
      </c>
      <c r="B3005" s="734"/>
      <c r="C3005" s="495"/>
      <c r="D3005" s="494"/>
      <c r="E3005" s="493"/>
      <c r="F3005" s="492"/>
      <c r="G3005" s="486" t="s">
        <v>651</v>
      </c>
      <c r="H3005" s="549"/>
      <c r="I3005" s="549"/>
      <c r="J3005" s="549"/>
      <c r="K3005" s="549"/>
      <c r="L3005" s="551"/>
    </row>
    <row r="3006" spans="1:12" ht="16.149999999999999" customHeight="1">
      <c r="A3006" s="735"/>
      <c r="B3006" s="736"/>
      <c r="C3006" s="490"/>
      <c r="D3006" s="489"/>
      <c r="E3006" s="491"/>
      <c r="F3006" s="487" t="s">
        <v>651</v>
      </c>
      <c r="G3006" s="486" t="s">
        <v>651</v>
      </c>
      <c r="H3006" s="549"/>
      <c r="I3006" s="549"/>
      <c r="J3006" s="549"/>
      <c r="K3006" s="549"/>
      <c r="L3006" s="551"/>
    </row>
    <row r="3007" spans="1:12" ht="16.149999999999999" customHeight="1">
      <c r="A3007" s="735" t="s">
        <v>651</v>
      </c>
      <c r="B3007" s="736"/>
      <c r="C3007" s="490" t="s">
        <v>248</v>
      </c>
      <c r="D3007" s="489"/>
      <c r="E3007" s="488"/>
      <c r="F3007" s="487"/>
      <c r="G3007" s="486" t="s">
        <v>651</v>
      </c>
      <c r="H3007" s="549"/>
      <c r="I3007" s="549"/>
      <c r="J3007" s="549"/>
      <c r="K3007" s="549"/>
      <c r="L3007" s="551"/>
    </row>
    <row r="3008" spans="1:12" ht="16.149999999999999" customHeight="1">
      <c r="A3008" s="737"/>
      <c r="B3008" s="738"/>
      <c r="C3008" s="485"/>
      <c r="D3008" s="484"/>
      <c r="E3008" s="483"/>
      <c r="F3008" s="482"/>
      <c r="G3008" s="481" t="s">
        <v>651</v>
      </c>
      <c r="H3008" s="476"/>
      <c r="I3008" s="476"/>
      <c r="J3008" s="476"/>
      <c r="K3008" s="476"/>
      <c r="L3008" s="475"/>
    </row>
    <row r="3011" spans="1:12" ht="16.149999999999999" customHeight="1">
      <c r="A3011" s="507" t="s">
        <v>651</v>
      </c>
      <c r="B3011" s="479" t="s">
        <v>727</v>
      </c>
      <c r="C3011" s="480"/>
      <c r="D3011" s="479"/>
      <c r="E3011" s="479"/>
      <c r="F3011" s="479"/>
      <c r="G3011" s="479"/>
      <c r="H3011" s="479" t="s">
        <v>617</v>
      </c>
      <c r="I3011" s="480" t="s">
        <v>726</v>
      </c>
      <c r="J3011" s="479" t="s">
        <v>689</v>
      </c>
      <c r="K3011" s="479" t="s">
        <v>688</v>
      </c>
      <c r="L3011" s="506"/>
    </row>
    <row r="3012" spans="1:12" ht="16.149999999999999" customHeight="1">
      <c r="A3012" s="505" t="s">
        <v>651</v>
      </c>
      <c r="B3012" s="549" t="s">
        <v>1659</v>
      </c>
      <c r="C3012" s="550"/>
      <c r="D3012" s="549"/>
      <c r="E3012" s="549"/>
      <c r="F3012" s="549"/>
      <c r="G3012" s="478"/>
      <c r="H3012" s="549"/>
      <c r="I3012" s="504"/>
      <c r="J3012" s="503" t="s">
        <v>722</v>
      </c>
      <c r="K3012" s="502" t="s">
        <v>240</v>
      </c>
      <c r="L3012" s="501" t="s">
        <v>618</v>
      </c>
    </row>
    <row r="3013" spans="1:12" ht="16.149999999999999" customHeight="1">
      <c r="A3013" s="477" t="s">
        <v>651</v>
      </c>
      <c r="B3013" s="549"/>
      <c r="C3013" s="550"/>
      <c r="D3013" s="549"/>
      <c r="E3013" s="549"/>
      <c r="F3013" s="549"/>
      <c r="G3013" s="478"/>
      <c r="H3013" s="478"/>
      <c r="I3013" s="478"/>
      <c r="J3013" s="478"/>
      <c r="K3013" s="478"/>
      <c r="L3013" s="501"/>
    </row>
    <row r="3014" spans="1:12" ht="16.149999999999999" customHeight="1">
      <c r="A3014" s="498" t="s">
        <v>686</v>
      </c>
      <c r="B3014" s="500"/>
      <c r="C3014" s="499" t="s">
        <v>309</v>
      </c>
      <c r="D3014" s="499" t="s">
        <v>685</v>
      </c>
      <c r="E3014" s="499" t="s">
        <v>684</v>
      </c>
      <c r="F3014" s="499" t="s">
        <v>683</v>
      </c>
      <c r="G3014" s="498" t="s">
        <v>682</v>
      </c>
      <c r="H3014" s="497"/>
      <c r="I3014" s="497"/>
      <c r="J3014" s="497"/>
      <c r="K3014" s="497"/>
      <c r="L3014" s="496"/>
    </row>
    <row r="3015" spans="1:12" ht="16.149999999999999" customHeight="1">
      <c r="A3015" s="733" t="s">
        <v>721</v>
      </c>
      <c r="B3015" s="734"/>
      <c r="C3015" s="495"/>
      <c r="D3015" s="494"/>
      <c r="E3015" s="493"/>
      <c r="F3015" s="492"/>
      <c r="G3015" s="486" t="s">
        <v>651</v>
      </c>
      <c r="H3015" s="549"/>
      <c r="I3015" s="549"/>
      <c r="J3015" s="549"/>
      <c r="K3015" s="549"/>
      <c r="L3015" s="551"/>
    </row>
    <row r="3016" spans="1:12" ht="16.149999999999999" customHeight="1">
      <c r="A3016" s="735"/>
      <c r="B3016" s="736"/>
      <c r="C3016" s="490"/>
      <c r="D3016" s="489"/>
      <c r="E3016" s="491"/>
      <c r="F3016" s="487" t="s">
        <v>651</v>
      </c>
      <c r="G3016" s="486" t="s">
        <v>651</v>
      </c>
      <c r="H3016" s="549"/>
      <c r="I3016" s="549"/>
      <c r="J3016" s="549"/>
      <c r="K3016" s="549"/>
      <c r="L3016" s="551"/>
    </row>
    <row r="3017" spans="1:12" ht="16.149999999999999" customHeight="1">
      <c r="A3017" s="735" t="s">
        <v>651</v>
      </c>
      <c r="B3017" s="736"/>
      <c r="C3017" s="490" t="s">
        <v>248</v>
      </c>
      <c r="D3017" s="489"/>
      <c r="E3017" s="488"/>
      <c r="F3017" s="487"/>
      <c r="G3017" s="486" t="s">
        <v>651</v>
      </c>
      <c r="H3017" s="549"/>
      <c r="I3017" s="549"/>
      <c r="J3017" s="549"/>
      <c r="K3017" s="549"/>
      <c r="L3017" s="551"/>
    </row>
    <row r="3018" spans="1:12" ht="16.149999999999999" customHeight="1">
      <c r="A3018" s="737"/>
      <c r="B3018" s="738"/>
      <c r="C3018" s="485"/>
      <c r="D3018" s="484"/>
      <c r="E3018" s="483"/>
      <c r="F3018" s="482"/>
      <c r="G3018" s="481" t="s">
        <v>651</v>
      </c>
      <c r="H3018" s="476"/>
      <c r="I3018" s="476"/>
      <c r="J3018" s="476"/>
      <c r="K3018" s="476"/>
      <c r="L3018" s="475"/>
    </row>
    <row r="3019" spans="1:12" ht="16.149999999999999" customHeight="1">
      <c r="A3019" s="733" t="s">
        <v>250</v>
      </c>
      <c r="B3019" s="734"/>
      <c r="C3019" s="495"/>
      <c r="D3019" s="494"/>
      <c r="E3019" s="493"/>
      <c r="F3019" s="492"/>
      <c r="G3019" s="486" t="s">
        <v>651</v>
      </c>
      <c r="H3019" s="549"/>
      <c r="I3019" s="549"/>
      <c r="J3019" s="549"/>
      <c r="K3019" s="549"/>
      <c r="L3019" s="551"/>
    </row>
    <row r="3020" spans="1:12" ht="16.149999999999999" customHeight="1">
      <c r="A3020" s="735"/>
      <c r="B3020" s="736"/>
      <c r="C3020" s="490"/>
      <c r="D3020" s="489"/>
      <c r="E3020" s="491"/>
      <c r="F3020" s="487" t="s">
        <v>651</v>
      </c>
      <c r="G3020" s="486" t="s">
        <v>651</v>
      </c>
      <c r="H3020" s="549"/>
      <c r="I3020" s="549"/>
      <c r="J3020" s="549"/>
      <c r="K3020" s="549"/>
      <c r="L3020" s="551"/>
    </row>
    <row r="3021" spans="1:12" ht="16.149999999999999" customHeight="1">
      <c r="A3021" s="735" t="s">
        <v>651</v>
      </c>
      <c r="B3021" s="736"/>
      <c r="C3021" s="490" t="s">
        <v>248</v>
      </c>
      <c r="D3021" s="489"/>
      <c r="E3021" s="488"/>
      <c r="F3021" s="487"/>
      <c r="G3021" s="486" t="s">
        <v>651</v>
      </c>
      <c r="H3021" s="549"/>
      <c r="I3021" s="549"/>
      <c r="J3021" s="549"/>
      <c r="K3021" s="549"/>
      <c r="L3021" s="551"/>
    </row>
    <row r="3022" spans="1:12" ht="16.149999999999999" customHeight="1">
      <c r="A3022" s="737"/>
      <c r="B3022" s="738"/>
      <c r="C3022" s="485"/>
      <c r="D3022" s="484"/>
      <c r="E3022" s="483"/>
      <c r="F3022" s="482"/>
      <c r="G3022" s="481" t="s">
        <v>651</v>
      </c>
      <c r="H3022" s="476"/>
      <c r="I3022" s="476"/>
      <c r="J3022" s="476"/>
      <c r="K3022" s="476"/>
      <c r="L3022" s="475"/>
    </row>
    <row r="3023" spans="1:12" ht="16.149999999999999" customHeight="1">
      <c r="A3023" s="733" t="s">
        <v>700</v>
      </c>
      <c r="B3023" s="734"/>
      <c r="C3023" s="495"/>
      <c r="D3023" s="494"/>
      <c r="E3023" s="493"/>
      <c r="F3023" s="492"/>
      <c r="G3023" s="486" t="s">
        <v>651</v>
      </c>
      <c r="H3023" s="549"/>
      <c r="I3023" s="549"/>
      <c r="J3023" s="549"/>
      <c r="K3023" s="549"/>
      <c r="L3023" s="551"/>
    </row>
    <row r="3024" spans="1:12" ht="16.149999999999999" customHeight="1">
      <c r="A3024" s="735"/>
      <c r="B3024" s="736"/>
      <c r="C3024" s="490"/>
      <c r="D3024" s="489"/>
      <c r="E3024" s="491"/>
      <c r="F3024" s="487" t="s">
        <v>651</v>
      </c>
      <c r="G3024" s="486" t="s">
        <v>651</v>
      </c>
      <c r="H3024" s="549"/>
      <c r="I3024" s="549"/>
      <c r="J3024" s="549"/>
      <c r="K3024" s="549"/>
      <c r="L3024" s="551"/>
    </row>
    <row r="3025" spans="1:12" ht="16.149999999999999" customHeight="1">
      <c r="A3025" s="735" t="s">
        <v>651</v>
      </c>
      <c r="B3025" s="736"/>
      <c r="C3025" s="490" t="s">
        <v>242</v>
      </c>
      <c r="D3025" s="489">
        <v>1</v>
      </c>
      <c r="E3025" s="488"/>
      <c r="F3025" s="487"/>
      <c r="G3025" s="486" t="s">
        <v>651</v>
      </c>
      <c r="H3025" s="549"/>
      <c r="I3025" s="549"/>
      <c r="J3025" s="549"/>
      <c r="K3025" s="549"/>
      <c r="L3025" s="551"/>
    </row>
    <row r="3026" spans="1:12" ht="16.149999999999999" customHeight="1">
      <c r="A3026" s="737"/>
      <c r="B3026" s="738"/>
      <c r="C3026" s="485"/>
      <c r="D3026" s="484"/>
      <c r="E3026" s="483"/>
      <c r="F3026" s="482"/>
      <c r="G3026" s="481" t="s">
        <v>651</v>
      </c>
      <c r="H3026" s="476"/>
      <c r="I3026" s="476"/>
      <c r="J3026" s="476"/>
      <c r="K3026" s="476"/>
      <c r="L3026" s="475"/>
    </row>
    <row r="3027" spans="1:12" ht="16.149999999999999" customHeight="1">
      <c r="A3027" s="733" t="s">
        <v>651</v>
      </c>
      <c r="B3027" s="734"/>
      <c r="C3027" s="495"/>
      <c r="D3027" s="494"/>
      <c r="E3027" s="493"/>
      <c r="F3027" s="492"/>
      <c r="G3027" s="486" t="s">
        <v>651</v>
      </c>
      <c r="H3027" s="549"/>
      <c r="I3027" s="549"/>
      <c r="J3027" s="549"/>
      <c r="K3027" s="549"/>
      <c r="L3027" s="551"/>
    </row>
    <row r="3028" spans="1:12" ht="16.149999999999999" customHeight="1">
      <c r="A3028" s="735"/>
      <c r="B3028" s="736"/>
      <c r="C3028" s="490"/>
      <c r="D3028" s="489"/>
      <c r="E3028" s="491"/>
      <c r="F3028" s="487" t="s">
        <v>651</v>
      </c>
      <c r="G3028" s="486" t="s">
        <v>651</v>
      </c>
      <c r="H3028" s="549"/>
      <c r="I3028" s="549"/>
      <c r="J3028" s="549"/>
      <c r="K3028" s="549"/>
      <c r="L3028" s="551"/>
    </row>
    <row r="3029" spans="1:12" ht="16.149999999999999" customHeight="1">
      <c r="A3029" s="735" t="s">
        <v>691</v>
      </c>
      <c r="B3029" s="736"/>
      <c r="C3029" s="490" t="s">
        <v>240</v>
      </c>
      <c r="D3029" s="489">
        <v>100</v>
      </c>
      <c r="E3029" s="488"/>
      <c r="F3029" s="487"/>
      <c r="G3029" s="486" t="s">
        <v>651</v>
      </c>
      <c r="H3029" s="549"/>
      <c r="I3029" s="549"/>
      <c r="J3029" s="549"/>
      <c r="K3029" s="549"/>
      <c r="L3029" s="551"/>
    </row>
    <row r="3030" spans="1:12" ht="16.149999999999999" customHeight="1">
      <c r="A3030" s="737"/>
      <c r="B3030" s="738"/>
      <c r="C3030" s="485"/>
      <c r="D3030" s="484"/>
      <c r="E3030" s="483"/>
      <c r="F3030" s="482"/>
      <c r="G3030" s="481" t="s">
        <v>651</v>
      </c>
      <c r="H3030" s="476"/>
      <c r="I3030" s="476"/>
      <c r="J3030" s="476"/>
      <c r="K3030" s="476"/>
      <c r="L3030" s="475"/>
    </row>
    <row r="3031" spans="1:12" ht="16.149999999999999" customHeight="1">
      <c r="A3031" s="733" t="s">
        <v>651</v>
      </c>
      <c r="B3031" s="734"/>
      <c r="C3031" s="495"/>
      <c r="D3031" s="494"/>
      <c r="E3031" s="493"/>
      <c r="F3031" s="492"/>
      <c r="G3031" s="486" t="s">
        <v>651</v>
      </c>
      <c r="H3031" s="549"/>
      <c r="I3031" s="549"/>
      <c r="J3031" s="549"/>
      <c r="K3031" s="549"/>
      <c r="L3031" s="551"/>
    </row>
    <row r="3032" spans="1:12" ht="16.149999999999999" customHeight="1">
      <c r="A3032" s="735"/>
      <c r="B3032" s="736"/>
      <c r="C3032" s="490"/>
      <c r="D3032" s="489"/>
      <c r="E3032" s="491"/>
      <c r="F3032" s="487" t="s">
        <v>651</v>
      </c>
      <c r="G3032" s="486" t="s">
        <v>651</v>
      </c>
      <c r="H3032" s="549"/>
      <c r="I3032" s="549"/>
      <c r="J3032" s="549"/>
      <c r="K3032" s="549"/>
      <c r="L3032" s="551"/>
    </row>
    <row r="3033" spans="1:12" ht="16.149999999999999" customHeight="1">
      <c r="A3033" s="735" t="s">
        <v>681</v>
      </c>
      <c r="B3033" s="736"/>
      <c r="C3033" s="490" t="s">
        <v>240</v>
      </c>
      <c r="D3033" s="489">
        <v>1</v>
      </c>
      <c r="E3033" s="488" t="s">
        <v>618</v>
      </c>
      <c r="F3033" s="487"/>
      <c r="G3033" s="486" t="s">
        <v>651</v>
      </c>
      <c r="H3033" s="549"/>
      <c r="I3033" s="549"/>
      <c r="J3033" s="549"/>
      <c r="K3033" s="549"/>
      <c r="L3033" s="551"/>
    </row>
    <row r="3034" spans="1:12" ht="16.149999999999999" customHeight="1">
      <c r="A3034" s="737"/>
      <c r="B3034" s="738"/>
      <c r="C3034" s="485"/>
      <c r="D3034" s="484"/>
      <c r="E3034" s="483"/>
      <c r="F3034" s="482"/>
      <c r="G3034" s="481" t="s">
        <v>651</v>
      </c>
      <c r="H3034" s="476"/>
      <c r="I3034" s="476"/>
      <c r="J3034" s="476"/>
      <c r="K3034" s="476"/>
      <c r="L3034" s="475"/>
    </row>
    <row r="3036" spans="1:12" ht="16.149999999999999" customHeight="1">
      <c r="A3036" s="507" t="s">
        <v>651</v>
      </c>
      <c r="B3036" s="479" t="s">
        <v>724</v>
      </c>
      <c r="C3036" s="480"/>
      <c r="D3036" s="479"/>
      <c r="E3036" s="479"/>
      <c r="F3036" s="479"/>
      <c r="G3036" s="479"/>
      <c r="H3036" s="479" t="s">
        <v>617</v>
      </c>
      <c r="I3036" s="480" t="s">
        <v>723</v>
      </c>
      <c r="J3036" s="479" t="s">
        <v>689</v>
      </c>
      <c r="K3036" s="479" t="s">
        <v>688</v>
      </c>
      <c r="L3036" s="506"/>
    </row>
    <row r="3037" spans="1:12" ht="16.149999999999999" customHeight="1">
      <c r="A3037" s="505" t="s">
        <v>651</v>
      </c>
      <c r="B3037" s="549" t="s">
        <v>1659</v>
      </c>
      <c r="C3037" s="550"/>
      <c r="D3037" s="549"/>
      <c r="E3037" s="549"/>
      <c r="F3037" s="549"/>
      <c r="G3037" s="478"/>
      <c r="H3037" s="549"/>
      <c r="I3037" s="504"/>
      <c r="J3037" s="503" t="s">
        <v>722</v>
      </c>
      <c r="K3037" s="502" t="s">
        <v>240</v>
      </c>
      <c r="L3037" s="501" t="s">
        <v>618</v>
      </c>
    </row>
    <row r="3038" spans="1:12" ht="16.149999999999999" customHeight="1">
      <c r="A3038" s="477" t="s">
        <v>651</v>
      </c>
      <c r="B3038" s="549"/>
      <c r="C3038" s="550"/>
      <c r="D3038" s="549"/>
      <c r="E3038" s="549"/>
      <c r="F3038" s="549"/>
      <c r="G3038" s="478"/>
      <c r="H3038" s="478"/>
      <c r="I3038" s="478"/>
      <c r="J3038" s="478"/>
      <c r="K3038" s="478"/>
      <c r="L3038" s="501"/>
    </row>
    <row r="3039" spans="1:12" ht="16.149999999999999" customHeight="1">
      <c r="A3039" s="498" t="s">
        <v>686</v>
      </c>
      <c r="B3039" s="500"/>
      <c r="C3039" s="499" t="s">
        <v>309</v>
      </c>
      <c r="D3039" s="499" t="s">
        <v>685</v>
      </c>
      <c r="E3039" s="499" t="s">
        <v>684</v>
      </c>
      <c r="F3039" s="499" t="s">
        <v>683</v>
      </c>
      <c r="G3039" s="498" t="s">
        <v>682</v>
      </c>
      <c r="H3039" s="497"/>
      <c r="I3039" s="497"/>
      <c r="J3039" s="497"/>
      <c r="K3039" s="497"/>
      <c r="L3039" s="496"/>
    </row>
    <row r="3040" spans="1:12" ht="16.149999999999999" customHeight="1">
      <c r="A3040" s="733" t="s">
        <v>725</v>
      </c>
      <c r="B3040" s="734"/>
      <c r="C3040" s="495"/>
      <c r="D3040" s="494"/>
      <c r="E3040" s="493"/>
      <c r="F3040" s="492"/>
      <c r="G3040" s="486" t="s">
        <v>651</v>
      </c>
      <c r="H3040" s="549"/>
      <c r="I3040" s="549"/>
      <c r="J3040" s="549"/>
      <c r="K3040" s="549"/>
      <c r="L3040" s="551"/>
    </row>
    <row r="3041" spans="1:12" ht="16.149999999999999" customHeight="1">
      <c r="A3041" s="735"/>
      <c r="B3041" s="736"/>
      <c r="C3041" s="490"/>
      <c r="D3041" s="489"/>
      <c r="E3041" s="491"/>
      <c r="F3041" s="487" t="s">
        <v>651</v>
      </c>
      <c r="G3041" s="486" t="s">
        <v>651</v>
      </c>
      <c r="H3041" s="549"/>
      <c r="I3041" s="549"/>
      <c r="J3041" s="549"/>
      <c r="K3041" s="549"/>
      <c r="L3041" s="551"/>
    </row>
    <row r="3042" spans="1:12" ht="16.149999999999999" customHeight="1">
      <c r="A3042" s="735" t="s">
        <v>651</v>
      </c>
      <c r="B3042" s="736"/>
      <c r="C3042" s="490" t="s">
        <v>248</v>
      </c>
      <c r="D3042" s="489"/>
      <c r="E3042" s="488"/>
      <c r="F3042" s="487"/>
      <c r="G3042" s="486" t="s">
        <v>651</v>
      </c>
      <c r="H3042" s="549"/>
      <c r="I3042" s="549"/>
      <c r="J3042" s="549"/>
      <c r="K3042" s="549"/>
      <c r="L3042" s="551"/>
    </row>
    <row r="3043" spans="1:12" ht="16.149999999999999" customHeight="1">
      <c r="A3043" s="737"/>
      <c r="B3043" s="738"/>
      <c r="C3043" s="485"/>
      <c r="D3043" s="484"/>
      <c r="E3043" s="483"/>
      <c r="F3043" s="482"/>
      <c r="G3043" s="481" t="s">
        <v>651</v>
      </c>
      <c r="H3043" s="476"/>
      <c r="I3043" s="476"/>
      <c r="J3043" s="476"/>
      <c r="K3043" s="476"/>
      <c r="L3043" s="475"/>
    </row>
    <row r="3046" spans="1:12" ht="16.149999999999999" customHeight="1">
      <c r="A3046" s="507" t="s">
        <v>651</v>
      </c>
      <c r="B3046" s="479" t="s">
        <v>724</v>
      </c>
      <c r="C3046" s="480"/>
      <c r="D3046" s="479"/>
      <c r="E3046" s="479"/>
      <c r="F3046" s="479"/>
      <c r="G3046" s="479"/>
      <c r="H3046" s="479" t="s">
        <v>617</v>
      </c>
      <c r="I3046" s="480" t="s">
        <v>723</v>
      </c>
      <c r="J3046" s="479" t="s">
        <v>689</v>
      </c>
      <c r="K3046" s="479" t="s">
        <v>688</v>
      </c>
      <c r="L3046" s="506"/>
    </row>
    <row r="3047" spans="1:12" ht="16.149999999999999" customHeight="1">
      <c r="A3047" s="505" t="s">
        <v>651</v>
      </c>
      <c r="B3047" s="549" t="s">
        <v>1659</v>
      </c>
      <c r="C3047" s="550"/>
      <c r="D3047" s="549"/>
      <c r="E3047" s="549"/>
      <c r="F3047" s="549"/>
      <c r="G3047" s="478"/>
      <c r="H3047" s="549"/>
      <c r="I3047" s="504"/>
      <c r="J3047" s="503" t="s">
        <v>722</v>
      </c>
      <c r="K3047" s="502" t="s">
        <v>240</v>
      </c>
      <c r="L3047" s="501" t="s">
        <v>618</v>
      </c>
    </row>
    <row r="3048" spans="1:12" ht="16.149999999999999" customHeight="1">
      <c r="A3048" s="477" t="s">
        <v>651</v>
      </c>
      <c r="B3048" s="549"/>
      <c r="C3048" s="550"/>
      <c r="D3048" s="549"/>
      <c r="E3048" s="549"/>
      <c r="F3048" s="549"/>
      <c r="G3048" s="478"/>
      <c r="H3048" s="478"/>
      <c r="I3048" s="478"/>
      <c r="J3048" s="478"/>
      <c r="K3048" s="478"/>
      <c r="L3048" s="501"/>
    </row>
    <row r="3049" spans="1:12" ht="16.149999999999999" customHeight="1">
      <c r="A3049" s="498" t="s">
        <v>686</v>
      </c>
      <c r="B3049" s="500"/>
      <c r="C3049" s="499" t="s">
        <v>309</v>
      </c>
      <c r="D3049" s="499" t="s">
        <v>685</v>
      </c>
      <c r="E3049" s="499" t="s">
        <v>684</v>
      </c>
      <c r="F3049" s="499" t="s">
        <v>683</v>
      </c>
      <c r="G3049" s="498" t="s">
        <v>682</v>
      </c>
      <c r="H3049" s="497"/>
      <c r="I3049" s="497"/>
      <c r="J3049" s="497"/>
      <c r="K3049" s="497"/>
      <c r="L3049" s="496"/>
    </row>
    <row r="3050" spans="1:12" ht="16.149999999999999" customHeight="1">
      <c r="A3050" s="733" t="s">
        <v>721</v>
      </c>
      <c r="B3050" s="734"/>
      <c r="C3050" s="495"/>
      <c r="D3050" s="494"/>
      <c r="E3050" s="493"/>
      <c r="F3050" s="492"/>
      <c r="G3050" s="486" t="s">
        <v>651</v>
      </c>
      <c r="H3050" s="549"/>
      <c r="I3050" s="549"/>
      <c r="J3050" s="549"/>
      <c r="K3050" s="549"/>
      <c r="L3050" s="551"/>
    </row>
    <row r="3051" spans="1:12" ht="16.149999999999999" customHeight="1">
      <c r="A3051" s="735"/>
      <c r="B3051" s="736"/>
      <c r="C3051" s="490"/>
      <c r="D3051" s="489"/>
      <c r="E3051" s="491"/>
      <c r="F3051" s="487" t="s">
        <v>651</v>
      </c>
      <c r="G3051" s="486" t="s">
        <v>651</v>
      </c>
      <c r="H3051" s="549"/>
      <c r="I3051" s="549"/>
      <c r="J3051" s="549"/>
      <c r="K3051" s="549"/>
      <c r="L3051" s="551"/>
    </row>
    <row r="3052" spans="1:12" ht="16.149999999999999" customHeight="1">
      <c r="A3052" s="735" t="s">
        <v>651</v>
      </c>
      <c r="B3052" s="736"/>
      <c r="C3052" s="490" t="s">
        <v>248</v>
      </c>
      <c r="D3052" s="489"/>
      <c r="E3052" s="488"/>
      <c r="F3052" s="487"/>
      <c r="G3052" s="486" t="s">
        <v>651</v>
      </c>
      <c r="H3052" s="549"/>
      <c r="I3052" s="549"/>
      <c r="J3052" s="549"/>
      <c r="K3052" s="549"/>
      <c r="L3052" s="551"/>
    </row>
    <row r="3053" spans="1:12" ht="16.149999999999999" customHeight="1">
      <c r="A3053" s="737"/>
      <c r="B3053" s="738"/>
      <c r="C3053" s="485"/>
      <c r="D3053" s="484"/>
      <c r="E3053" s="483"/>
      <c r="F3053" s="482"/>
      <c r="G3053" s="481" t="s">
        <v>651</v>
      </c>
      <c r="H3053" s="476"/>
      <c r="I3053" s="476"/>
      <c r="J3053" s="476"/>
      <c r="K3053" s="476"/>
      <c r="L3053" s="475"/>
    </row>
    <row r="3054" spans="1:12" ht="16.149999999999999" customHeight="1">
      <c r="A3054" s="733" t="s">
        <v>250</v>
      </c>
      <c r="B3054" s="734"/>
      <c r="C3054" s="495"/>
      <c r="D3054" s="494"/>
      <c r="E3054" s="493"/>
      <c r="F3054" s="492"/>
      <c r="G3054" s="486" t="s">
        <v>651</v>
      </c>
      <c r="H3054" s="549"/>
      <c r="I3054" s="549"/>
      <c r="J3054" s="549"/>
      <c r="K3054" s="549"/>
      <c r="L3054" s="551"/>
    </row>
    <row r="3055" spans="1:12" ht="16.149999999999999" customHeight="1">
      <c r="A3055" s="735"/>
      <c r="B3055" s="736"/>
      <c r="C3055" s="490"/>
      <c r="D3055" s="489"/>
      <c r="E3055" s="491"/>
      <c r="F3055" s="487" t="s">
        <v>651</v>
      </c>
      <c r="G3055" s="486" t="s">
        <v>651</v>
      </c>
      <c r="H3055" s="549"/>
      <c r="I3055" s="549"/>
      <c r="J3055" s="549"/>
      <c r="K3055" s="549"/>
      <c r="L3055" s="551"/>
    </row>
    <row r="3056" spans="1:12" ht="16.149999999999999" customHeight="1">
      <c r="A3056" s="735" t="s">
        <v>651</v>
      </c>
      <c r="B3056" s="736"/>
      <c r="C3056" s="490" t="s">
        <v>248</v>
      </c>
      <c r="D3056" s="489"/>
      <c r="E3056" s="488"/>
      <c r="F3056" s="487"/>
      <c r="G3056" s="486" t="s">
        <v>651</v>
      </c>
      <c r="H3056" s="549"/>
      <c r="I3056" s="549"/>
      <c r="J3056" s="549"/>
      <c r="K3056" s="549"/>
      <c r="L3056" s="551"/>
    </row>
    <row r="3057" spans="1:12" ht="16.149999999999999" customHeight="1">
      <c r="A3057" s="737"/>
      <c r="B3057" s="738"/>
      <c r="C3057" s="485"/>
      <c r="D3057" s="484"/>
      <c r="E3057" s="483"/>
      <c r="F3057" s="482"/>
      <c r="G3057" s="481" t="s">
        <v>651</v>
      </c>
      <c r="H3057" s="476"/>
      <c r="I3057" s="476"/>
      <c r="J3057" s="476"/>
      <c r="K3057" s="476"/>
      <c r="L3057" s="475"/>
    </row>
    <row r="3058" spans="1:12" ht="16.149999999999999" customHeight="1">
      <c r="A3058" s="733" t="s">
        <v>700</v>
      </c>
      <c r="B3058" s="734"/>
      <c r="C3058" s="495"/>
      <c r="D3058" s="494"/>
      <c r="E3058" s="493"/>
      <c r="F3058" s="492"/>
      <c r="G3058" s="486" t="s">
        <v>651</v>
      </c>
      <c r="H3058" s="549"/>
      <c r="I3058" s="549"/>
      <c r="J3058" s="549"/>
      <c r="K3058" s="549"/>
      <c r="L3058" s="551"/>
    </row>
    <row r="3059" spans="1:12" ht="16.149999999999999" customHeight="1">
      <c r="A3059" s="735"/>
      <c r="B3059" s="736"/>
      <c r="C3059" s="490"/>
      <c r="D3059" s="489"/>
      <c r="E3059" s="491"/>
      <c r="F3059" s="487" t="s">
        <v>651</v>
      </c>
      <c r="G3059" s="486" t="s">
        <v>651</v>
      </c>
      <c r="H3059" s="549"/>
      <c r="I3059" s="549"/>
      <c r="J3059" s="549"/>
      <c r="K3059" s="549"/>
      <c r="L3059" s="551"/>
    </row>
    <row r="3060" spans="1:12" ht="16.149999999999999" customHeight="1">
      <c r="A3060" s="735" t="s">
        <v>651</v>
      </c>
      <c r="B3060" s="736"/>
      <c r="C3060" s="490" t="s">
        <v>242</v>
      </c>
      <c r="D3060" s="489">
        <v>1</v>
      </c>
      <c r="E3060" s="488"/>
      <c r="F3060" s="487"/>
      <c r="G3060" s="486" t="s">
        <v>651</v>
      </c>
      <c r="H3060" s="549"/>
      <c r="I3060" s="549"/>
      <c r="J3060" s="549"/>
      <c r="K3060" s="549"/>
      <c r="L3060" s="551"/>
    </row>
    <row r="3061" spans="1:12" ht="16.149999999999999" customHeight="1">
      <c r="A3061" s="737"/>
      <c r="B3061" s="738"/>
      <c r="C3061" s="485"/>
      <c r="D3061" s="484"/>
      <c r="E3061" s="483"/>
      <c r="F3061" s="482"/>
      <c r="G3061" s="481" t="s">
        <v>651</v>
      </c>
      <c r="H3061" s="476"/>
      <c r="I3061" s="476"/>
      <c r="J3061" s="476"/>
      <c r="K3061" s="476"/>
      <c r="L3061" s="475"/>
    </row>
    <row r="3062" spans="1:12" ht="16.149999999999999" customHeight="1">
      <c r="A3062" s="733" t="s">
        <v>651</v>
      </c>
      <c r="B3062" s="734"/>
      <c r="C3062" s="495"/>
      <c r="D3062" s="494"/>
      <c r="E3062" s="493"/>
      <c r="F3062" s="492"/>
      <c r="G3062" s="486" t="s">
        <v>651</v>
      </c>
      <c r="H3062" s="549"/>
      <c r="I3062" s="549"/>
      <c r="J3062" s="549"/>
      <c r="K3062" s="549"/>
      <c r="L3062" s="551"/>
    </row>
    <row r="3063" spans="1:12" ht="16.149999999999999" customHeight="1">
      <c r="A3063" s="735"/>
      <c r="B3063" s="736"/>
      <c r="C3063" s="490"/>
      <c r="D3063" s="489"/>
      <c r="E3063" s="491"/>
      <c r="F3063" s="487" t="s">
        <v>651</v>
      </c>
      <c r="G3063" s="486" t="s">
        <v>651</v>
      </c>
      <c r="H3063" s="549"/>
      <c r="I3063" s="549"/>
      <c r="J3063" s="549"/>
      <c r="K3063" s="549"/>
      <c r="L3063" s="551"/>
    </row>
    <row r="3064" spans="1:12" ht="16.149999999999999" customHeight="1">
      <c r="A3064" s="735" t="s">
        <v>691</v>
      </c>
      <c r="B3064" s="736"/>
      <c r="C3064" s="490" t="s">
        <v>240</v>
      </c>
      <c r="D3064" s="489">
        <v>100</v>
      </c>
      <c r="E3064" s="488"/>
      <c r="F3064" s="487"/>
      <c r="G3064" s="486" t="s">
        <v>651</v>
      </c>
      <c r="H3064" s="549"/>
      <c r="I3064" s="549"/>
      <c r="J3064" s="549"/>
      <c r="K3064" s="549"/>
      <c r="L3064" s="551"/>
    </row>
    <row r="3065" spans="1:12" ht="16.149999999999999" customHeight="1">
      <c r="A3065" s="737"/>
      <c r="B3065" s="738"/>
      <c r="C3065" s="485"/>
      <c r="D3065" s="484"/>
      <c r="E3065" s="483"/>
      <c r="F3065" s="482"/>
      <c r="G3065" s="481" t="s">
        <v>651</v>
      </c>
      <c r="H3065" s="476"/>
      <c r="I3065" s="476"/>
      <c r="J3065" s="476"/>
      <c r="K3065" s="476"/>
      <c r="L3065" s="475"/>
    </row>
    <row r="3066" spans="1:12" ht="16.149999999999999" customHeight="1">
      <c r="A3066" s="733" t="s">
        <v>651</v>
      </c>
      <c r="B3066" s="734"/>
      <c r="C3066" s="495"/>
      <c r="D3066" s="494"/>
      <c r="E3066" s="493"/>
      <c r="F3066" s="492"/>
      <c r="G3066" s="486" t="s">
        <v>651</v>
      </c>
      <c r="H3066" s="549"/>
      <c r="I3066" s="549"/>
      <c r="J3066" s="549"/>
      <c r="K3066" s="549"/>
      <c r="L3066" s="551"/>
    </row>
    <row r="3067" spans="1:12" ht="16.149999999999999" customHeight="1">
      <c r="A3067" s="735"/>
      <c r="B3067" s="736"/>
      <c r="C3067" s="490"/>
      <c r="D3067" s="489"/>
      <c r="E3067" s="491"/>
      <c r="F3067" s="487" t="s">
        <v>651</v>
      </c>
      <c r="G3067" s="486" t="s">
        <v>651</v>
      </c>
      <c r="H3067" s="549"/>
      <c r="I3067" s="549"/>
      <c r="J3067" s="549"/>
      <c r="K3067" s="549"/>
      <c r="L3067" s="551"/>
    </row>
    <row r="3068" spans="1:12" ht="16.149999999999999" customHeight="1">
      <c r="A3068" s="735" t="s">
        <v>681</v>
      </c>
      <c r="B3068" s="736"/>
      <c r="C3068" s="490" t="s">
        <v>240</v>
      </c>
      <c r="D3068" s="489">
        <v>1</v>
      </c>
      <c r="E3068" s="488" t="s">
        <v>618</v>
      </c>
      <c r="F3068" s="487"/>
      <c r="G3068" s="486" t="s">
        <v>651</v>
      </c>
      <c r="H3068" s="549"/>
      <c r="I3068" s="549"/>
      <c r="J3068" s="549"/>
      <c r="K3068" s="549"/>
      <c r="L3068" s="551"/>
    </row>
    <row r="3069" spans="1:12" ht="16.149999999999999" customHeight="1">
      <c r="A3069" s="737"/>
      <c r="B3069" s="738"/>
      <c r="C3069" s="485"/>
      <c r="D3069" s="484"/>
      <c r="E3069" s="483"/>
      <c r="F3069" s="482"/>
      <c r="G3069" s="481" t="s">
        <v>651</v>
      </c>
      <c r="H3069" s="476"/>
      <c r="I3069" s="476"/>
      <c r="J3069" s="476"/>
      <c r="K3069" s="476"/>
      <c r="L3069" s="475"/>
    </row>
    <row r="3071" spans="1:12" ht="16.149999999999999" customHeight="1">
      <c r="A3071" s="507" t="s">
        <v>651</v>
      </c>
      <c r="B3071" s="479" t="s">
        <v>720</v>
      </c>
      <c r="C3071" s="480"/>
      <c r="D3071" s="479"/>
      <c r="E3071" s="479"/>
      <c r="F3071" s="479"/>
      <c r="G3071" s="479"/>
      <c r="H3071" s="479" t="s">
        <v>617</v>
      </c>
      <c r="I3071" s="480" t="s">
        <v>719</v>
      </c>
      <c r="J3071" s="479" t="s">
        <v>689</v>
      </c>
      <c r="K3071" s="479" t="s">
        <v>688</v>
      </c>
      <c r="L3071" s="506"/>
    </row>
    <row r="3072" spans="1:12" ht="16.149999999999999" customHeight="1">
      <c r="A3072" s="505" t="s">
        <v>651</v>
      </c>
      <c r="B3072" s="549" t="s">
        <v>710</v>
      </c>
      <c r="C3072" s="550"/>
      <c r="D3072" s="549"/>
      <c r="E3072" s="549"/>
      <c r="F3072" s="549"/>
      <c r="G3072" s="478"/>
      <c r="H3072" s="549"/>
      <c r="I3072" s="504"/>
      <c r="J3072" s="503" t="s">
        <v>687</v>
      </c>
      <c r="K3072" s="502" t="s">
        <v>253</v>
      </c>
      <c r="L3072" s="501" t="s">
        <v>618</v>
      </c>
    </row>
    <row r="3073" spans="1:12" ht="16.149999999999999" customHeight="1">
      <c r="A3073" s="477" t="s">
        <v>651</v>
      </c>
      <c r="B3073" s="549"/>
      <c r="C3073" s="550"/>
      <c r="D3073" s="549"/>
      <c r="E3073" s="549"/>
      <c r="F3073" s="549"/>
      <c r="G3073" s="478"/>
      <c r="H3073" s="478"/>
      <c r="I3073" s="478"/>
      <c r="J3073" s="478"/>
      <c r="K3073" s="478"/>
      <c r="L3073" s="501"/>
    </row>
    <row r="3074" spans="1:12" ht="16.149999999999999" customHeight="1">
      <c r="A3074" s="498" t="s">
        <v>686</v>
      </c>
      <c r="B3074" s="500"/>
      <c r="C3074" s="499" t="s">
        <v>309</v>
      </c>
      <c r="D3074" s="499" t="s">
        <v>685</v>
      </c>
      <c r="E3074" s="499" t="s">
        <v>684</v>
      </c>
      <c r="F3074" s="499" t="s">
        <v>683</v>
      </c>
      <c r="G3074" s="498" t="s">
        <v>682</v>
      </c>
      <c r="H3074" s="497"/>
      <c r="I3074" s="497"/>
      <c r="J3074" s="497"/>
      <c r="K3074" s="497"/>
      <c r="L3074" s="496"/>
    </row>
    <row r="3075" spans="1:12" ht="16.149999999999999" customHeight="1">
      <c r="A3075" s="733" t="s">
        <v>701</v>
      </c>
      <c r="B3075" s="734"/>
      <c r="C3075" s="495"/>
      <c r="D3075" s="494"/>
      <c r="E3075" s="493"/>
      <c r="F3075" s="492"/>
      <c r="G3075" s="486" t="s">
        <v>651</v>
      </c>
      <c r="H3075" s="549"/>
      <c r="I3075" s="549"/>
      <c r="J3075" s="549"/>
      <c r="K3075" s="549"/>
      <c r="L3075" s="551"/>
    </row>
    <row r="3076" spans="1:12" ht="16.149999999999999" customHeight="1">
      <c r="A3076" s="735"/>
      <c r="B3076" s="736"/>
      <c r="C3076" s="490"/>
      <c r="D3076" s="489"/>
      <c r="E3076" s="491"/>
      <c r="F3076" s="487" t="s">
        <v>651</v>
      </c>
      <c r="G3076" s="486" t="s">
        <v>651</v>
      </c>
      <c r="H3076" s="549"/>
      <c r="I3076" s="549"/>
      <c r="J3076" s="549"/>
      <c r="K3076" s="549"/>
      <c r="L3076" s="551"/>
    </row>
    <row r="3077" spans="1:12" ht="16.149999999999999" customHeight="1">
      <c r="A3077" s="735" t="s">
        <v>651</v>
      </c>
      <c r="B3077" s="736"/>
      <c r="C3077" s="490" t="s">
        <v>248</v>
      </c>
      <c r="D3077" s="489"/>
      <c r="E3077" s="488"/>
      <c r="F3077" s="487"/>
      <c r="G3077" s="486" t="s">
        <v>651</v>
      </c>
      <c r="H3077" s="549"/>
      <c r="I3077" s="549"/>
      <c r="J3077" s="549"/>
      <c r="K3077" s="549"/>
      <c r="L3077" s="551"/>
    </row>
    <row r="3078" spans="1:12" ht="16.149999999999999" customHeight="1">
      <c r="A3078" s="737"/>
      <c r="B3078" s="738"/>
      <c r="C3078" s="485"/>
      <c r="D3078" s="484"/>
      <c r="E3078" s="483"/>
      <c r="F3078" s="482"/>
      <c r="G3078" s="481" t="s">
        <v>651</v>
      </c>
      <c r="H3078" s="476"/>
      <c r="I3078" s="476"/>
      <c r="J3078" s="476"/>
      <c r="K3078" s="476"/>
      <c r="L3078" s="475"/>
    </row>
    <row r="3081" spans="1:12" ht="16.149999999999999" customHeight="1">
      <c r="A3081" s="507" t="s">
        <v>651</v>
      </c>
      <c r="B3081" s="479" t="s">
        <v>720</v>
      </c>
      <c r="C3081" s="480"/>
      <c r="D3081" s="479"/>
      <c r="E3081" s="479"/>
      <c r="F3081" s="479"/>
      <c r="G3081" s="479"/>
      <c r="H3081" s="479" t="s">
        <v>617</v>
      </c>
      <c r="I3081" s="480" t="s">
        <v>719</v>
      </c>
      <c r="J3081" s="479" t="s">
        <v>689</v>
      </c>
      <c r="K3081" s="479" t="s">
        <v>688</v>
      </c>
      <c r="L3081" s="506"/>
    </row>
    <row r="3082" spans="1:12" ht="16.149999999999999" customHeight="1">
      <c r="A3082" s="505" t="s">
        <v>651</v>
      </c>
      <c r="B3082" s="549" t="s">
        <v>710</v>
      </c>
      <c r="C3082" s="550"/>
      <c r="D3082" s="549"/>
      <c r="E3082" s="549"/>
      <c r="F3082" s="549"/>
      <c r="G3082" s="478"/>
      <c r="H3082" s="549"/>
      <c r="I3082" s="504"/>
      <c r="J3082" s="503" t="s">
        <v>687</v>
      </c>
      <c r="K3082" s="502" t="s">
        <v>253</v>
      </c>
      <c r="L3082" s="501" t="s">
        <v>618</v>
      </c>
    </row>
    <row r="3083" spans="1:12" ht="16.149999999999999" customHeight="1">
      <c r="A3083" s="477" t="s">
        <v>651</v>
      </c>
      <c r="B3083" s="549"/>
      <c r="C3083" s="550"/>
      <c r="D3083" s="549"/>
      <c r="E3083" s="549"/>
      <c r="F3083" s="549"/>
      <c r="G3083" s="478"/>
      <c r="H3083" s="478"/>
      <c r="I3083" s="478"/>
      <c r="J3083" s="478"/>
      <c r="K3083" s="478"/>
      <c r="L3083" s="501"/>
    </row>
    <row r="3084" spans="1:12" ht="16.149999999999999" customHeight="1">
      <c r="A3084" s="498" t="s">
        <v>686</v>
      </c>
      <c r="B3084" s="500"/>
      <c r="C3084" s="499" t="s">
        <v>309</v>
      </c>
      <c r="D3084" s="499" t="s">
        <v>685</v>
      </c>
      <c r="E3084" s="499" t="s">
        <v>684</v>
      </c>
      <c r="F3084" s="499" t="s">
        <v>683</v>
      </c>
      <c r="G3084" s="498" t="s">
        <v>682</v>
      </c>
      <c r="H3084" s="497"/>
      <c r="I3084" s="497"/>
      <c r="J3084" s="497"/>
      <c r="K3084" s="497"/>
      <c r="L3084" s="496"/>
    </row>
    <row r="3085" spans="1:12" ht="16.149999999999999" customHeight="1">
      <c r="A3085" s="733" t="s">
        <v>250</v>
      </c>
      <c r="B3085" s="734"/>
      <c r="C3085" s="495"/>
      <c r="D3085" s="494"/>
      <c r="E3085" s="493"/>
      <c r="F3085" s="492"/>
      <c r="G3085" s="486" t="s">
        <v>651</v>
      </c>
      <c r="H3085" s="549"/>
      <c r="I3085" s="549"/>
      <c r="J3085" s="549"/>
      <c r="K3085" s="549"/>
      <c r="L3085" s="551"/>
    </row>
    <row r="3086" spans="1:12" ht="16.149999999999999" customHeight="1">
      <c r="A3086" s="735"/>
      <c r="B3086" s="736"/>
      <c r="C3086" s="490"/>
      <c r="D3086" s="489"/>
      <c r="E3086" s="491"/>
      <c r="F3086" s="487" t="s">
        <v>651</v>
      </c>
      <c r="G3086" s="486" t="s">
        <v>651</v>
      </c>
      <c r="H3086" s="549"/>
      <c r="I3086" s="549"/>
      <c r="J3086" s="549"/>
      <c r="K3086" s="549"/>
      <c r="L3086" s="551"/>
    </row>
    <row r="3087" spans="1:12" ht="16.149999999999999" customHeight="1">
      <c r="A3087" s="735" t="s">
        <v>651</v>
      </c>
      <c r="B3087" s="736"/>
      <c r="C3087" s="490" t="s">
        <v>248</v>
      </c>
      <c r="D3087" s="489"/>
      <c r="E3087" s="488"/>
      <c r="F3087" s="487"/>
      <c r="G3087" s="486" t="s">
        <v>651</v>
      </c>
      <c r="H3087" s="549"/>
      <c r="I3087" s="549"/>
      <c r="J3087" s="549"/>
      <c r="K3087" s="549"/>
      <c r="L3087" s="551"/>
    </row>
    <row r="3088" spans="1:12" ht="16.149999999999999" customHeight="1">
      <c r="A3088" s="737"/>
      <c r="B3088" s="738"/>
      <c r="C3088" s="485"/>
      <c r="D3088" s="484"/>
      <c r="E3088" s="483"/>
      <c r="F3088" s="482"/>
      <c r="G3088" s="481" t="s">
        <v>651</v>
      </c>
      <c r="H3088" s="476"/>
      <c r="I3088" s="476"/>
      <c r="J3088" s="476"/>
      <c r="K3088" s="476"/>
      <c r="L3088" s="475"/>
    </row>
    <row r="3089" spans="1:12" ht="16.149999999999999" customHeight="1">
      <c r="A3089" s="733" t="s">
        <v>700</v>
      </c>
      <c r="B3089" s="734"/>
      <c r="C3089" s="495"/>
      <c r="D3089" s="494"/>
      <c r="E3089" s="493"/>
      <c r="F3089" s="492"/>
      <c r="G3089" s="486" t="s">
        <v>651</v>
      </c>
      <c r="H3089" s="549"/>
      <c r="I3089" s="549"/>
      <c r="J3089" s="549"/>
      <c r="K3089" s="549"/>
      <c r="L3089" s="551"/>
    </row>
    <row r="3090" spans="1:12" ht="16.149999999999999" customHeight="1">
      <c r="A3090" s="735"/>
      <c r="B3090" s="736"/>
      <c r="C3090" s="490"/>
      <c r="D3090" s="489"/>
      <c r="E3090" s="491"/>
      <c r="F3090" s="487" t="s">
        <v>651</v>
      </c>
      <c r="G3090" s="486" t="s">
        <v>651</v>
      </c>
      <c r="H3090" s="549"/>
      <c r="I3090" s="549"/>
      <c r="J3090" s="549"/>
      <c r="K3090" s="549"/>
      <c r="L3090" s="551"/>
    </row>
    <row r="3091" spans="1:12" ht="16.149999999999999" customHeight="1">
      <c r="A3091" s="735" t="s">
        <v>651</v>
      </c>
      <c r="B3091" s="736"/>
      <c r="C3091" s="490" t="s">
        <v>242</v>
      </c>
      <c r="D3091" s="489">
        <v>1</v>
      </c>
      <c r="E3091" s="488"/>
      <c r="F3091" s="487"/>
      <c r="G3091" s="486" t="s">
        <v>651</v>
      </c>
      <c r="H3091" s="549"/>
      <c r="I3091" s="549"/>
      <c r="J3091" s="549"/>
      <c r="K3091" s="549"/>
      <c r="L3091" s="551"/>
    </row>
    <row r="3092" spans="1:12" ht="16.149999999999999" customHeight="1">
      <c r="A3092" s="737"/>
      <c r="B3092" s="738"/>
      <c r="C3092" s="485"/>
      <c r="D3092" s="484"/>
      <c r="E3092" s="483"/>
      <c r="F3092" s="482"/>
      <c r="G3092" s="481" t="s">
        <v>651</v>
      </c>
      <c r="H3092" s="476"/>
      <c r="I3092" s="476"/>
      <c r="J3092" s="476"/>
      <c r="K3092" s="476"/>
      <c r="L3092" s="475"/>
    </row>
    <row r="3093" spans="1:12" ht="16.149999999999999" customHeight="1">
      <c r="A3093" s="733" t="s">
        <v>651</v>
      </c>
      <c r="B3093" s="734"/>
      <c r="C3093" s="495"/>
      <c r="D3093" s="494"/>
      <c r="E3093" s="493"/>
      <c r="F3093" s="492"/>
      <c r="G3093" s="486" t="s">
        <v>651</v>
      </c>
      <c r="H3093" s="549"/>
      <c r="I3093" s="549"/>
      <c r="J3093" s="549"/>
      <c r="K3093" s="549"/>
      <c r="L3093" s="551"/>
    </row>
    <row r="3094" spans="1:12" ht="16.149999999999999" customHeight="1">
      <c r="A3094" s="735"/>
      <c r="B3094" s="736"/>
      <c r="C3094" s="490"/>
      <c r="D3094" s="489"/>
      <c r="E3094" s="491"/>
      <c r="F3094" s="487" t="s">
        <v>651</v>
      </c>
      <c r="G3094" s="486" t="s">
        <v>651</v>
      </c>
      <c r="H3094" s="549"/>
      <c r="I3094" s="549"/>
      <c r="J3094" s="549"/>
      <c r="K3094" s="549"/>
      <c r="L3094" s="551"/>
    </row>
    <row r="3095" spans="1:12" ht="16.149999999999999" customHeight="1">
      <c r="A3095" s="735" t="s">
        <v>691</v>
      </c>
      <c r="B3095" s="736"/>
      <c r="C3095" s="490" t="s">
        <v>253</v>
      </c>
      <c r="D3095" s="489">
        <v>1</v>
      </c>
      <c r="E3095" s="488"/>
      <c r="F3095" s="487"/>
      <c r="G3095" s="486" t="s">
        <v>651</v>
      </c>
      <c r="H3095" s="549"/>
      <c r="I3095" s="549"/>
      <c r="J3095" s="549"/>
      <c r="K3095" s="549"/>
      <c r="L3095" s="551"/>
    </row>
    <row r="3096" spans="1:12" ht="16.149999999999999" customHeight="1">
      <c r="A3096" s="737"/>
      <c r="B3096" s="738"/>
      <c r="C3096" s="485"/>
      <c r="D3096" s="484"/>
      <c r="E3096" s="483"/>
      <c r="F3096" s="482"/>
      <c r="G3096" s="481" t="s">
        <v>651</v>
      </c>
      <c r="H3096" s="476"/>
      <c r="I3096" s="476"/>
      <c r="J3096" s="476"/>
      <c r="K3096" s="476"/>
      <c r="L3096" s="475"/>
    </row>
    <row r="3097" spans="1:12" ht="16.149999999999999" customHeight="1">
      <c r="A3097" s="733" t="s">
        <v>651</v>
      </c>
      <c r="B3097" s="734"/>
      <c r="C3097" s="495"/>
      <c r="D3097" s="494"/>
      <c r="E3097" s="493"/>
      <c r="F3097" s="492"/>
      <c r="G3097" s="486" t="s">
        <v>651</v>
      </c>
      <c r="H3097" s="549"/>
      <c r="I3097" s="549"/>
      <c r="J3097" s="549"/>
      <c r="K3097" s="549"/>
      <c r="L3097" s="551"/>
    </row>
    <row r="3098" spans="1:12" ht="16.149999999999999" customHeight="1">
      <c r="A3098" s="735"/>
      <c r="B3098" s="736"/>
      <c r="C3098" s="490"/>
      <c r="D3098" s="489"/>
      <c r="E3098" s="491"/>
      <c r="F3098" s="487" t="s">
        <v>651</v>
      </c>
      <c r="G3098" s="486" t="s">
        <v>651</v>
      </c>
      <c r="H3098" s="549"/>
      <c r="I3098" s="549"/>
      <c r="J3098" s="549"/>
      <c r="K3098" s="549"/>
      <c r="L3098" s="551"/>
    </row>
    <row r="3099" spans="1:12" ht="16.149999999999999" customHeight="1">
      <c r="A3099" s="735" t="s">
        <v>681</v>
      </c>
      <c r="B3099" s="736"/>
      <c r="C3099" s="490" t="s">
        <v>253</v>
      </c>
      <c r="D3099" s="489">
        <v>1</v>
      </c>
      <c r="E3099" s="488" t="s">
        <v>618</v>
      </c>
      <c r="F3099" s="487"/>
      <c r="G3099" s="486" t="s">
        <v>651</v>
      </c>
      <c r="H3099" s="549"/>
      <c r="I3099" s="549"/>
      <c r="J3099" s="549"/>
      <c r="K3099" s="549"/>
      <c r="L3099" s="551"/>
    </row>
    <row r="3100" spans="1:12" ht="16.149999999999999" customHeight="1">
      <c r="A3100" s="737"/>
      <c r="B3100" s="738"/>
      <c r="C3100" s="485"/>
      <c r="D3100" s="484"/>
      <c r="E3100" s="483"/>
      <c r="F3100" s="482"/>
      <c r="G3100" s="481" t="s">
        <v>651</v>
      </c>
      <c r="H3100" s="476"/>
      <c r="I3100" s="476"/>
      <c r="J3100" s="476"/>
      <c r="K3100" s="476"/>
      <c r="L3100" s="475"/>
    </row>
    <row r="3102" spans="1:12" ht="16.149999999999999" customHeight="1">
      <c r="A3102" s="507" t="s">
        <v>651</v>
      </c>
      <c r="B3102" s="479" t="s">
        <v>718</v>
      </c>
      <c r="C3102" s="480"/>
      <c r="D3102" s="479"/>
      <c r="E3102" s="479"/>
      <c r="F3102" s="479"/>
      <c r="G3102" s="479"/>
      <c r="H3102" s="479" t="s">
        <v>617</v>
      </c>
      <c r="I3102" s="480" t="s">
        <v>717</v>
      </c>
      <c r="J3102" s="479" t="s">
        <v>689</v>
      </c>
      <c r="K3102" s="479" t="s">
        <v>688</v>
      </c>
      <c r="L3102" s="506"/>
    </row>
    <row r="3103" spans="1:12" ht="16.149999999999999" customHeight="1">
      <c r="A3103" s="505" t="s">
        <v>651</v>
      </c>
      <c r="B3103" s="549" t="s">
        <v>710</v>
      </c>
      <c r="C3103" s="550"/>
      <c r="D3103" s="549"/>
      <c r="E3103" s="549"/>
      <c r="F3103" s="549"/>
      <c r="G3103" s="478"/>
      <c r="H3103" s="549"/>
      <c r="I3103" s="504"/>
      <c r="J3103" s="503" t="s">
        <v>687</v>
      </c>
      <c r="K3103" s="502" t="s">
        <v>253</v>
      </c>
      <c r="L3103" s="501" t="s">
        <v>618</v>
      </c>
    </row>
    <row r="3104" spans="1:12" ht="16.149999999999999" customHeight="1">
      <c r="A3104" s="477" t="s">
        <v>651</v>
      </c>
      <c r="B3104" s="549"/>
      <c r="C3104" s="550"/>
      <c r="D3104" s="549"/>
      <c r="E3104" s="549"/>
      <c r="F3104" s="549"/>
      <c r="G3104" s="478"/>
      <c r="H3104" s="478"/>
      <c r="I3104" s="478"/>
      <c r="J3104" s="478"/>
      <c r="K3104" s="478"/>
      <c r="L3104" s="501"/>
    </row>
    <row r="3105" spans="1:12" ht="16.149999999999999" customHeight="1">
      <c r="A3105" s="498" t="s">
        <v>686</v>
      </c>
      <c r="B3105" s="500"/>
      <c r="C3105" s="499" t="s">
        <v>309</v>
      </c>
      <c r="D3105" s="499" t="s">
        <v>685</v>
      </c>
      <c r="E3105" s="499" t="s">
        <v>684</v>
      </c>
      <c r="F3105" s="499" t="s">
        <v>683</v>
      </c>
      <c r="G3105" s="498" t="s">
        <v>682</v>
      </c>
      <c r="H3105" s="497"/>
      <c r="I3105" s="497"/>
      <c r="J3105" s="497"/>
      <c r="K3105" s="497"/>
      <c r="L3105" s="496"/>
    </row>
    <row r="3106" spans="1:12" ht="16.149999999999999" customHeight="1">
      <c r="A3106" s="733" t="s">
        <v>701</v>
      </c>
      <c r="B3106" s="734"/>
      <c r="C3106" s="495"/>
      <c r="D3106" s="494"/>
      <c r="E3106" s="493"/>
      <c r="F3106" s="492"/>
      <c r="G3106" s="486" t="s">
        <v>651</v>
      </c>
      <c r="H3106" s="549"/>
      <c r="I3106" s="549"/>
      <c r="J3106" s="549"/>
      <c r="K3106" s="549"/>
      <c r="L3106" s="551"/>
    </row>
    <row r="3107" spans="1:12" ht="16.149999999999999" customHeight="1">
      <c r="A3107" s="735"/>
      <c r="B3107" s="736"/>
      <c r="C3107" s="490"/>
      <c r="D3107" s="489"/>
      <c r="E3107" s="491"/>
      <c r="F3107" s="487" t="s">
        <v>651</v>
      </c>
      <c r="G3107" s="486" t="s">
        <v>651</v>
      </c>
      <c r="H3107" s="549"/>
      <c r="I3107" s="549"/>
      <c r="J3107" s="549"/>
      <c r="K3107" s="549"/>
      <c r="L3107" s="551"/>
    </row>
    <row r="3108" spans="1:12" ht="16.149999999999999" customHeight="1">
      <c r="A3108" s="735" t="s">
        <v>651</v>
      </c>
      <c r="B3108" s="736"/>
      <c r="C3108" s="490" t="s">
        <v>248</v>
      </c>
      <c r="D3108" s="489"/>
      <c r="E3108" s="488"/>
      <c r="F3108" s="487"/>
      <c r="G3108" s="486" t="s">
        <v>651</v>
      </c>
      <c r="H3108" s="549"/>
      <c r="I3108" s="549"/>
      <c r="J3108" s="549"/>
      <c r="K3108" s="549"/>
      <c r="L3108" s="551"/>
    </row>
    <row r="3109" spans="1:12" ht="16.149999999999999" customHeight="1">
      <c r="A3109" s="737"/>
      <c r="B3109" s="738"/>
      <c r="C3109" s="485"/>
      <c r="D3109" s="484"/>
      <c r="E3109" s="483"/>
      <c r="F3109" s="482"/>
      <c r="G3109" s="481" t="s">
        <v>651</v>
      </c>
      <c r="H3109" s="476"/>
      <c r="I3109" s="476"/>
      <c r="J3109" s="476"/>
      <c r="K3109" s="476"/>
      <c r="L3109" s="475"/>
    </row>
    <row r="3110" spans="1:12" ht="16.149999999999999" customHeight="1">
      <c r="A3110" s="733" t="s">
        <v>250</v>
      </c>
      <c r="B3110" s="734"/>
      <c r="C3110" s="495"/>
      <c r="D3110" s="494"/>
      <c r="E3110" s="493"/>
      <c r="F3110" s="492"/>
      <c r="G3110" s="486" t="s">
        <v>651</v>
      </c>
      <c r="H3110" s="549"/>
      <c r="I3110" s="549"/>
      <c r="J3110" s="549"/>
      <c r="K3110" s="549"/>
      <c r="L3110" s="551"/>
    </row>
    <row r="3111" spans="1:12" ht="16.149999999999999" customHeight="1">
      <c r="A3111" s="735"/>
      <c r="B3111" s="736"/>
      <c r="C3111" s="490"/>
      <c r="D3111" s="489"/>
      <c r="E3111" s="491"/>
      <c r="F3111" s="487" t="s">
        <v>651</v>
      </c>
      <c r="G3111" s="486" t="s">
        <v>651</v>
      </c>
      <c r="H3111" s="549"/>
      <c r="I3111" s="549"/>
      <c r="J3111" s="549"/>
      <c r="K3111" s="549"/>
      <c r="L3111" s="551"/>
    </row>
    <row r="3112" spans="1:12" ht="16.149999999999999" customHeight="1">
      <c r="A3112" s="735" t="s">
        <v>651</v>
      </c>
      <c r="B3112" s="736"/>
      <c r="C3112" s="490" t="s">
        <v>248</v>
      </c>
      <c r="D3112" s="489"/>
      <c r="E3112" s="488"/>
      <c r="F3112" s="487"/>
      <c r="G3112" s="486" t="s">
        <v>651</v>
      </c>
      <c r="H3112" s="549"/>
      <c r="I3112" s="549"/>
      <c r="J3112" s="549"/>
      <c r="K3112" s="549"/>
      <c r="L3112" s="551"/>
    </row>
    <row r="3113" spans="1:12" ht="16.149999999999999" customHeight="1">
      <c r="A3113" s="737"/>
      <c r="B3113" s="738"/>
      <c r="C3113" s="485"/>
      <c r="D3113" s="484"/>
      <c r="E3113" s="483"/>
      <c r="F3113" s="482"/>
      <c r="G3113" s="481" t="s">
        <v>651</v>
      </c>
      <c r="H3113" s="476"/>
      <c r="I3113" s="476"/>
      <c r="J3113" s="476"/>
      <c r="K3113" s="476"/>
      <c r="L3113" s="475"/>
    </row>
    <row r="3116" spans="1:12" ht="16.149999999999999" customHeight="1">
      <c r="A3116" s="507" t="s">
        <v>651</v>
      </c>
      <c r="B3116" s="479" t="s">
        <v>718</v>
      </c>
      <c r="C3116" s="480"/>
      <c r="D3116" s="479"/>
      <c r="E3116" s="479"/>
      <c r="F3116" s="479"/>
      <c r="G3116" s="479"/>
      <c r="H3116" s="479" t="s">
        <v>617</v>
      </c>
      <c r="I3116" s="480" t="s">
        <v>717</v>
      </c>
      <c r="J3116" s="479" t="s">
        <v>689</v>
      </c>
      <c r="K3116" s="479" t="s">
        <v>688</v>
      </c>
      <c r="L3116" s="506"/>
    </row>
    <row r="3117" spans="1:12" ht="16.149999999999999" customHeight="1">
      <c r="A3117" s="505" t="s">
        <v>651</v>
      </c>
      <c r="B3117" s="549" t="s">
        <v>710</v>
      </c>
      <c r="C3117" s="550"/>
      <c r="D3117" s="549"/>
      <c r="E3117" s="549"/>
      <c r="F3117" s="549"/>
      <c r="G3117" s="478"/>
      <c r="H3117" s="549"/>
      <c r="I3117" s="504"/>
      <c r="J3117" s="503" t="s">
        <v>687</v>
      </c>
      <c r="K3117" s="502" t="s">
        <v>253</v>
      </c>
      <c r="L3117" s="501" t="s">
        <v>618</v>
      </c>
    </row>
    <row r="3118" spans="1:12" ht="16.149999999999999" customHeight="1">
      <c r="A3118" s="477" t="s">
        <v>651</v>
      </c>
      <c r="B3118" s="549"/>
      <c r="C3118" s="550"/>
      <c r="D3118" s="549"/>
      <c r="E3118" s="549"/>
      <c r="F3118" s="549"/>
      <c r="G3118" s="478"/>
      <c r="H3118" s="478"/>
      <c r="I3118" s="478"/>
      <c r="J3118" s="478"/>
      <c r="K3118" s="478"/>
      <c r="L3118" s="501"/>
    </row>
    <row r="3119" spans="1:12" ht="16.149999999999999" customHeight="1">
      <c r="A3119" s="498" t="s">
        <v>686</v>
      </c>
      <c r="B3119" s="500"/>
      <c r="C3119" s="499" t="s">
        <v>309</v>
      </c>
      <c r="D3119" s="499" t="s">
        <v>685</v>
      </c>
      <c r="E3119" s="499" t="s">
        <v>684</v>
      </c>
      <c r="F3119" s="499" t="s">
        <v>683</v>
      </c>
      <c r="G3119" s="498" t="s">
        <v>682</v>
      </c>
      <c r="H3119" s="497"/>
      <c r="I3119" s="497"/>
      <c r="J3119" s="497"/>
      <c r="K3119" s="497"/>
      <c r="L3119" s="496"/>
    </row>
    <row r="3120" spans="1:12" ht="16.149999999999999" customHeight="1">
      <c r="A3120" s="733" t="s">
        <v>700</v>
      </c>
      <c r="B3120" s="734"/>
      <c r="C3120" s="495"/>
      <c r="D3120" s="494"/>
      <c r="E3120" s="493"/>
      <c r="F3120" s="492"/>
      <c r="G3120" s="486" t="s">
        <v>651</v>
      </c>
      <c r="H3120" s="549"/>
      <c r="I3120" s="549"/>
      <c r="J3120" s="549"/>
      <c r="K3120" s="549"/>
      <c r="L3120" s="551"/>
    </row>
    <row r="3121" spans="1:12" ht="16.149999999999999" customHeight="1">
      <c r="A3121" s="735"/>
      <c r="B3121" s="736"/>
      <c r="C3121" s="490"/>
      <c r="D3121" s="489"/>
      <c r="E3121" s="491"/>
      <c r="F3121" s="487" t="s">
        <v>651</v>
      </c>
      <c r="G3121" s="486" t="s">
        <v>651</v>
      </c>
      <c r="H3121" s="549"/>
      <c r="I3121" s="549"/>
      <c r="J3121" s="549"/>
      <c r="K3121" s="549"/>
      <c r="L3121" s="551"/>
    </row>
    <row r="3122" spans="1:12" ht="16.149999999999999" customHeight="1">
      <c r="A3122" s="735" t="s">
        <v>651</v>
      </c>
      <c r="B3122" s="736"/>
      <c r="C3122" s="490" t="s">
        <v>242</v>
      </c>
      <c r="D3122" s="489">
        <v>1</v>
      </c>
      <c r="E3122" s="488"/>
      <c r="F3122" s="487"/>
      <c r="G3122" s="486" t="s">
        <v>651</v>
      </c>
      <c r="H3122" s="549"/>
      <c r="I3122" s="549"/>
      <c r="J3122" s="549"/>
      <c r="K3122" s="549"/>
      <c r="L3122" s="551"/>
    </row>
    <row r="3123" spans="1:12" ht="16.149999999999999" customHeight="1">
      <c r="A3123" s="737"/>
      <c r="B3123" s="738"/>
      <c r="C3123" s="485"/>
      <c r="D3123" s="484"/>
      <c r="E3123" s="483"/>
      <c r="F3123" s="482"/>
      <c r="G3123" s="481" t="s">
        <v>651</v>
      </c>
      <c r="H3123" s="476"/>
      <c r="I3123" s="476"/>
      <c r="J3123" s="476"/>
      <c r="K3123" s="476"/>
      <c r="L3123" s="475"/>
    </row>
    <row r="3124" spans="1:12" ht="16.149999999999999" customHeight="1">
      <c r="A3124" s="733" t="s">
        <v>651</v>
      </c>
      <c r="B3124" s="734"/>
      <c r="C3124" s="495"/>
      <c r="D3124" s="494"/>
      <c r="E3124" s="493"/>
      <c r="F3124" s="492"/>
      <c r="G3124" s="486" t="s">
        <v>651</v>
      </c>
      <c r="H3124" s="549"/>
      <c r="I3124" s="549"/>
      <c r="J3124" s="549"/>
      <c r="K3124" s="549"/>
      <c r="L3124" s="551"/>
    </row>
    <row r="3125" spans="1:12" ht="16.149999999999999" customHeight="1">
      <c r="A3125" s="735"/>
      <c r="B3125" s="736"/>
      <c r="C3125" s="490"/>
      <c r="D3125" s="489"/>
      <c r="E3125" s="491"/>
      <c r="F3125" s="487" t="s">
        <v>651</v>
      </c>
      <c r="G3125" s="486" t="s">
        <v>651</v>
      </c>
      <c r="H3125" s="549"/>
      <c r="I3125" s="549"/>
      <c r="J3125" s="549"/>
      <c r="K3125" s="549"/>
      <c r="L3125" s="551"/>
    </row>
    <row r="3126" spans="1:12" ht="16.149999999999999" customHeight="1">
      <c r="A3126" s="735" t="s">
        <v>691</v>
      </c>
      <c r="B3126" s="736"/>
      <c r="C3126" s="490" t="s">
        <v>253</v>
      </c>
      <c r="D3126" s="489">
        <v>1</v>
      </c>
      <c r="E3126" s="488"/>
      <c r="F3126" s="487"/>
      <c r="G3126" s="486" t="s">
        <v>651</v>
      </c>
      <c r="H3126" s="549"/>
      <c r="I3126" s="549"/>
      <c r="J3126" s="549"/>
      <c r="K3126" s="549"/>
      <c r="L3126" s="551"/>
    </row>
    <row r="3127" spans="1:12" ht="16.149999999999999" customHeight="1">
      <c r="A3127" s="737"/>
      <c r="B3127" s="738"/>
      <c r="C3127" s="485"/>
      <c r="D3127" s="484"/>
      <c r="E3127" s="483"/>
      <c r="F3127" s="482"/>
      <c r="G3127" s="481" t="s">
        <v>651</v>
      </c>
      <c r="H3127" s="476"/>
      <c r="I3127" s="476"/>
      <c r="J3127" s="476"/>
      <c r="K3127" s="476"/>
      <c r="L3127" s="475"/>
    </row>
    <row r="3128" spans="1:12" ht="16.149999999999999" customHeight="1">
      <c r="A3128" s="733" t="s">
        <v>651</v>
      </c>
      <c r="B3128" s="734"/>
      <c r="C3128" s="495"/>
      <c r="D3128" s="494"/>
      <c r="E3128" s="493"/>
      <c r="F3128" s="492"/>
      <c r="G3128" s="486" t="s">
        <v>651</v>
      </c>
      <c r="H3128" s="549"/>
      <c r="I3128" s="549"/>
      <c r="J3128" s="549"/>
      <c r="K3128" s="549"/>
      <c r="L3128" s="551"/>
    </row>
    <row r="3129" spans="1:12" ht="16.149999999999999" customHeight="1">
      <c r="A3129" s="735"/>
      <c r="B3129" s="736"/>
      <c r="C3129" s="490"/>
      <c r="D3129" s="489"/>
      <c r="E3129" s="491"/>
      <c r="F3129" s="487" t="s">
        <v>651</v>
      </c>
      <c r="G3129" s="486" t="s">
        <v>651</v>
      </c>
      <c r="H3129" s="549"/>
      <c r="I3129" s="549"/>
      <c r="J3129" s="549"/>
      <c r="K3129" s="549"/>
      <c r="L3129" s="551"/>
    </row>
    <row r="3130" spans="1:12" ht="16.149999999999999" customHeight="1">
      <c r="A3130" s="735" t="s">
        <v>681</v>
      </c>
      <c r="B3130" s="736"/>
      <c r="C3130" s="490" t="s">
        <v>253</v>
      </c>
      <c r="D3130" s="489">
        <v>1</v>
      </c>
      <c r="E3130" s="488" t="s">
        <v>618</v>
      </c>
      <c r="F3130" s="487"/>
      <c r="G3130" s="486" t="s">
        <v>651</v>
      </c>
      <c r="H3130" s="549"/>
      <c r="I3130" s="549"/>
      <c r="J3130" s="549"/>
      <c r="K3130" s="549"/>
      <c r="L3130" s="551"/>
    </row>
    <row r="3131" spans="1:12" ht="16.149999999999999" customHeight="1">
      <c r="A3131" s="737"/>
      <c r="B3131" s="738"/>
      <c r="C3131" s="485"/>
      <c r="D3131" s="484"/>
      <c r="E3131" s="483"/>
      <c r="F3131" s="482"/>
      <c r="G3131" s="481" t="s">
        <v>651</v>
      </c>
      <c r="H3131" s="476"/>
      <c r="I3131" s="476"/>
      <c r="J3131" s="476"/>
      <c r="K3131" s="476"/>
      <c r="L3131" s="475"/>
    </row>
    <row r="3133" spans="1:12" ht="16.149999999999999" customHeight="1">
      <c r="A3133" s="507" t="s">
        <v>651</v>
      </c>
      <c r="B3133" s="479" t="s">
        <v>716</v>
      </c>
      <c r="C3133" s="480"/>
      <c r="D3133" s="479"/>
      <c r="E3133" s="479"/>
      <c r="F3133" s="479"/>
      <c r="G3133" s="479"/>
      <c r="H3133" s="479" t="s">
        <v>617</v>
      </c>
      <c r="I3133" s="480" t="s">
        <v>715</v>
      </c>
      <c r="J3133" s="479" t="s">
        <v>689</v>
      </c>
      <c r="K3133" s="479" t="s">
        <v>688</v>
      </c>
      <c r="L3133" s="506"/>
    </row>
    <row r="3134" spans="1:12" ht="16.149999999999999" customHeight="1">
      <c r="A3134" s="505" t="s">
        <v>651</v>
      </c>
      <c r="B3134" s="549" t="s">
        <v>710</v>
      </c>
      <c r="C3134" s="550"/>
      <c r="D3134" s="549"/>
      <c r="E3134" s="549"/>
      <c r="F3134" s="549"/>
      <c r="G3134" s="478"/>
      <c r="H3134" s="549"/>
      <c r="I3134" s="504"/>
      <c r="J3134" s="503" t="s">
        <v>703</v>
      </c>
      <c r="K3134" s="502" t="s">
        <v>697</v>
      </c>
      <c r="L3134" s="501" t="s">
        <v>618</v>
      </c>
    </row>
    <row r="3135" spans="1:12" ht="16.149999999999999" customHeight="1">
      <c r="A3135" s="477" t="s">
        <v>651</v>
      </c>
      <c r="B3135" s="549"/>
      <c r="C3135" s="550"/>
      <c r="D3135" s="549"/>
      <c r="E3135" s="549"/>
      <c r="F3135" s="549"/>
      <c r="G3135" s="478"/>
      <c r="H3135" s="478"/>
      <c r="I3135" s="478"/>
      <c r="J3135" s="478"/>
      <c r="K3135" s="478"/>
      <c r="L3135" s="501"/>
    </row>
    <row r="3136" spans="1:12" ht="16.149999999999999" customHeight="1">
      <c r="A3136" s="498" t="s">
        <v>686</v>
      </c>
      <c r="B3136" s="500"/>
      <c r="C3136" s="499" t="s">
        <v>309</v>
      </c>
      <c r="D3136" s="499" t="s">
        <v>685</v>
      </c>
      <c r="E3136" s="499" t="s">
        <v>684</v>
      </c>
      <c r="F3136" s="499" t="s">
        <v>683</v>
      </c>
      <c r="G3136" s="498" t="s">
        <v>682</v>
      </c>
      <c r="H3136" s="497"/>
      <c r="I3136" s="497"/>
      <c r="J3136" s="497"/>
      <c r="K3136" s="497"/>
      <c r="L3136" s="496"/>
    </row>
    <row r="3137" spans="1:12" ht="16.149999999999999" customHeight="1">
      <c r="A3137" s="733" t="s">
        <v>701</v>
      </c>
      <c r="B3137" s="734"/>
      <c r="C3137" s="495"/>
      <c r="D3137" s="494"/>
      <c r="E3137" s="493"/>
      <c r="F3137" s="492"/>
      <c r="G3137" s="486" t="s">
        <v>651</v>
      </c>
      <c r="H3137" s="549"/>
      <c r="I3137" s="549"/>
      <c r="J3137" s="549"/>
      <c r="K3137" s="549"/>
      <c r="L3137" s="551"/>
    </row>
    <row r="3138" spans="1:12" ht="16.149999999999999" customHeight="1">
      <c r="A3138" s="735"/>
      <c r="B3138" s="736"/>
      <c r="C3138" s="490"/>
      <c r="D3138" s="489"/>
      <c r="E3138" s="491"/>
      <c r="F3138" s="487" t="s">
        <v>651</v>
      </c>
      <c r="G3138" s="486" t="s">
        <v>651</v>
      </c>
      <c r="H3138" s="549"/>
      <c r="I3138" s="549"/>
      <c r="J3138" s="549"/>
      <c r="K3138" s="549"/>
      <c r="L3138" s="551"/>
    </row>
    <row r="3139" spans="1:12" ht="16.149999999999999" customHeight="1">
      <c r="A3139" s="735" t="s">
        <v>651</v>
      </c>
      <c r="B3139" s="736"/>
      <c r="C3139" s="490" t="s">
        <v>248</v>
      </c>
      <c r="D3139" s="489"/>
      <c r="E3139" s="488"/>
      <c r="F3139" s="487"/>
      <c r="G3139" s="486" t="s">
        <v>651</v>
      </c>
      <c r="H3139" s="549"/>
      <c r="I3139" s="549"/>
      <c r="J3139" s="549"/>
      <c r="K3139" s="549"/>
      <c r="L3139" s="551"/>
    </row>
    <row r="3140" spans="1:12" ht="16.149999999999999" customHeight="1">
      <c r="A3140" s="737"/>
      <c r="B3140" s="738"/>
      <c r="C3140" s="485"/>
      <c r="D3140" s="484"/>
      <c r="E3140" s="483"/>
      <c r="F3140" s="482"/>
      <c r="G3140" s="481" t="s">
        <v>651</v>
      </c>
      <c r="H3140" s="476"/>
      <c r="I3140" s="476"/>
      <c r="J3140" s="476"/>
      <c r="K3140" s="476"/>
      <c r="L3140" s="475"/>
    </row>
    <row r="3141" spans="1:12" ht="16.149999999999999" customHeight="1">
      <c r="A3141" s="733" t="s">
        <v>250</v>
      </c>
      <c r="B3141" s="734"/>
      <c r="C3141" s="495"/>
      <c r="D3141" s="494"/>
      <c r="E3141" s="493"/>
      <c r="F3141" s="492"/>
      <c r="G3141" s="486" t="s">
        <v>651</v>
      </c>
      <c r="H3141" s="549"/>
      <c r="I3141" s="549"/>
      <c r="J3141" s="549"/>
      <c r="K3141" s="549"/>
      <c r="L3141" s="551"/>
    </row>
    <row r="3142" spans="1:12" ht="16.149999999999999" customHeight="1">
      <c r="A3142" s="735"/>
      <c r="B3142" s="736"/>
      <c r="C3142" s="490"/>
      <c r="D3142" s="489"/>
      <c r="E3142" s="491"/>
      <c r="F3142" s="487" t="s">
        <v>651</v>
      </c>
      <c r="G3142" s="486" t="s">
        <v>651</v>
      </c>
      <c r="H3142" s="549"/>
      <c r="I3142" s="549"/>
      <c r="J3142" s="549"/>
      <c r="K3142" s="549"/>
      <c r="L3142" s="551"/>
    </row>
    <row r="3143" spans="1:12" ht="16.149999999999999" customHeight="1">
      <c r="A3143" s="735" t="s">
        <v>651</v>
      </c>
      <c r="B3143" s="736"/>
      <c r="C3143" s="490" t="s">
        <v>248</v>
      </c>
      <c r="D3143" s="489"/>
      <c r="E3143" s="488"/>
      <c r="F3143" s="487"/>
      <c r="G3143" s="486" t="s">
        <v>651</v>
      </c>
      <c r="H3143" s="549"/>
      <c r="I3143" s="549"/>
      <c r="J3143" s="549"/>
      <c r="K3143" s="549"/>
      <c r="L3143" s="551"/>
    </row>
    <row r="3144" spans="1:12" ht="16.149999999999999" customHeight="1">
      <c r="A3144" s="737"/>
      <c r="B3144" s="738"/>
      <c r="C3144" s="485"/>
      <c r="D3144" s="484"/>
      <c r="E3144" s="483"/>
      <c r="F3144" s="482"/>
      <c r="G3144" s="481" t="s">
        <v>651</v>
      </c>
      <c r="H3144" s="476"/>
      <c r="I3144" s="476"/>
      <c r="J3144" s="476"/>
      <c r="K3144" s="476"/>
      <c r="L3144" s="475"/>
    </row>
    <row r="3145" spans="1:12" ht="16.149999999999999" customHeight="1">
      <c r="A3145" s="733" t="s">
        <v>700</v>
      </c>
      <c r="B3145" s="734"/>
      <c r="C3145" s="495"/>
      <c r="D3145" s="494"/>
      <c r="E3145" s="493"/>
      <c r="F3145" s="492"/>
      <c r="G3145" s="486" t="s">
        <v>651</v>
      </c>
      <c r="H3145" s="549"/>
      <c r="I3145" s="549"/>
      <c r="J3145" s="549"/>
      <c r="K3145" s="549"/>
      <c r="L3145" s="551"/>
    </row>
    <row r="3146" spans="1:12" ht="16.149999999999999" customHeight="1">
      <c r="A3146" s="735"/>
      <c r="B3146" s="736"/>
      <c r="C3146" s="490"/>
      <c r="D3146" s="489"/>
      <c r="E3146" s="491"/>
      <c r="F3146" s="487" t="s">
        <v>651</v>
      </c>
      <c r="G3146" s="486" t="s">
        <v>651</v>
      </c>
      <c r="H3146" s="549"/>
      <c r="I3146" s="549"/>
      <c r="J3146" s="549"/>
      <c r="K3146" s="549"/>
      <c r="L3146" s="551"/>
    </row>
    <row r="3147" spans="1:12" ht="16.149999999999999" customHeight="1">
      <c r="A3147" s="735" t="s">
        <v>651</v>
      </c>
      <c r="B3147" s="736"/>
      <c r="C3147" s="490" t="s">
        <v>242</v>
      </c>
      <c r="D3147" s="489">
        <v>1</v>
      </c>
      <c r="E3147" s="488"/>
      <c r="F3147" s="487"/>
      <c r="G3147" s="486" t="s">
        <v>651</v>
      </c>
      <c r="H3147" s="549"/>
      <c r="I3147" s="549"/>
      <c r="J3147" s="549"/>
      <c r="K3147" s="549"/>
      <c r="L3147" s="551"/>
    </row>
    <row r="3148" spans="1:12" ht="16.149999999999999" customHeight="1">
      <c r="A3148" s="737"/>
      <c r="B3148" s="738"/>
      <c r="C3148" s="485"/>
      <c r="D3148" s="484"/>
      <c r="E3148" s="483"/>
      <c r="F3148" s="482"/>
      <c r="G3148" s="481" t="s">
        <v>651</v>
      </c>
      <c r="H3148" s="476"/>
      <c r="I3148" s="476"/>
      <c r="J3148" s="476"/>
      <c r="K3148" s="476"/>
      <c r="L3148" s="475"/>
    </row>
    <row r="3151" spans="1:12" ht="16.149999999999999" customHeight="1">
      <c r="A3151" s="507" t="s">
        <v>651</v>
      </c>
      <c r="B3151" s="479" t="s">
        <v>716</v>
      </c>
      <c r="C3151" s="480"/>
      <c r="D3151" s="479"/>
      <c r="E3151" s="479"/>
      <c r="F3151" s="479"/>
      <c r="G3151" s="479"/>
      <c r="H3151" s="479" t="s">
        <v>617</v>
      </c>
      <c r="I3151" s="480" t="s">
        <v>715</v>
      </c>
      <c r="J3151" s="479" t="s">
        <v>689</v>
      </c>
      <c r="K3151" s="479" t="s">
        <v>688</v>
      </c>
      <c r="L3151" s="506"/>
    </row>
    <row r="3152" spans="1:12" ht="16.149999999999999" customHeight="1">
      <c r="A3152" s="505" t="s">
        <v>651</v>
      </c>
      <c r="B3152" s="549" t="s">
        <v>710</v>
      </c>
      <c r="C3152" s="550"/>
      <c r="D3152" s="549"/>
      <c r="E3152" s="549"/>
      <c r="F3152" s="549"/>
      <c r="G3152" s="478"/>
      <c r="H3152" s="549"/>
      <c r="I3152" s="504"/>
      <c r="J3152" s="503" t="s">
        <v>703</v>
      </c>
      <c r="K3152" s="502" t="s">
        <v>697</v>
      </c>
      <c r="L3152" s="501" t="s">
        <v>618</v>
      </c>
    </row>
    <row r="3153" spans="1:12" ht="16.149999999999999" customHeight="1">
      <c r="A3153" s="477" t="s">
        <v>651</v>
      </c>
      <c r="B3153" s="549"/>
      <c r="C3153" s="550"/>
      <c r="D3153" s="549"/>
      <c r="E3153" s="549"/>
      <c r="F3153" s="549"/>
      <c r="G3153" s="478"/>
      <c r="H3153" s="478"/>
      <c r="I3153" s="478"/>
      <c r="J3153" s="478"/>
      <c r="K3153" s="478"/>
      <c r="L3153" s="501"/>
    </row>
    <row r="3154" spans="1:12" ht="16.149999999999999" customHeight="1">
      <c r="A3154" s="498" t="s">
        <v>686</v>
      </c>
      <c r="B3154" s="500"/>
      <c r="C3154" s="499" t="s">
        <v>309</v>
      </c>
      <c r="D3154" s="499" t="s">
        <v>685</v>
      </c>
      <c r="E3154" s="499" t="s">
        <v>684</v>
      </c>
      <c r="F3154" s="499" t="s">
        <v>683</v>
      </c>
      <c r="G3154" s="498" t="s">
        <v>682</v>
      </c>
      <c r="H3154" s="497"/>
      <c r="I3154" s="497"/>
      <c r="J3154" s="497"/>
      <c r="K3154" s="497"/>
      <c r="L3154" s="496"/>
    </row>
    <row r="3155" spans="1:12" ht="16.149999999999999" customHeight="1">
      <c r="A3155" s="733" t="s">
        <v>651</v>
      </c>
      <c r="B3155" s="734"/>
      <c r="C3155" s="495"/>
      <c r="D3155" s="494"/>
      <c r="E3155" s="493"/>
      <c r="F3155" s="492"/>
      <c r="G3155" s="486" t="s">
        <v>651</v>
      </c>
      <c r="H3155" s="549"/>
      <c r="I3155" s="549"/>
      <c r="J3155" s="549"/>
      <c r="K3155" s="549"/>
      <c r="L3155" s="551"/>
    </row>
    <row r="3156" spans="1:12" ht="16.149999999999999" customHeight="1">
      <c r="A3156" s="735"/>
      <c r="B3156" s="736"/>
      <c r="C3156" s="490"/>
      <c r="D3156" s="489"/>
      <c r="E3156" s="491"/>
      <c r="F3156" s="487" t="s">
        <v>651</v>
      </c>
      <c r="G3156" s="486" t="s">
        <v>651</v>
      </c>
      <c r="H3156" s="549"/>
      <c r="I3156" s="549"/>
      <c r="J3156" s="549"/>
      <c r="K3156" s="549"/>
      <c r="L3156" s="551"/>
    </row>
    <row r="3157" spans="1:12" ht="16.149999999999999" customHeight="1">
      <c r="A3157" s="735" t="s">
        <v>691</v>
      </c>
      <c r="B3157" s="736"/>
      <c r="C3157" s="490" t="s">
        <v>697</v>
      </c>
      <c r="D3157" s="489">
        <v>2</v>
      </c>
      <c r="E3157" s="488"/>
      <c r="F3157" s="487"/>
      <c r="G3157" s="486" t="s">
        <v>651</v>
      </c>
      <c r="H3157" s="549"/>
      <c r="I3157" s="549"/>
      <c r="J3157" s="549"/>
      <c r="K3157" s="549"/>
      <c r="L3157" s="551"/>
    </row>
    <row r="3158" spans="1:12" ht="16.149999999999999" customHeight="1">
      <c r="A3158" s="737"/>
      <c r="B3158" s="738"/>
      <c r="C3158" s="485"/>
      <c r="D3158" s="484"/>
      <c r="E3158" s="483"/>
      <c r="F3158" s="482"/>
      <c r="G3158" s="481" t="s">
        <v>651</v>
      </c>
      <c r="H3158" s="476"/>
      <c r="I3158" s="476"/>
      <c r="J3158" s="476"/>
      <c r="K3158" s="476"/>
      <c r="L3158" s="475"/>
    </row>
    <row r="3159" spans="1:12" ht="16.149999999999999" customHeight="1">
      <c r="A3159" s="733" t="s">
        <v>651</v>
      </c>
      <c r="B3159" s="734"/>
      <c r="C3159" s="495"/>
      <c r="D3159" s="494"/>
      <c r="E3159" s="493"/>
      <c r="F3159" s="492"/>
      <c r="G3159" s="486" t="s">
        <v>651</v>
      </c>
      <c r="H3159" s="549"/>
      <c r="I3159" s="549"/>
      <c r="J3159" s="549"/>
      <c r="K3159" s="549"/>
      <c r="L3159" s="551"/>
    </row>
    <row r="3160" spans="1:12" ht="16.149999999999999" customHeight="1">
      <c r="A3160" s="735"/>
      <c r="B3160" s="736"/>
      <c r="C3160" s="490"/>
      <c r="D3160" s="489"/>
      <c r="E3160" s="491"/>
      <c r="F3160" s="487" t="s">
        <v>651</v>
      </c>
      <c r="G3160" s="486" t="s">
        <v>651</v>
      </c>
      <c r="H3160" s="549"/>
      <c r="I3160" s="549"/>
      <c r="J3160" s="549"/>
      <c r="K3160" s="549"/>
      <c r="L3160" s="551"/>
    </row>
    <row r="3161" spans="1:12" ht="16.149999999999999" customHeight="1">
      <c r="A3161" s="735" t="s">
        <v>681</v>
      </c>
      <c r="B3161" s="736"/>
      <c r="C3161" s="490" t="s">
        <v>697</v>
      </c>
      <c r="D3161" s="489">
        <v>1</v>
      </c>
      <c r="E3161" s="488" t="s">
        <v>618</v>
      </c>
      <c r="F3161" s="487"/>
      <c r="G3161" s="486" t="s">
        <v>651</v>
      </c>
      <c r="H3161" s="549"/>
      <c r="I3161" s="549"/>
      <c r="J3161" s="549"/>
      <c r="K3161" s="549"/>
      <c r="L3161" s="551"/>
    </row>
    <row r="3162" spans="1:12" ht="16.149999999999999" customHeight="1">
      <c r="A3162" s="737"/>
      <c r="B3162" s="738"/>
      <c r="C3162" s="485"/>
      <c r="D3162" s="484"/>
      <c r="E3162" s="483"/>
      <c r="F3162" s="482"/>
      <c r="G3162" s="481" t="s">
        <v>651</v>
      </c>
      <c r="H3162" s="476"/>
      <c r="I3162" s="476"/>
      <c r="J3162" s="476"/>
      <c r="K3162" s="476"/>
      <c r="L3162" s="475"/>
    </row>
    <row r="3164" spans="1:12" ht="16.149999999999999" customHeight="1">
      <c r="A3164" s="507" t="s">
        <v>651</v>
      </c>
      <c r="B3164" s="479" t="s">
        <v>714</v>
      </c>
      <c r="C3164" s="480"/>
      <c r="D3164" s="479"/>
      <c r="E3164" s="479"/>
      <c r="F3164" s="479"/>
      <c r="G3164" s="479"/>
      <c r="H3164" s="479" t="s">
        <v>617</v>
      </c>
      <c r="I3164" s="480" t="s">
        <v>713</v>
      </c>
      <c r="J3164" s="479" t="s">
        <v>689</v>
      </c>
      <c r="K3164" s="479" t="s">
        <v>688</v>
      </c>
      <c r="L3164" s="506"/>
    </row>
    <row r="3165" spans="1:12" ht="16.149999999999999" customHeight="1">
      <c r="A3165" s="505" t="s">
        <v>651</v>
      </c>
      <c r="B3165" s="549" t="s">
        <v>1067</v>
      </c>
      <c r="C3165" s="550"/>
      <c r="D3165" s="549"/>
      <c r="E3165" s="549"/>
      <c r="F3165" s="549"/>
      <c r="G3165" s="478"/>
      <c r="H3165" s="549"/>
      <c r="I3165" s="504"/>
      <c r="J3165" s="503" t="s">
        <v>687</v>
      </c>
      <c r="K3165" s="502" t="s">
        <v>253</v>
      </c>
      <c r="L3165" s="501" t="s">
        <v>618</v>
      </c>
    </row>
    <row r="3166" spans="1:12" ht="16.149999999999999" customHeight="1">
      <c r="A3166" s="477" t="s">
        <v>651</v>
      </c>
      <c r="B3166" s="549"/>
      <c r="C3166" s="550"/>
      <c r="D3166" s="549"/>
      <c r="E3166" s="549"/>
      <c r="F3166" s="549"/>
      <c r="G3166" s="478"/>
      <c r="H3166" s="478"/>
      <c r="I3166" s="478"/>
      <c r="J3166" s="478"/>
      <c r="K3166" s="478"/>
      <c r="L3166" s="501"/>
    </row>
    <row r="3167" spans="1:12" ht="16.149999999999999" customHeight="1">
      <c r="A3167" s="498" t="s">
        <v>686</v>
      </c>
      <c r="B3167" s="500"/>
      <c r="C3167" s="499" t="s">
        <v>309</v>
      </c>
      <c r="D3167" s="499" t="s">
        <v>685</v>
      </c>
      <c r="E3167" s="499" t="s">
        <v>684</v>
      </c>
      <c r="F3167" s="499" t="s">
        <v>683</v>
      </c>
      <c r="G3167" s="498" t="s">
        <v>682</v>
      </c>
      <c r="H3167" s="497"/>
      <c r="I3167" s="497"/>
      <c r="J3167" s="497"/>
      <c r="K3167" s="497"/>
      <c r="L3167" s="496"/>
    </row>
    <row r="3168" spans="1:12" ht="16.149999999999999" customHeight="1">
      <c r="A3168" s="733" t="s">
        <v>701</v>
      </c>
      <c r="B3168" s="734"/>
      <c r="C3168" s="495"/>
      <c r="D3168" s="494"/>
      <c r="E3168" s="493"/>
      <c r="F3168" s="492"/>
      <c r="G3168" s="486" t="s">
        <v>651</v>
      </c>
      <c r="H3168" s="549"/>
      <c r="I3168" s="549"/>
      <c r="J3168" s="549"/>
      <c r="K3168" s="549"/>
      <c r="L3168" s="551"/>
    </row>
    <row r="3169" spans="1:12" ht="16.149999999999999" customHeight="1">
      <c r="A3169" s="735"/>
      <c r="B3169" s="736"/>
      <c r="C3169" s="490"/>
      <c r="D3169" s="489"/>
      <c r="E3169" s="491"/>
      <c r="F3169" s="487" t="s">
        <v>651</v>
      </c>
      <c r="G3169" s="486" t="s">
        <v>651</v>
      </c>
      <c r="H3169" s="549"/>
      <c r="I3169" s="549"/>
      <c r="J3169" s="549"/>
      <c r="K3169" s="549"/>
      <c r="L3169" s="551"/>
    </row>
    <row r="3170" spans="1:12" ht="16.149999999999999" customHeight="1">
      <c r="A3170" s="735" t="s">
        <v>651</v>
      </c>
      <c r="B3170" s="736"/>
      <c r="C3170" s="490" t="s">
        <v>248</v>
      </c>
      <c r="D3170" s="489"/>
      <c r="E3170" s="488"/>
      <c r="F3170" s="487"/>
      <c r="G3170" s="486" t="s">
        <v>651</v>
      </c>
      <c r="H3170" s="549"/>
      <c r="I3170" s="549"/>
      <c r="J3170" s="549"/>
      <c r="K3170" s="549"/>
      <c r="L3170" s="551"/>
    </row>
    <row r="3171" spans="1:12" ht="16.149999999999999" customHeight="1">
      <c r="A3171" s="737"/>
      <c r="B3171" s="738"/>
      <c r="C3171" s="485"/>
      <c r="D3171" s="484"/>
      <c r="E3171" s="483"/>
      <c r="F3171" s="482"/>
      <c r="G3171" s="481" t="s">
        <v>651</v>
      </c>
      <c r="H3171" s="476"/>
      <c r="I3171" s="476"/>
      <c r="J3171" s="476"/>
      <c r="K3171" s="476"/>
      <c r="L3171" s="475"/>
    </row>
    <row r="3172" spans="1:12" ht="16.149999999999999" customHeight="1">
      <c r="A3172" s="733" t="s">
        <v>250</v>
      </c>
      <c r="B3172" s="734"/>
      <c r="C3172" s="495"/>
      <c r="D3172" s="494"/>
      <c r="E3172" s="493"/>
      <c r="F3172" s="492"/>
      <c r="G3172" s="486" t="s">
        <v>651</v>
      </c>
      <c r="H3172" s="549"/>
      <c r="I3172" s="549"/>
      <c r="J3172" s="549"/>
      <c r="K3172" s="549"/>
      <c r="L3172" s="551"/>
    </row>
    <row r="3173" spans="1:12" ht="16.149999999999999" customHeight="1">
      <c r="A3173" s="735"/>
      <c r="B3173" s="736"/>
      <c r="C3173" s="490"/>
      <c r="D3173" s="489"/>
      <c r="E3173" s="491"/>
      <c r="F3173" s="487" t="s">
        <v>651</v>
      </c>
      <c r="G3173" s="486" t="s">
        <v>651</v>
      </c>
      <c r="H3173" s="549"/>
      <c r="I3173" s="549"/>
      <c r="J3173" s="549"/>
      <c r="K3173" s="549"/>
      <c r="L3173" s="551"/>
    </row>
    <row r="3174" spans="1:12" ht="16.149999999999999" customHeight="1">
      <c r="A3174" s="735" t="s">
        <v>651</v>
      </c>
      <c r="B3174" s="736"/>
      <c r="C3174" s="490" t="s">
        <v>248</v>
      </c>
      <c r="D3174" s="489"/>
      <c r="E3174" s="488"/>
      <c r="F3174" s="487"/>
      <c r="G3174" s="486" t="s">
        <v>651</v>
      </c>
      <c r="H3174" s="549"/>
      <c r="I3174" s="549"/>
      <c r="J3174" s="549"/>
      <c r="K3174" s="549"/>
      <c r="L3174" s="551"/>
    </row>
    <row r="3175" spans="1:12" ht="16.149999999999999" customHeight="1">
      <c r="A3175" s="737"/>
      <c r="B3175" s="738"/>
      <c r="C3175" s="485"/>
      <c r="D3175" s="484"/>
      <c r="E3175" s="483"/>
      <c r="F3175" s="482"/>
      <c r="G3175" s="481" t="s">
        <v>651</v>
      </c>
      <c r="H3175" s="476"/>
      <c r="I3175" s="476"/>
      <c r="J3175" s="476"/>
      <c r="K3175" s="476"/>
      <c r="L3175" s="475"/>
    </row>
    <row r="3176" spans="1:12" ht="16.149999999999999" customHeight="1">
      <c r="A3176" s="733" t="s">
        <v>700</v>
      </c>
      <c r="B3176" s="734"/>
      <c r="C3176" s="495"/>
      <c r="D3176" s="494"/>
      <c r="E3176" s="493"/>
      <c r="F3176" s="492"/>
      <c r="G3176" s="486" t="s">
        <v>651</v>
      </c>
      <c r="H3176" s="549"/>
      <c r="I3176" s="549"/>
      <c r="J3176" s="549"/>
      <c r="K3176" s="549"/>
      <c r="L3176" s="551"/>
    </row>
    <row r="3177" spans="1:12" ht="16.149999999999999" customHeight="1">
      <c r="A3177" s="735"/>
      <c r="B3177" s="736"/>
      <c r="C3177" s="490"/>
      <c r="D3177" s="489"/>
      <c r="E3177" s="491"/>
      <c r="F3177" s="487" t="s">
        <v>651</v>
      </c>
      <c r="G3177" s="486" t="s">
        <v>651</v>
      </c>
      <c r="H3177" s="549"/>
      <c r="I3177" s="549"/>
      <c r="J3177" s="549"/>
      <c r="K3177" s="549"/>
      <c r="L3177" s="551"/>
    </row>
    <row r="3178" spans="1:12" ht="16.149999999999999" customHeight="1">
      <c r="A3178" s="735" t="s">
        <v>651</v>
      </c>
      <c r="B3178" s="736"/>
      <c r="C3178" s="490" t="s">
        <v>242</v>
      </c>
      <c r="D3178" s="489">
        <v>1</v>
      </c>
      <c r="E3178" s="488"/>
      <c r="F3178" s="487"/>
      <c r="G3178" s="486" t="s">
        <v>651</v>
      </c>
      <c r="H3178" s="549"/>
      <c r="I3178" s="549"/>
      <c r="J3178" s="549"/>
      <c r="K3178" s="549"/>
      <c r="L3178" s="551"/>
    </row>
    <row r="3179" spans="1:12" ht="16.149999999999999" customHeight="1">
      <c r="A3179" s="737"/>
      <c r="B3179" s="738"/>
      <c r="C3179" s="485"/>
      <c r="D3179" s="484"/>
      <c r="E3179" s="483"/>
      <c r="F3179" s="482"/>
      <c r="G3179" s="481" t="s">
        <v>651</v>
      </c>
      <c r="H3179" s="476"/>
      <c r="I3179" s="476"/>
      <c r="J3179" s="476"/>
      <c r="K3179" s="476"/>
      <c r="L3179" s="475"/>
    </row>
    <row r="3180" spans="1:12" ht="16.149999999999999" customHeight="1">
      <c r="A3180" s="733" t="s">
        <v>651</v>
      </c>
      <c r="B3180" s="734"/>
      <c r="C3180" s="495"/>
      <c r="D3180" s="494"/>
      <c r="E3180" s="493"/>
      <c r="F3180" s="492"/>
      <c r="G3180" s="486" t="s">
        <v>651</v>
      </c>
      <c r="H3180" s="549"/>
      <c r="I3180" s="549"/>
      <c r="J3180" s="549"/>
      <c r="K3180" s="549"/>
      <c r="L3180" s="551"/>
    </row>
    <row r="3181" spans="1:12" ht="16.149999999999999" customHeight="1">
      <c r="A3181" s="735"/>
      <c r="B3181" s="736"/>
      <c r="C3181" s="490"/>
      <c r="D3181" s="489"/>
      <c r="E3181" s="491"/>
      <c r="F3181" s="487" t="s">
        <v>651</v>
      </c>
      <c r="G3181" s="486" t="s">
        <v>651</v>
      </c>
      <c r="H3181" s="549"/>
      <c r="I3181" s="549"/>
      <c r="J3181" s="549"/>
      <c r="K3181" s="549"/>
      <c r="L3181" s="551"/>
    </row>
    <row r="3182" spans="1:12" ht="16.149999999999999" customHeight="1">
      <c r="A3182" s="735" t="s">
        <v>691</v>
      </c>
      <c r="B3182" s="736"/>
      <c r="C3182" s="490" t="s">
        <v>253</v>
      </c>
      <c r="D3182" s="489">
        <v>1</v>
      </c>
      <c r="E3182" s="488"/>
      <c r="F3182" s="487"/>
      <c r="G3182" s="486" t="s">
        <v>651</v>
      </c>
      <c r="H3182" s="549"/>
      <c r="I3182" s="549"/>
      <c r="J3182" s="549"/>
      <c r="K3182" s="549"/>
      <c r="L3182" s="551"/>
    </row>
    <row r="3183" spans="1:12" ht="16.149999999999999" customHeight="1">
      <c r="A3183" s="737"/>
      <c r="B3183" s="738"/>
      <c r="C3183" s="485"/>
      <c r="D3183" s="484"/>
      <c r="E3183" s="483"/>
      <c r="F3183" s="482"/>
      <c r="G3183" s="481" t="s">
        <v>651</v>
      </c>
      <c r="H3183" s="476"/>
      <c r="I3183" s="476"/>
      <c r="J3183" s="476"/>
      <c r="K3183" s="476"/>
      <c r="L3183" s="475"/>
    </row>
    <row r="3186" spans="1:12" ht="16.149999999999999" customHeight="1">
      <c r="A3186" s="507" t="s">
        <v>651</v>
      </c>
      <c r="B3186" s="479" t="s">
        <v>714</v>
      </c>
      <c r="C3186" s="480"/>
      <c r="D3186" s="479"/>
      <c r="E3186" s="479"/>
      <c r="F3186" s="479"/>
      <c r="G3186" s="479"/>
      <c r="H3186" s="479" t="s">
        <v>617</v>
      </c>
      <c r="I3186" s="480" t="s">
        <v>713</v>
      </c>
      <c r="J3186" s="479" t="s">
        <v>689</v>
      </c>
      <c r="K3186" s="479" t="s">
        <v>688</v>
      </c>
      <c r="L3186" s="506"/>
    </row>
    <row r="3187" spans="1:12" ht="16.149999999999999" customHeight="1">
      <c r="A3187" s="505" t="s">
        <v>651</v>
      </c>
      <c r="B3187" s="549" t="s">
        <v>1067</v>
      </c>
      <c r="C3187" s="550"/>
      <c r="D3187" s="549"/>
      <c r="E3187" s="549"/>
      <c r="F3187" s="549"/>
      <c r="G3187" s="478"/>
      <c r="H3187" s="549"/>
      <c r="I3187" s="504"/>
      <c r="J3187" s="503" t="s">
        <v>687</v>
      </c>
      <c r="K3187" s="502" t="s">
        <v>253</v>
      </c>
      <c r="L3187" s="501" t="s">
        <v>618</v>
      </c>
    </row>
    <row r="3188" spans="1:12" ht="16.149999999999999" customHeight="1">
      <c r="A3188" s="477" t="s">
        <v>651</v>
      </c>
      <c r="B3188" s="549"/>
      <c r="C3188" s="550"/>
      <c r="D3188" s="549"/>
      <c r="E3188" s="549"/>
      <c r="F3188" s="549"/>
      <c r="G3188" s="478"/>
      <c r="H3188" s="478"/>
      <c r="I3188" s="478"/>
      <c r="J3188" s="478"/>
      <c r="K3188" s="478"/>
      <c r="L3188" s="501"/>
    </row>
    <row r="3189" spans="1:12" ht="16.149999999999999" customHeight="1">
      <c r="A3189" s="498" t="s">
        <v>686</v>
      </c>
      <c r="B3189" s="500"/>
      <c r="C3189" s="499" t="s">
        <v>309</v>
      </c>
      <c r="D3189" s="499" t="s">
        <v>685</v>
      </c>
      <c r="E3189" s="499" t="s">
        <v>684</v>
      </c>
      <c r="F3189" s="499" t="s">
        <v>683</v>
      </c>
      <c r="G3189" s="498" t="s">
        <v>682</v>
      </c>
      <c r="H3189" s="497"/>
      <c r="I3189" s="497"/>
      <c r="J3189" s="497"/>
      <c r="K3189" s="497"/>
      <c r="L3189" s="496"/>
    </row>
    <row r="3190" spans="1:12" ht="16.149999999999999" customHeight="1">
      <c r="A3190" s="733" t="s">
        <v>651</v>
      </c>
      <c r="B3190" s="734"/>
      <c r="C3190" s="495"/>
      <c r="D3190" s="494"/>
      <c r="E3190" s="493"/>
      <c r="F3190" s="492"/>
      <c r="G3190" s="486" t="s">
        <v>651</v>
      </c>
      <c r="H3190" s="549"/>
      <c r="I3190" s="549"/>
      <c r="J3190" s="549"/>
      <c r="K3190" s="549"/>
      <c r="L3190" s="551"/>
    </row>
    <row r="3191" spans="1:12" ht="16.149999999999999" customHeight="1">
      <c r="A3191" s="735"/>
      <c r="B3191" s="736"/>
      <c r="C3191" s="490"/>
      <c r="D3191" s="489"/>
      <c r="E3191" s="491"/>
      <c r="F3191" s="487" t="s">
        <v>651</v>
      </c>
      <c r="G3191" s="486" t="s">
        <v>651</v>
      </c>
      <c r="H3191" s="549"/>
      <c r="I3191" s="549"/>
      <c r="J3191" s="549"/>
      <c r="K3191" s="549"/>
      <c r="L3191" s="551"/>
    </row>
    <row r="3192" spans="1:12" ht="16.149999999999999" customHeight="1">
      <c r="A3192" s="735" t="s">
        <v>681</v>
      </c>
      <c r="B3192" s="736"/>
      <c r="C3192" s="490" t="s">
        <v>253</v>
      </c>
      <c r="D3192" s="489">
        <v>1</v>
      </c>
      <c r="E3192" s="488" t="s">
        <v>618</v>
      </c>
      <c r="F3192" s="487"/>
      <c r="G3192" s="486" t="s">
        <v>651</v>
      </c>
      <c r="H3192" s="549"/>
      <c r="I3192" s="549"/>
      <c r="J3192" s="549"/>
      <c r="K3192" s="549"/>
      <c r="L3192" s="551"/>
    </row>
    <row r="3193" spans="1:12" ht="16.149999999999999" customHeight="1">
      <c r="A3193" s="737"/>
      <c r="B3193" s="738"/>
      <c r="C3193" s="485"/>
      <c r="D3193" s="484"/>
      <c r="E3193" s="483"/>
      <c r="F3193" s="482"/>
      <c r="G3193" s="481" t="s">
        <v>651</v>
      </c>
      <c r="H3193" s="476"/>
      <c r="I3193" s="476"/>
      <c r="J3193" s="476"/>
      <c r="K3193" s="476"/>
      <c r="L3193" s="475"/>
    </row>
    <row r="3195" spans="1:12" ht="16.149999999999999" customHeight="1">
      <c r="A3195" s="507" t="s">
        <v>651</v>
      </c>
      <c r="B3195" s="479" t="s">
        <v>712</v>
      </c>
      <c r="C3195" s="480"/>
      <c r="D3195" s="479"/>
      <c r="E3195" s="479"/>
      <c r="F3195" s="479"/>
      <c r="G3195" s="479"/>
      <c r="H3195" s="479" t="s">
        <v>617</v>
      </c>
      <c r="I3195" s="480" t="s">
        <v>711</v>
      </c>
      <c r="J3195" s="479" t="s">
        <v>689</v>
      </c>
      <c r="K3195" s="479" t="s">
        <v>688</v>
      </c>
      <c r="L3195" s="506"/>
    </row>
    <row r="3196" spans="1:12" ht="16.149999999999999" customHeight="1">
      <c r="A3196" s="505" t="s">
        <v>651</v>
      </c>
      <c r="B3196" s="549" t="s">
        <v>710</v>
      </c>
      <c r="C3196" s="550"/>
      <c r="D3196" s="549"/>
      <c r="E3196" s="549"/>
      <c r="F3196" s="549"/>
      <c r="G3196" s="478"/>
      <c r="H3196" s="549"/>
      <c r="I3196" s="504"/>
      <c r="J3196" s="503" t="s">
        <v>687</v>
      </c>
      <c r="K3196" s="502" t="s">
        <v>234</v>
      </c>
      <c r="L3196" s="501" t="s">
        <v>618</v>
      </c>
    </row>
    <row r="3197" spans="1:12" ht="16.149999999999999" customHeight="1">
      <c r="A3197" s="477" t="s">
        <v>651</v>
      </c>
      <c r="B3197" s="549"/>
      <c r="C3197" s="550"/>
      <c r="D3197" s="549"/>
      <c r="E3197" s="549"/>
      <c r="F3197" s="549"/>
      <c r="G3197" s="478"/>
      <c r="H3197" s="478"/>
      <c r="I3197" s="478"/>
      <c r="J3197" s="478"/>
      <c r="K3197" s="478"/>
      <c r="L3197" s="501"/>
    </row>
    <row r="3198" spans="1:12" ht="16.149999999999999" customHeight="1">
      <c r="A3198" s="498" t="s">
        <v>686</v>
      </c>
      <c r="B3198" s="500"/>
      <c r="C3198" s="499" t="s">
        <v>309</v>
      </c>
      <c r="D3198" s="499" t="s">
        <v>685</v>
      </c>
      <c r="E3198" s="499" t="s">
        <v>684</v>
      </c>
      <c r="F3198" s="499" t="s">
        <v>683</v>
      </c>
      <c r="G3198" s="498" t="s">
        <v>682</v>
      </c>
      <c r="H3198" s="497"/>
      <c r="I3198" s="497"/>
      <c r="J3198" s="497"/>
      <c r="K3198" s="497"/>
      <c r="L3198" s="496"/>
    </row>
    <row r="3199" spans="1:12" ht="16.149999999999999" customHeight="1">
      <c r="A3199" s="733" t="s">
        <v>701</v>
      </c>
      <c r="B3199" s="734"/>
      <c r="C3199" s="495"/>
      <c r="D3199" s="494"/>
      <c r="E3199" s="493"/>
      <c r="F3199" s="492"/>
      <c r="G3199" s="486" t="s">
        <v>651</v>
      </c>
      <c r="H3199" s="549"/>
      <c r="I3199" s="549"/>
      <c r="J3199" s="549"/>
      <c r="K3199" s="549"/>
      <c r="L3199" s="551"/>
    </row>
    <row r="3200" spans="1:12" ht="16.149999999999999" customHeight="1">
      <c r="A3200" s="735"/>
      <c r="B3200" s="736"/>
      <c r="C3200" s="490"/>
      <c r="D3200" s="489"/>
      <c r="E3200" s="491"/>
      <c r="F3200" s="487" t="s">
        <v>651</v>
      </c>
      <c r="G3200" s="486" t="s">
        <v>651</v>
      </c>
      <c r="H3200" s="549"/>
      <c r="I3200" s="549"/>
      <c r="J3200" s="549"/>
      <c r="K3200" s="549"/>
      <c r="L3200" s="551"/>
    </row>
    <row r="3201" spans="1:12" ht="16.149999999999999" customHeight="1">
      <c r="A3201" s="735" t="s">
        <v>651</v>
      </c>
      <c r="B3201" s="736"/>
      <c r="C3201" s="490" t="s">
        <v>248</v>
      </c>
      <c r="D3201" s="489"/>
      <c r="E3201" s="488"/>
      <c r="F3201" s="487"/>
      <c r="G3201" s="486" t="s">
        <v>651</v>
      </c>
      <c r="H3201" s="549"/>
      <c r="I3201" s="549"/>
      <c r="J3201" s="549"/>
      <c r="K3201" s="549"/>
      <c r="L3201" s="551"/>
    </row>
    <row r="3202" spans="1:12" ht="16.149999999999999" customHeight="1">
      <c r="A3202" s="737"/>
      <c r="B3202" s="738"/>
      <c r="C3202" s="485"/>
      <c r="D3202" s="484"/>
      <c r="E3202" s="483"/>
      <c r="F3202" s="482"/>
      <c r="G3202" s="481" t="s">
        <v>651</v>
      </c>
      <c r="H3202" s="476"/>
      <c r="I3202" s="476"/>
      <c r="J3202" s="476"/>
      <c r="K3202" s="476"/>
      <c r="L3202" s="475"/>
    </row>
    <row r="3203" spans="1:12" ht="16.149999999999999" customHeight="1">
      <c r="A3203" s="733" t="s">
        <v>250</v>
      </c>
      <c r="B3203" s="734"/>
      <c r="C3203" s="495"/>
      <c r="D3203" s="494"/>
      <c r="E3203" s="493"/>
      <c r="F3203" s="492"/>
      <c r="G3203" s="486" t="s">
        <v>651</v>
      </c>
      <c r="H3203" s="549"/>
      <c r="I3203" s="549"/>
      <c r="J3203" s="549"/>
      <c r="K3203" s="549"/>
      <c r="L3203" s="551"/>
    </row>
    <row r="3204" spans="1:12" ht="16.149999999999999" customHeight="1">
      <c r="A3204" s="735"/>
      <c r="B3204" s="736"/>
      <c r="C3204" s="490"/>
      <c r="D3204" s="489"/>
      <c r="E3204" s="491"/>
      <c r="F3204" s="487" t="s">
        <v>651</v>
      </c>
      <c r="G3204" s="486" t="s">
        <v>651</v>
      </c>
      <c r="H3204" s="549"/>
      <c r="I3204" s="549"/>
      <c r="J3204" s="549"/>
      <c r="K3204" s="549"/>
      <c r="L3204" s="551"/>
    </row>
    <row r="3205" spans="1:12" ht="16.149999999999999" customHeight="1">
      <c r="A3205" s="735" t="s">
        <v>651</v>
      </c>
      <c r="B3205" s="736"/>
      <c r="C3205" s="490" t="s">
        <v>248</v>
      </c>
      <c r="D3205" s="489"/>
      <c r="E3205" s="488"/>
      <c r="F3205" s="487"/>
      <c r="G3205" s="486" t="s">
        <v>651</v>
      </c>
      <c r="H3205" s="549"/>
      <c r="I3205" s="549"/>
      <c r="J3205" s="549"/>
      <c r="K3205" s="549"/>
      <c r="L3205" s="551"/>
    </row>
    <row r="3206" spans="1:12" ht="16.149999999999999" customHeight="1">
      <c r="A3206" s="737"/>
      <c r="B3206" s="738"/>
      <c r="C3206" s="485"/>
      <c r="D3206" s="484"/>
      <c r="E3206" s="483"/>
      <c r="F3206" s="482"/>
      <c r="G3206" s="481" t="s">
        <v>651</v>
      </c>
      <c r="H3206" s="476"/>
      <c r="I3206" s="476"/>
      <c r="J3206" s="476"/>
      <c r="K3206" s="476"/>
      <c r="L3206" s="475"/>
    </row>
    <row r="3207" spans="1:12" ht="16.149999999999999" customHeight="1">
      <c r="A3207" s="733" t="s">
        <v>651</v>
      </c>
      <c r="B3207" s="734"/>
      <c r="C3207" s="495"/>
      <c r="D3207" s="494"/>
      <c r="E3207" s="493"/>
      <c r="F3207" s="492"/>
      <c r="G3207" s="486" t="s">
        <v>651</v>
      </c>
      <c r="H3207" s="549"/>
      <c r="I3207" s="549"/>
      <c r="J3207" s="549"/>
      <c r="K3207" s="549"/>
      <c r="L3207" s="551"/>
    </row>
    <row r="3208" spans="1:12" ht="16.149999999999999" customHeight="1">
      <c r="A3208" s="735"/>
      <c r="B3208" s="736"/>
      <c r="C3208" s="490"/>
      <c r="D3208" s="489"/>
      <c r="E3208" s="491"/>
      <c r="F3208" s="487" t="s">
        <v>651</v>
      </c>
      <c r="G3208" s="486" t="s">
        <v>651</v>
      </c>
      <c r="H3208" s="549"/>
      <c r="I3208" s="549"/>
      <c r="J3208" s="549"/>
      <c r="K3208" s="549"/>
      <c r="L3208" s="551"/>
    </row>
    <row r="3209" spans="1:12" ht="16.149999999999999" customHeight="1">
      <c r="A3209" s="735" t="s">
        <v>691</v>
      </c>
      <c r="B3209" s="736"/>
      <c r="C3209" s="490" t="s">
        <v>234</v>
      </c>
      <c r="D3209" s="489">
        <v>1</v>
      </c>
      <c r="E3209" s="488"/>
      <c r="F3209" s="487"/>
      <c r="G3209" s="486" t="s">
        <v>651</v>
      </c>
      <c r="H3209" s="549"/>
      <c r="I3209" s="549"/>
      <c r="J3209" s="549"/>
      <c r="K3209" s="549"/>
      <c r="L3209" s="551"/>
    </row>
    <row r="3210" spans="1:12" ht="16.149999999999999" customHeight="1">
      <c r="A3210" s="737"/>
      <c r="B3210" s="738"/>
      <c r="C3210" s="485"/>
      <c r="D3210" s="484"/>
      <c r="E3210" s="483"/>
      <c r="F3210" s="482"/>
      <c r="G3210" s="481" t="s">
        <v>651</v>
      </c>
      <c r="H3210" s="476"/>
      <c r="I3210" s="476"/>
      <c r="J3210" s="476"/>
      <c r="K3210" s="476"/>
      <c r="L3210" s="475"/>
    </row>
    <row r="3211" spans="1:12" ht="16.149999999999999" customHeight="1">
      <c r="A3211" s="733" t="s">
        <v>651</v>
      </c>
      <c r="B3211" s="734"/>
      <c r="C3211" s="495"/>
      <c r="D3211" s="494"/>
      <c r="E3211" s="493"/>
      <c r="F3211" s="492"/>
      <c r="G3211" s="486" t="s">
        <v>651</v>
      </c>
      <c r="H3211" s="549"/>
      <c r="I3211" s="549"/>
      <c r="J3211" s="549"/>
      <c r="K3211" s="549"/>
      <c r="L3211" s="551"/>
    </row>
    <row r="3212" spans="1:12" ht="16.149999999999999" customHeight="1">
      <c r="A3212" s="735"/>
      <c r="B3212" s="736"/>
      <c r="C3212" s="490"/>
      <c r="D3212" s="489"/>
      <c r="E3212" s="491"/>
      <c r="F3212" s="487" t="s">
        <v>651</v>
      </c>
      <c r="G3212" s="486" t="s">
        <v>651</v>
      </c>
      <c r="H3212" s="549"/>
      <c r="I3212" s="549"/>
      <c r="J3212" s="549"/>
      <c r="K3212" s="549"/>
      <c r="L3212" s="551"/>
    </row>
    <row r="3213" spans="1:12" ht="16.149999999999999" customHeight="1">
      <c r="A3213" s="735" t="s">
        <v>681</v>
      </c>
      <c r="B3213" s="736"/>
      <c r="C3213" s="490" t="s">
        <v>234</v>
      </c>
      <c r="D3213" s="489">
        <v>1</v>
      </c>
      <c r="E3213" s="488" t="s">
        <v>618</v>
      </c>
      <c r="F3213" s="487"/>
      <c r="G3213" s="486" t="s">
        <v>651</v>
      </c>
      <c r="H3213" s="549"/>
      <c r="I3213" s="549"/>
      <c r="J3213" s="549"/>
      <c r="K3213" s="549"/>
      <c r="L3213" s="551"/>
    </row>
    <row r="3214" spans="1:12" ht="16.149999999999999" customHeight="1">
      <c r="A3214" s="737"/>
      <c r="B3214" s="738"/>
      <c r="C3214" s="485"/>
      <c r="D3214" s="484"/>
      <c r="E3214" s="483"/>
      <c r="F3214" s="482"/>
      <c r="G3214" s="481" t="s">
        <v>651</v>
      </c>
      <c r="H3214" s="476"/>
      <c r="I3214" s="476"/>
      <c r="J3214" s="476"/>
      <c r="K3214" s="476"/>
      <c r="L3214" s="475"/>
    </row>
    <row r="3221" spans="1:12" ht="16.149999999999999" customHeight="1">
      <c r="A3221" s="507" t="s">
        <v>651</v>
      </c>
      <c r="B3221" s="479" t="s">
        <v>707</v>
      </c>
      <c r="C3221" s="480"/>
      <c r="D3221" s="479"/>
      <c r="E3221" s="479"/>
      <c r="F3221" s="479"/>
      <c r="G3221" s="479"/>
      <c r="H3221" s="479" t="s">
        <v>617</v>
      </c>
      <c r="I3221" s="480" t="s">
        <v>709</v>
      </c>
      <c r="J3221" s="479" t="s">
        <v>689</v>
      </c>
      <c r="K3221" s="479" t="s">
        <v>688</v>
      </c>
      <c r="L3221" s="506"/>
    </row>
    <row r="3222" spans="1:12" ht="16.149999999999999" customHeight="1">
      <c r="A3222" s="505" t="s">
        <v>651</v>
      </c>
      <c r="B3222" s="549" t="s">
        <v>702</v>
      </c>
      <c r="C3222" s="550"/>
      <c r="D3222" s="549"/>
      <c r="E3222" s="549"/>
      <c r="F3222" s="549"/>
      <c r="G3222" s="478"/>
      <c r="H3222" s="549"/>
      <c r="I3222" s="504"/>
      <c r="J3222" s="503" t="s">
        <v>708</v>
      </c>
      <c r="K3222" s="502" t="s">
        <v>240</v>
      </c>
      <c r="L3222" s="501" t="s">
        <v>618</v>
      </c>
    </row>
    <row r="3223" spans="1:12" ht="16.149999999999999" customHeight="1">
      <c r="A3223" s="477" t="s">
        <v>651</v>
      </c>
      <c r="B3223" s="549"/>
      <c r="C3223" s="550"/>
      <c r="D3223" s="549"/>
      <c r="E3223" s="549"/>
      <c r="F3223" s="549"/>
      <c r="G3223" s="478"/>
      <c r="H3223" s="478"/>
      <c r="I3223" s="478"/>
      <c r="J3223" s="478"/>
      <c r="K3223" s="478"/>
      <c r="L3223" s="501"/>
    </row>
    <row r="3224" spans="1:12" ht="16.149999999999999" customHeight="1">
      <c r="A3224" s="498" t="s">
        <v>686</v>
      </c>
      <c r="B3224" s="500"/>
      <c r="C3224" s="499" t="s">
        <v>309</v>
      </c>
      <c r="D3224" s="499" t="s">
        <v>685</v>
      </c>
      <c r="E3224" s="499" t="s">
        <v>684</v>
      </c>
      <c r="F3224" s="499" t="s">
        <v>683</v>
      </c>
      <c r="G3224" s="498" t="s">
        <v>682</v>
      </c>
      <c r="H3224" s="497"/>
      <c r="I3224" s="497"/>
      <c r="J3224" s="497"/>
      <c r="K3224" s="497"/>
      <c r="L3224" s="496"/>
    </row>
    <row r="3225" spans="1:12" ht="16.149999999999999" customHeight="1">
      <c r="A3225" s="733" t="s">
        <v>701</v>
      </c>
      <c r="B3225" s="734"/>
      <c r="C3225" s="495"/>
      <c r="D3225" s="494"/>
      <c r="E3225" s="493"/>
      <c r="F3225" s="492"/>
      <c r="G3225" s="486" t="s">
        <v>651</v>
      </c>
      <c r="H3225" s="549"/>
      <c r="I3225" s="549"/>
      <c r="J3225" s="549"/>
      <c r="K3225" s="549"/>
      <c r="L3225" s="551"/>
    </row>
    <row r="3226" spans="1:12" ht="16.149999999999999" customHeight="1">
      <c r="A3226" s="735"/>
      <c r="B3226" s="736"/>
      <c r="C3226" s="490"/>
      <c r="D3226" s="489"/>
      <c r="E3226" s="491"/>
      <c r="F3226" s="487" t="s">
        <v>651</v>
      </c>
      <c r="G3226" s="486" t="s">
        <v>651</v>
      </c>
      <c r="H3226" s="549"/>
      <c r="I3226" s="549"/>
      <c r="J3226" s="549"/>
      <c r="K3226" s="549"/>
      <c r="L3226" s="551"/>
    </row>
    <row r="3227" spans="1:12" ht="16.149999999999999" customHeight="1">
      <c r="A3227" s="735" t="s">
        <v>651</v>
      </c>
      <c r="B3227" s="736"/>
      <c r="C3227" s="490" t="s">
        <v>248</v>
      </c>
      <c r="D3227" s="489"/>
      <c r="E3227" s="488"/>
      <c r="F3227" s="487"/>
      <c r="G3227" s="486" t="s">
        <v>651</v>
      </c>
      <c r="H3227" s="549"/>
      <c r="I3227" s="549"/>
      <c r="J3227" s="549"/>
      <c r="K3227" s="549"/>
      <c r="L3227" s="551"/>
    </row>
    <row r="3228" spans="1:12" ht="16.149999999999999" customHeight="1">
      <c r="A3228" s="737"/>
      <c r="B3228" s="738"/>
      <c r="C3228" s="485"/>
      <c r="D3228" s="484"/>
      <c r="E3228" s="483"/>
      <c r="F3228" s="482"/>
      <c r="G3228" s="481" t="s">
        <v>651</v>
      </c>
      <c r="H3228" s="476"/>
      <c r="I3228" s="476"/>
      <c r="J3228" s="476"/>
      <c r="K3228" s="476"/>
      <c r="L3228" s="475"/>
    </row>
    <row r="3229" spans="1:12" ht="16.149999999999999" customHeight="1">
      <c r="A3229" s="733" t="s">
        <v>250</v>
      </c>
      <c r="B3229" s="734"/>
      <c r="C3229" s="495"/>
      <c r="D3229" s="494"/>
      <c r="E3229" s="493"/>
      <c r="F3229" s="492"/>
      <c r="G3229" s="486" t="s">
        <v>651</v>
      </c>
      <c r="H3229" s="549"/>
      <c r="I3229" s="549"/>
      <c r="J3229" s="549"/>
      <c r="K3229" s="549"/>
      <c r="L3229" s="551"/>
    </row>
    <row r="3230" spans="1:12" ht="16.149999999999999" customHeight="1">
      <c r="A3230" s="735"/>
      <c r="B3230" s="736"/>
      <c r="C3230" s="490"/>
      <c r="D3230" s="489"/>
      <c r="E3230" s="491"/>
      <c r="F3230" s="487" t="s">
        <v>651</v>
      </c>
      <c r="G3230" s="486" t="s">
        <v>651</v>
      </c>
      <c r="H3230" s="549"/>
      <c r="I3230" s="549"/>
      <c r="J3230" s="549"/>
      <c r="K3230" s="549"/>
      <c r="L3230" s="551"/>
    </row>
    <row r="3231" spans="1:12" ht="16.149999999999999" customHeight="1">
      <c r="A3231" s="735" t="s">
        <v>651</v>
      </c>
      <c r="B3231" s="736"/>
      <c r="C3231" s="490" t="s">
        <v>248</v>
      </c>
      <c r="D3231" s="489"/>
      <c r="E3231" s="488"/>
      <c r="F3231" s="487"/>
      <c r="G3231" s="486" t="s">
        <v>651</v>
      </c>
      <c r="H3231" s="549"/>
      <c r="I3231" s="549"/>
      <c r="J3231" s="549"/>
      <c r="K3231" s="549"/>
      <c r="L3231" s="551"/>
    </row>
    <row r="3232" spans="1:12" ht="16.149999999999999" customHeight="1">
      <c r="A3232" s="737"/>
      <c r="B3232" s="738"/>
      <c r="C3232" s="485"/>
      <c r="D3232" s="484"/>
      <c r="E3232" s="483"/>
      <c r="F3232" s="482"/>
      <c r="G3232" s="481" t="s">
        <v>651</v>
      </c>
      <c r="H3232" s="476"/>
      <c r="I3232" s="476"/>
      <c r="J3232" s="476"/>
      <c r="K3232" s="476"/>
      <c r="L3232" s="475"/>
    </row>
    <row r="3233" spans="1:12" ht="16.149999999999999" customHeight="1">
      <c r="A3233" s="733" t="s">
        <v>651</v>
      </c>
      <c r="B3233" s="734"/>
      <c r="C3233" s="495"/>
      <c r="D3233" s="494"/>
      <c r="E3233" s="493"/>
      <c r="F3233" s="492"/>
      <c r="G3233" s="486" t="s">
        <v>651</v>
      </c>
      <c r="H3233" s="549"/>
      <c r="I3233" s="549"/>
      <c r="J3233" s="549"/>
      <c r="K3233" s="549"/>
      <c r="L3233" s="551"/>
    </row>
    <row r="3234" spans="1:12" ht="16.149999999999999" customHeight="1">
      <c r="A3234" s="735"/>
      <c r="B3234" s="736"/>
      <c r="C3234" s="490"/>
      <c r="D3234" s="489"/>
      <c r="E3234" s="491"/>
      <c r="F3234" s="487" t="s">
        <v>651</v>
      </c>
      <c r="G3234" s="486" t="s">
        <v>651</v>
      </c>
      <c r="H3234" s="549"/>
      <c r="I3234" s="549"/>
      <c r="J3234" s="549"/>
      <c r="K3234" s="549"/>
      <c r="L3234" s="551"/>
    </row>
    <row r="3235" spans="1:12" ht="16.149999999999999" customHeight="1">
      <c r="A3235" s="735" t="s">
        <v>691</v>
      </c>
      <c r="B3235" s="736"/>
      <c r="C3235" s="490" t="s">
        <v>240</v>
      </c>
      <c r="D3235" s="489">
        <v>10</v>
      </c>
      <c r="E3235" s="488"/>
      <c r="F3235" s="487"/>
      <c r="G3235" s="486" t="s">
        <v>651</v>
      </c>
      <c r="H3235" s="549"/>
      <c r="I3235" s="549"/>
      <c r="J3235" s="549"/>
      <c r="K3235" s="549"/>
      <c r="L3235" s="551"/>
    </row>
    <row r="3236" spans="1:12" ht="16.149999999999999" customHeight="1">
      <c r="A3236" s="737"/>
      <c r="B3236" s="738"/>
      <c r="C3236" s="485"/>
      <c r="D3236" s="484"/>
      <c r="E3236" s="483"/>
      <c r="F3236" s="482"/>
      <c r="G3236" s="481" t="s">
        <v>651</v>
      </c>
      <c r="H3236" s="476"/>
      <c r="I3236" s="476"/>
      <c r="J3236" s="476"/>
      <c r="K3236" s="476"/>
      <c r="L3236" s="475"/>
    </row>
    <row r="3237" spans="1:12" ht="16.149999999999999" customHeight="1">
      <c r="A3237" s="733" t="s">
        <v>651</v>
      </c>
      <c r="B3237" s="734"/>
      <c r="C3237" s="495"/>
      <c r="D3237" s="494"/>
      <c r="E3237" s="493"/>
      <c r="F3237" s="492"/>
      <c r="G3237" s="486" t="s">
        <v>651</v>
      </c>
      <c r="H3237" s="549"/>
      <c r="I3237" s="549"/>
      <c r="J3237" s="549"/>
      <c r="K3237" s="549"/>
      <c r="L3237" s="551"/>
    </row>
    <row r="3238" spans="1:12" ht="16.149999999999999" customHeight="1">
      <c r="A3238" s="735"/>
      <c r="B3238" s="736"/>
      <c r="C3238" s="490"/>
      <c r="D3238" s="489"/>
      <c r="E3238" s="491"/>
      <c r="F3238" s="487" t="s">
        <v>651</v>
      </c>
      <c r="G3238" s="486" t="s">
        <v>651</v>
      </c>
      <c r="H3238" s="549"/>
      <c r="I3238" s="549"/>
      <c r="J3238" s="549"/>
      <c r="K3238" s="549"/>
      <c r="L3238" s="551"/>
    </row>
    <row r="3239" spans="1:12" ht="16.149999999999999" customHeight="1">
      <c r="A3239" s="735" t="s">
        <v>681</v>
      </c>
      <c r="B3239" s="736"/>
      <c r="C3239" s="490" t="s">
        <v>240</v>
      </c>
      <c r="D3239" s="489">
        <v>1</v>
      </c>
      <c r="E3239" s="488" t="s">
        <v>618</v>
      </c>
      <c r="F3239" s="487"/>
      <c r="G3239" s="486" t="s">
        <v>651</v>
      </c>
      <c r="H3239" s="549"/>
      <c r="I3239" s="549"/>
      <c r="J3239" s="549"/>
      <c r="K3239" s="549"/>
      <c r="L3239" s="551"/>
    </row>
    <row r="3240" spans="1:12" ht="16.149999999999999" customHeight="1">
      <c r="A3240" s="737"/>
      <c r="B3240" s="738"/>
      <c r="C3240" s="485"/>
      <c r="D3240" s="484"/>
      <c r="E3240" s="483"/>
      <c r="F3240" s="482"/>
      <c r="G3240" s="481" t="s">
        <v>651</v>
      </c>
      <c r="H3240" s="476"/>
      <c r="I3240" s="476"/>
      <c r="J3240" s="476"/>
      <c r="K3240" s="476"/>
      <c r="L3240" s="475"/>
    </row>
    <row r="3242" spans="1:12" ht="16.149999999999999" customHeight="1">
      <c r="A3242" s="507" t="s">
        <v>651</v>
      </c>
      <c r="B3242" s="479" t="s">
        <v>705</v>
      </c>
      <c r="C3242" s="480"/>
      <c r="D3242" s="479"/>
      <c r="E3242" s="479"/>
      <c r="F3242" s="479"/>
      <c r="G3242" s="479"/>
      <c r="H3242" s="479" t="s">
        <v>617</v>
      </c>
      <c r="I3242" s="480" t="s">
        <v>706</v>
      </c>
      <c r="J3242" s="479" t="s">
        <v>689</v>
      </c>
      <c r="K3242" s="479" t="s">
        <v>688</v>
      </c>
      <c r="L3242" s="506"/>
    </row>
    <row r="3243" spans="1:12" ht="16.149999999999999" customHeight="1">
      <c r="A3243" s="505" t="s">
        <v>651</v>
      </c>
      <c r="B3243" s="549" t="s">
        <v>702</v>
      </c>
      <c r="C3243" s="550"/>
      <c r="D3243" s="549"/>
      <c r="E3243" s="549"/>
      <c r="F3243" s="549"/>
      <c r="G3243" s="478"/>
      <c r="H3243" s="549"/>
      <c r="I3243" s="504"/>
      <c r="J3243" s="503" t="s">
        <v>687</v>
      </c>
      <c r="K3243" s="502" t="s">
        <v>697</v>
      </c>
      <c r="L3243" s="501" t="s">
        <v>618</v>
      </c>
    </row>
    <row r="3244" spans="1:12" ht="16.149999999999999" customHeight="1">
      <c r="A3244" s="477" t="s">
        <v>651</v>
      </c>
      <c r="B3244" s="549"/>
      <c r="C3244" s="550"/>
      <c r="D3244" s="549"/>
      <c r="E3244" s="549"/>
      <c r="F3244" s="549"/>
      <c r="G3244" s="478"/>
      <c r="H3244" s="478"/>
      <c r="I3244" s="478"/>
      <c r="J3244" s="478"/>
      <c r="K3244" s="478"/>
      <c r="L3244" s="501"/>
    </row>
    <row r="3245" spans="1:12" ht="16.149999999999999" customHeight="1">
      <c r="A3245" s="498" t="s">
        <v>686</v>
      </c>
      <c r="B3245" s="500"/>
      <c r="C3245" s="499" t="s">
        <v>309</v>
      </c>
      <c r="D3245" s="499" t="s">
        <v>685</v>
      </c>
      <c r="E3245" s="499" t="s">
        <v>684</v>
      </c>
      <c r="F3245" s="499" t="s">
        <v>683</v>
      </c>
      <c r="G3245" s="498" t="s">
        <v>682</v>
      </c>
      <c r="H3245" s="497"/>
      <c r="I3245" s="497"/>
      <c r="J3245" s="497"/>
      <c r="K3245" s="497"/>
      <c r="L3245" s="496"/>
    </row>
    <row r="3246" spans="1:12" ht="16.149999999999999" customHeight="1">
      <c r="A3246" s="733" t="s">
        <v>701</v>
      </c>
      <c r="B3246" s="734"/>
      <c r="C3246" s="495"/>
      <c r="D3246" s="494"/>
      <c r="E3246" s="493"/>
      <c r="F3246" s="492"/>
      <c r="G3246" s="486" t="s">
        <v>651</v>
      </c>
      <c r="H3246" s="549"/>
      <c r="I3246" s="549"/>
      <c r="J3246" s="549"/>
      <c r="K3246" s="549"/>
      <c r="L3246" s="551"/>
    </row>
    <row r="3247" spans="1:12" ht="16.149999999999999" customHeight="1">
      <c r="A3247" s="735"/>
      <c r="B3247" s="736"/>
      <c r="C3247" s="490"/>
      <c r="D3247" s="489"/>
      <c r="E3247" s="491"/>
      <c r="F3247" s="487" t="s">
        <v>651</v>
      </c>
      <c r="G3247" s="486" t="s">
        <v>651</v>
      </c>
      <c r="H3247" s="549"/>
      <c r="I3247" s="549"/>
      <c r="J3247" s="549"/>
      <c r="K3247" s="549"/>
      <c r="L3247" s="551"/>
    </row>
    <row r="3248" spans="1:12" ht="16.149999999999999" customHeight="1">
      <c r="A3248" s="735" t="s">
        <v>651</v>
      </c>
      <c r="B3248" s="736"/>
      <c r="C3248" s="490" t="s">
        <v>248</v>
      </c>
      <c r="D3248" s="489"/>
      <c r="E3248" s="488"/>
      <c r="F3248" s="487"/>
      <c r="G3248" s="486" t="s">
        <v>651</v>
      </c>
      <c r="H3248" s="549"/>
      <c r="I3248" s="549"/>
      <c r="J3248" s="549"/>
      <c r="K3248" s="549"/>
      <c r="L3248" s="551"/>
    </row>
    <row r="3249" spans="1:12" ht="16.149999999999999" customHeight="1">
      <c r="A3249" s="737"/>
      <c r="B3249" s="738"/>
      <c r="C3249" s="485"/>
      <c r="D3249" s="484"/>
      <c r="E3249" s="483"/>
      <c r="F3249" s="482"/>
      <c r="G3249" s="481" t="s">
        <v>651</v>
      </c>
      <c r="H3249" s="476"/>
      <c r="I3249" s="476"/>
      <c r="J3249" s="476"/>
      <c r="K3249" s="476"/>
      <c r="L3249" s="475"/>
    </row>
    <row r="3250" spans="1:12" ht="16.149999999999999" customHeight="1">
      <c r="A3250" s="733" t="s">
        <v>250</v>
      </c>
      <c r="B3250" s="734"/>
      <c r="C3250" s="495"/>
      <c r="D3250" s="494"/>
      <c r="E3250" s="493"/>
      <c r="F3250" s="492"/>
      <c r="G3250" s="486" t="s">
        <v>651</v>
      </c>
      <c r="H3250" s="549"/>
      <c r="I3250" s="549"/>
      <c r="J3250" s="549"/>
      <c r="K3250" s="549"/>
      <c r="L3250" s="551"/>
    </row>
    <row r="3251" spans="1:12" ht="16.149999999999999" customHeight="1">
      <c r="A3251" s="735"/>
      <c r="B3251" s="736"/>
      <c r="C3251" s="490"/>
      <c r="D3251" s="489"/>
      <c r="E3251" s="491"/>
      <c r="F3251" s="487" t="s">
        <v>651</v>
      </c>
      <c r="G3251" s="486" t="s">
        <v>651</v>
      </c>
      <c r="H3251" s="549"/>
      <c r="I3251" s="549"/>
      <c r="J3251" s="549"/>
      <c r="K3251" s="549"/>
      <c r="L3251" s="551"/>
    </row>
    <row r="3252" spans="1:12" ht="16.149999999999999" customHeight="1">
      <c r="A3252" s="735" t="s">
        <v>651</v>
      </c>
      <c r="B3252" s="736"/>
      <c r="C3252" s="490" t="s">
        <v>248</v>
      </c>
      <c r="D3252" s="489"/>
      <c r="E3252" s="488"/>
      <c r="F3252" s="487"/>
      <c r="G3252" s="486" t="s">
        <v>651</v>
      </c>
      <c r="H3252" s="549"/>
      <c r="I3252" s="549"/>
      <c r="J3252" s="549"/>
      <c r="K3252" s="549"/>
      <c r="L3252" s="551"/>
    </row>
    <row r="3253" spans="1:12" ht="16.149999999999999" customHeight="1">
      <c r="A3253" s="737"/>
      <c r="B3253" s="738"/>
      <c r="C3253" s="485"/>
      <c r="D3253" s="484"/>
      <c r="E3253" s="483"/>
      <c r="F3253" s="482"/>
      <c r="G3253" s="481" t="s">
        <v>651</v>
      </c>
      <c r="H3253" s="476"/>
      <c r="I3253" s="476"/>
      <c r="J3253" s="476"/>
      <c r="K3253" s="476"/>
      <c r="L3253" s="475"/>
    </row>
    <row r="3256" spans="1:12" ht="16.149999999999999" customHeight="1">
      <c r="A3256" s="507" t="s">
        <v>651</v>
      </c>
      <c r="B3256" s="479" t="s">
        <v>705</v>
      </c>
      <c r="C3256" s="480"/>
      <c r="D3256" s="479"/>
      <c r="E3256" s="479"/>
      <c r="F3256" s="479"/>
      <c r="G3256" s="479"/>
      <c r="H3256" s="479" t="s">
        <v>617</v>
      </c>
      <c r="I3256" s="480" t="s">
        <v>706</v>
      </c>
      <c r="J3256" s="479" t="s">
        <v>689</v>
      </c>
      <c r="K3256" s="479" t="s">
        <v>688</v>
      </c>
      <c r="L3256" s="506"/>
    </row>
    <row r="3257" spans="1:12" ht="16.149999999999999" customHeight="1">
      <c r="A3257" s="505" t="s">
        <v>651</v>
      </c>
      <c r="B3257" s="549" t="s">
        <v>702</v>
      </c>
      <c r="C3257" s="550"/>
      <c r="D3257" s="549"/>
      <c r="E3257" s="549"/>
      <c r="F3257" s="549"/>
      <c r="G3257" s="478"/>
      <c r="H3257" s="549"/>
      <c r="I3257" s="504"/>
      <c r="J3257" s="503" t="s">
        <v>687</v>
      </c>
      <c r="K3257" s="502" t="s">
        <v>697</v>
      </c>
      <c r="L3257" s="501" t="s">
        <v>618</v>
      </c>
    </row>
    <row r="3258" spans="1:12" ht="16.149999999999999" customHeight="1">
      <c r="A3258" s="477" t="s">
        <v>651</v>
      </c>
      <c r="B3258" s="549"/>
      <c r="C3258" s="550"/>
      <c r="D3258" s="549"/>
      <c r="E3258" s="549"/>
      <c r="F3258" s="549"/>
      <c r="G3258" s="478"/>
      <c r="H3258" s="478"/>
      <c r="I3258" s="478"/>
      <c r="J3258" s="478"/>
      <c r="K3258" s="478"/>
      <c r="L3258" s="501"/>
    </row>
    <row r="3259" spans="1:12" ht="16.149999999999999" customHeight="1">
      <c r="A3259" s="498" t="s">
        <v>686</v>
      </c>
      <c r="B3259" s="500"/>
      <c r="C3259" s="499" t="s">
        <v>309</v>
      </c>
      <c r="D3259" s="499" t="s">
        <v>685</v>
      </c>
      <c r="E3259" s="499" t="s">
        <v>684</v>
      </c>
      <c r="F3259" s="499" t="s">
        <v>683</v>
      </c>
      <c r="G3259" s="498" t="s">
        <v>682</v>
      </c>
      <c r="H3259" s="497"/>
      <c r="I3259" s="497"/>
      <c r="J3259" s="497"/>
      <c r="K3259" s="497"/>
      <c r="L3259" s="496"/>
    </row>
    <row r="3260" spans="1:12" ht="16.149999999999999" customHeight="1">
      <c r="A3260" s="733" t="s">
        <v>700</v>
      </c>
      <c r="B3260" s="734"/>
      <c r="C3260" s="495"/>
      <c r="D3260" s="494"/>
      <c r="E3260" s="493"/>
      <c r="F3260" s="492"/>
      <c r="G3260" s="486" t="s">
        <v>651</v>
      </c>
      <c r="H3260" s="549"/>
      <c r="I3260" s="549"/>
      <c r="J3260" s="549"/>
      <c r="K3260" s="549"/>
      <c r="L3260" s="551"/>
    </row>
    <row r="3261" spans="1:12" ht="16.149999999999999" customHeight="1">
      <c r="A3261" s="735"/>
      <c r="B3261" s="736"/>
      <c r="C3261" s="490"/>
      <c r="D3261" s="489"/>
      <c r="E3261" s="491"/>
      <c r="F3261" s="487" t="s">
        <v>651</v>
      </c>
      <c r="G3261" s="486" t="s">
        <v>651</v>
      </c>
      <c r="H3261" s="549"/>
      <c r="I3261" s="549"/>
      <c r="J3261" s="549"/>
      <c r="K3261" s="549"/>
      <c r="L3261" s="551"/>
    </row>
    <row r="3262" spans="1:12" ht="16.149999999999999" customHeight="1">
      <c r="A3262" s="735" t="s">
        <v>651</v>
      </c>
      <c r="B3262" s="736"/>
      <c r="C3262" s="490" t="s">
        <v>242</v>
      </c>
      <c r="D3262" s="489">
        <v>1</v>
      </c>
      <c r="E3262" s="488"/>
      <c r="F3262" s="487"/>
      <c r="G3262" s="486" t="s">
        <v>651</v>
      </c>
      <c r="H3262" s="549"/>
      <c r="I3262" s="549"/>
      <c r="J3262" s="549"/>
      <c r="K3262" s="549"/>
      <c r="L3262" s="551"/>
    </row>
    <row r="3263" spans="1:12" ht="16.149999999999999" customHeight="1">
      <c r="A3263" s="737"/>
      <c r="B3263" s="738"/>
      <c r="C3263" s="485"/>
      <c r="D3263" s="484"/>
      <c r="E3263" s="483"/>
      <c r="F3263" s="482"/>
      <c r="G3263" s="481" t="s">
        <v>651</v>
      </c>
      <c r="H3263" s="476"/>
      <c r="I3263" s="476"/>
      <c r="J3263" s="476"/>
      <c r="K3263" s="476"/>
      <c r="L3263" s="475"/>
    </row>
    <row r="3264" spans="1:12" ht="16.149999999999999" customHeight="1">
      <c r="A3264" s="733" t="s">
        <v>651</v>
      </c>
      <c r="B3264" s="734"/>
      <c r="C3264" s="495"/>
      <c r="D3264" s="494"/>
      <c r="E3264" s="493"/>
      <c r="F3264" s="492"/>
      <c r="G3264" s="486" t="s">
        <v>651</v>
      </c>
      <c r="H3264" s="549"/>
      <c r="I3264" s="549"/>
      <c r="J3264" s="549"/>
      <c r="K3264" s="549"/>
      <c r="L3264" s="551"/>
    </row>
    <row r="3265" spans="1:12" ht="16.149999999999999" customHeight="1">
      <c r="A3265" s="735"/>
      <c r="B3265" s="736"/>
      <c r="C3265" s="490"/>
      <c r="D3265" s="489"/>
      <c r="E3265" s="491"/>
      <c r="F3265" s="487" t="s">
        <v>651</v>
      </c>
      <c r="G3265" s="486" t="s">
        <v>651</v>
      </c>
      <c r="H3265" s="549"/>
      <c r="I3265" s="549"/>
      <c r="J3265" s="549"/>
      <c r="K3265" s="549"/>
      <c r="L3265" s="551"/>
    </row>
    <row r="3266" spans="1:12" ht="16.149999999999999" customHeight="1">
      <c r="A3266" s="735" t="s">
        <v>691</v>
      </c>
      <c r="B3266" s="736"/>
      <c r="C3266" s="490" t="s">
        <v>697</v>
      </c>
      <c r="D3266" s="489">
        <v>1</v>
      </c>
      <c r="E3266" s="488"/>
      <c r="F3266" s="487"/>
      <c r="G3266" s="486" t="s">
        <v>651</v>
      </c>
      <c r="H3266" s="549"/>
      <c r="I3266" s="549"/>
      <c r="J3266" s="549"/>
      <c r="K3266" s="549"/>
      <c r="L3266" s="551"/>
    </row>
    <row r="3267" spans="1:12" ht="16.149999999999999" customHeight="1">
      <c r="A3267" s="737"/>
      <c r="B3267" s="738"/>
      <c r="C3267" s="485"/>
      <c r="D3267" s="484"/>
      <c r="E3267" s="483"/>
      <c r="F3267" s="482"/>
      <c r="G3267" s="481" t="s">
        <v>651</v>
      </c>
      <c r="H3267" s="476"/>
      <c r="I3267" s="476"/>
      <c r="J3267" s="476"/>
      <c r="K3267" s="476"/>
      <c r="L3267" s="475"/>
    </row>
    <row r="3268" spans="1:12" ht="16.149999999999999" customHeight="1">
      <c r="A3268" s="733" t="s">
        <v>651</v>
      </c>
      <c r="B3268" s="734"/>
      <c r="C3268" s="495"/>
      <c r="D3268" s="494"/>
      <c r="E3268" s="493"/>
      <c r="F3268" s="492"/>
      <c r="G3268" s="486" t="s">
        <v>651</v>
      </c>
      <c r="H3268" s="549"/>
      <c r="I3268" s="549"/>
      <c r="J3268" s="549"/>
      <c r="K3268" s="549"/>
      <c r="L3268" s="551"/>
    </row>
    <row r="3269" spans="1:12" ht="16.149999999999999" customHeight="1">
      <c r="A3269" s="735"/>
      <c r="B3269" s="736"/>
      <c r="C3269" s="490"/>
      <c r="D3269" s="489"/>
      <c r="E3269" s="491"/>
      <c r="F3269" s="487" t="s">
        <v>651</v>
      </c>
      <c r="G3269" s="486" t="s">
        <v>651</v>
      </c>
      <c r="H3269" s="549"/>
      <c r="I3269" s="549"/>
      <c r="J3269" s="549"/>
      <c r="K3269" s="549"/>
      <c r="L3269" s="551"/>
    </row>
    <row r="3270" spans="1:12" ht="16.149999999999999" customHeight="1">
      <c r="A3270" s="735" t="s">
        <v>681</v>
      </c>
      <c r="B3270" s="736"/>
      <c r="C3270" s="490" t="s">
        <v>697</v>
      </c>
      <c r="D3270" s="489">
        <v>1</v>
      </c>
      <c r="E3270" s="488" t="s">
        <v>618</v>
      </c>
      <c r="F3270" s="487"/>
      <c r="G3270" s="486" t="s">
        <v>651</v>
      </c>
      <c r="H3270" s="549"/>
      <c r="I3270" s="549"/>
      <c r="J3270" s="549"/>
      <c r="K3270" s="549"/>
      <c r="L3270" s="551"/>
    </row>
    <row r="3271" spans="1:12" ht="16.149999999999999" customHeight="1">
      <c r="A3271" s="737"/>
      <c r="B3271" s="738"/>
      <c r="C3271" s="485"/>
      <c r="D3271" s="484"/>
      <c r="E3271" s="483"/>
      <c r="F3271" s="482"/>
      <c r="G3271" s="481" t="s">
        <v>651</v>
      </c>
      <c r="H3271" s="476"/>
      <c r="I3271" s="476"/>
      <c r="J3271" s="476"/>
      <c r="K3271" s="476"/>
      <c r="L3271" s="475"/>
    </row>
    <row r="3273" spans="1:12" ht="16.149999999999999" customHeight="1">
      <c r="A3273" s="507" t="s">
        <v>651</v>
      </c>
      <c r="B3273" s="479" t="s">
        <v>1658</v>
      </c>
      <c r="C3273" s="480"/>
      <c r="D3273" s="479"/>
      <c r="E3273" s="479"/>
      <c r="F3273" s="479"/>
      <c r="G3273" s="479"/>
      <c r="H3273" s="479" t="s">
        <v>617</v>
      </c>
      <c r="I3273" s="480" t="s">
        <v>704</v>
      </c>
      <c r="J3273" s="479" t="s">
        <v>689</v>
      </c>
      <c r="K3273" s="479" t="s">
        <v>688</v>
      </c>
      <c r="L3273" s="506"/>
    </row>
    <row r="3274" spans="1:12" ht="16.149999999999999" customHeight="1">
      <c r="A3274" s="505" t="s">
        <v>651</v>
      </c>
      <c r="B3274" s="549" t="s">
        <v>702</v>
      </c>
      <c r="C3274" s="550"/>
      <c r="D3274" s="549"/>
      <c r="E3274" s="549"/>
      <c r="F3274" s="549"/>
      <c r="G3274" s="478"/>
      <c r="H3274" s="549"/>
      <c r="I3274" s="504"/>
      <c r="J3274" s="503" t="s">
        <v>703</v>
      </c>
      <c r="K3274" s="502" t="s">
        <v>697</v>
      </c>
      <c r="L3274" s="501" t="s">
        <v>618</v>
      </c>
    </row>
    <row r="3275" spans="1:12" ht="16.149999999999999" customHeight="1">
      <c r="A3275" s="477" t="s">
        <v>651</v>
      </c>
      <c r="B3275" s="549"/>
      <c r="C3275" s="550"/>
      <c r="D3275" s="549"/>
      <c r="E3275" s="549"/>
      <c r="F3275" s="549"/>
      <c r="G3275" s="478"/>
      <c r="H3275" s="478"/>
      <c r="I3275" s="478"/>
      <c r="J3275" s="478"/>
      <c r="K3275" s="478"/>
      <c r="L3275" s="501"/>
    </row>
    <row r="3276" spans="1:12" ht="16.149999999999999" customHeight="1">
      <c r="A3276" s="498" t="s">
        <v>686</v>
      </c>
      <c r="B3276" s="500"/>
      <c r="C3276" s="499" t="s">
        <v>309</v>
      </c>
      <c r="D3276" s="499" t="s">
        <v>685</v>
      </c>
      <c r="E3276" s="499" t="s">
        <v>684</v>
      </c>
      <c r="F3276" s="499" t="s">
        <v>683</v>
      </c>
      <c r="G3276" s="498" t="s">
        <v>682</v>
      </c>
      <c r="H3276" s="497"/>
      <c r="I3276" s="497"/>
      <c r="J3276" s="497"/>
      <c r="K3276" s="497"/>
      <c r="L3276" s="496"/>
    </row>
    <row r="3277" spans="1:12" ht="16.149999999999999" customHeight="1">
      <c r="A3277" s="733" t="s">
        <v>701</v>
      </c>
      <c r="B3277" s="734"/>
      <c r="C3277" s="495"/>
      <c r="D3277" s="494"/>
      <c r="E3277" s="493"/>
      <c r="F3277" s="492"/>
      <c r="G3277" s="486" t="s">
        <v>651</v>
      </c>
      <c r="H3277" s="549"/>
      <c r="I3277" s="549"/>
      <c r="J3277" s="549"/>
      <c r="K3277" s="549"/>
      <c r="L3277" s="551"/>
    </row>
    <row r="3278" spans="1:12" ht="16.149999999999999" customHeight="1">
      <c r="A3278" s="735"/>
      <c r="B3278" s="736"/>
      <c r="C3278" s="490"/>
      <c r="D3278" s="489"/>
      <c r="E3278" s="491"/>
      <c r="F3278" s="487" t="s">
        <v>651</v>
      </c>
      <c r="G3278" s="486" t="s">
        <v>651</v>
      </c>
      <c r="H3278" s="549"/>
      <c r="I3278" s="549"/>
      <c r="J3278" s="549"/>
      <c r="K3278" s="549"/>
      <c r="L3278" s="551"/>
    </row>
    <row r="3279" spans="1:12" ht="16.149999999999999" customHeight="1">
      <c r="A3279" s="735" t="s">
        <v>651</v>
      </c>
      <c r="B3279" s="736"/>
      <c r="C3279" s="490" t="s">
        <v>248</v>
      </c>
      <c r="D3279" s="489"/>
      <c r="E3279" s="488"/>
      <c r="F3279" s="487"/>
      <c r="G3279" s="486" t="s">
        <v>651</v>
      </c>
      <c r="H3279" s="549"/>
      <c r="I3279" s="549"/>
      <c r="J3279" s="549"/>
      <c r="K3279" s="549"/>
      <c r="L3279" s="551"/>
    </row>
    <row r="3280" spans="1:12" ht="16.149999999999999" customHeight="1">
      <c r="A3280" s="737"/>
      <c r="B3280" s="738"/>
      <c r="C3280" s="485"/>
      <c r="D3280" s="484"/>
      <c r="E3280" s="483"/>
      <c r="F3280" s="482"/>
      <c r="G3280" s="481" t="s">
        <v>651</v>
      </c>
      <c r="H3280" s="476"/>
      <c r="I3280" s="476"/>
      <c r="J3280" s="476"/>
      <c r="K3280" s="476"/>
      <c r="L3280" s="475"/>
    </row>
    <row r="3281" spans="1:12" ht="16.149999999999999" customHeight="1">
      <c r="A3281" s="733" t="s">
        <v>250</v>
      </c>
      <c r="B3281" s="734"/>
      <c r="C3281" s="495"/>
      <c r="D3281" s="494"/>
      <c r="E3281" s="493"/>
      <c r="F3281" s="492"/>
      <c r="G3281" s="486" t="s">
        <v>651</v>
      </c>
      <c r="H3281" s="549"/>
      <c r="I3281" s="549"/>
      <c r="J3281" s="549"/>
      <c r="K3281" s="549"/>
      <c r="L3281" s="551"/>
    </row>
    <row r="3282" spans="1:12" ht="16.149999999999999" customHeight="1">
      <c r="A3282" s="735"/>
      <c r="B3282" s="736"/>
      <c r="C3282" s="490"/>
      <c r="D3282" s="489"/>
      <c r="E3282" s="491"/>
      <c r="F3282" s="487" t="s">
        <v>651</v>
      </c>
      <c r="G3282" s="486" t="s">
        <v>651</v>
      </c>
      <c r="H3282" s="549"/>
      <c r="I3282" s="549"/>
      <c r="J3282" s="549"/>
      <c r="K3282" s="549"/>
      <c r="L3282" s="551"/>
    </row>
    <row r="3283" spans="1:12" ht="16.149999999999999" customHeight="1">
      <c r="A3283" s="735" t="s">
        <v>651</v>
      </c>
      <c r="B3283" s="736"/>
      <c r="C3283" s="490" t="s">
        <v>248</v>
      </c>
      <c r="D3283" s="489"/>
      <c r="E3283" s="488"/>
      <c r="F3283" s="487"/>
      <c r="G3283" s="486" t="s">
        <v>651</v>
      </c>
      <c r="H3283" s="549"/>
      <c r="I3283" s="549"/>
      <c r="J3283" s="549"/>
      <c r="K3283" s="549"/>
      <c r="L3283" s="551"/>
    </row>
    <row r="3284" spans="1:12" ht="16.149999999999999" customHeight="1">
      <c r="A3284" s="737"/>
      <c r="B3284" s="738"/>
      <c r="C3284" s="485"/>
      <c r="D3284" s="484"/>
      <c r="E3284" s="483"/>
      <c r="F3284" s="482"/>
      <c r="G3284" s="481" t="s">
        <v>651</v>
      </c>
      <c r="H3284" s="476"/>
      <c r="I3284" s="476"/>
      <c r="J3284" s="476"/>
      <c r="K3284" s="476"/>
      <c r="L3284" s="475"/>
    </row>
    <row r="3285" spans="1:12" ht="16.149999999999999" customHeight="1">
      <c r="A3285" s="733" t="s">
        <v>651</v>
      </c>
      <c r="B3285" s="734"/>
      <c r="C3285" s="495"/>
      <c r="D3285" s="494"/>
      <c r="E3285" s="493"/>
      <c r="F3285" s="492"/>
      <c r="G3285" s="486" t="s">
        <v>651</v>
      </c>
      <c r="H3285" s="549"/>
      <c r="I3285" s="549"/>
      <c r="J3285" s="549"/>
      <c r="K3285" s="549"/>
      <c r="L3285" s="551"/>
    </row>
    <row r="3286" spans="1:12" ht="16.149999999999999" customHeight="1">
      <c r="A3286" s="735"/>
      <c r="B3286" s="736"/>
      <c r="C3286" s="490"/>
      <c r="D3286" s="489"/>
      <c r="E3286" s="491"/>
      <c r="F3286" s="487" t="s">
        <v>651</v>
      </c>
      <c r="G3286" s="486" t="s">
        <v>651</v>
      </c>
      <c r="H3286" s="549"/>
      <c r="I3286" s="549"/>
      <c r="J3286" s="549"/>
      <c r="K3286" s="549"/>
      <c r="L3286" s="551"/>
    </row>
    <row r="3287" spans="1:12" ht="16.149999999999999" customHeight="1">
      <c r="A3287" s="735" t="s">
        <v>691</v>
      </c>
      <c r="B3287" s="736"/>
      <c r="C3287" s="490" t="s">
        <v>697</v>
      </c>
      <c r="D3287" s="489">
        <v>2</v>
      </c>
      <c r="E3287" s="488"/>
      <c r="F3287" s="487"/>
      <c r="G3287" s="486" t="s">
        <v>651</v>
      </c>
      <c r="H3287" s="549"/>
      <c r="I3287" s="549"/>
      <c r="J3287" s="549"/>
      <c r="K3287" s="549"/>
      <c r="L3287" s="551"/>
    </row>
    <row r="3288" spans="1:12" ht="16.149999999999999" customHeight="1">
      <c r="A3288" s="737"/>
      <c r="B3288" s="738"/>
      <c r="C3288" s="485"/>
      <c r="D3288" s="484"/>
      <c r="E3288" s="483"/>
      <c r="F3288" s="482"/>
      <c r="G3288" s="481" t="s">
        <v>651</v>
      </c>
      <c r="H3288" s="476"/>
      <c r="I3288" s="476"/>
      <c r="J3288" s="476"/>
      <c r="K3288" s="476"/>
      <c r="L3288" s="475"/>
    </row>
    <row r="3291" spans="1:12" ht="16.149999999999999" customHeight="1">
      <c r="A3291" s="507" t="s">
        <v>651</v>
      </c>
      <c r="B3291" s="479" t="s">
        <v>1658</v>
      </c>
      <c r="C3291" s="480"/>
      <c r="D3291" s="479"/>
      <c r="E3291" s="479"/>
      <c r="F3291" s="479"/>
      <c r="G3291" s="479"/>
      <c r="H3291" s="479" t="s">
        <v>617</v>
      </c>
      <c r="I3291" s="480" t="s">
        <v>704</v>
      </c>
      <c r="J3291" s="479" t="s">
        <v>689</v>
      </c>
      <c r="K3291" s="479" t="s">
        <v>688</v>
      </c>
      <c r="L3291" s="506"/>
    </row>
    <row r="3292" spans="1:12" ht="16.149999999999999" customHeight="1">
      <c r="A3292" s="505" t="s">
        <v>651</v>
      </c>
      <c r="B3292" s="549" t="s">
        <v>702</v>
      </c>
      <c r="C3292" s="550"/>
      <c r="D3292" s="549"/>
      <c r="E3292" s="549"/>
      <c r="F3292" s="549"/>
      <c r="G3292" s="478"/>
      <c r="H3292" s="549"/>
      <c r="I3292" s="504"/>
      <c r="J3292" s="503" t="s">
        <v>703</v>
      </c>
      <c r="K3292" s="502" t="s">
        <v>697</v>
      </c>
      <c r="L3292" s="501" t="s">
        <v>618</v>
      </c>
    </row>
    <row r="3293" spans="1:12" ht="16.149999999999999" customHeight="1">
      <c r="A3293" s="477" t="s">
        <v>651</v>
      </c>
      <c r="B3293" s="549"/>
      <c r="C3293" s="550"/>
      <c r="D3293" s="549"/>
      <c r="E3293" s="549"/>
      <c r="F3293" s="549"/>
      <c r="G3293" s="478"/>
      <c r="H3293" s="478"/>
      <c r="I3293" s="478"/>
      <c r="J3293" s="478"/>
      <c r="K3293" s="478"/>
      <c r="L3293" s="501"/>
    </row>
    <row r="3294" spans="1:12" ht="16.149999999999999" customHeight="1">
      <c r="A3294" s="498" t="s">
        <v>686</v>
      </c>
      <c r="B3294" s="500"/>
      <c r="C3294" s="499" t="s">
        <v>309</v>
      </c>
      <c r="D3294" s="499" t="s">
        <v>685</v>
      </c>
      <c r="E3294" s="499" t="s">
        <v>684</v>
      </c>
      <c r="F3294" s="499" t="s">
        <v>683</v>
      </c>
      <c r="G3294" s="498" t="s">
        <v>682</v>
      </c>
      <c r="H3294" s="497"/>
      <c r="I3294" s="497"/>
      <c r="J3294" s="497"/>
      <c r="K3294" s="497"/>
      <c r="L3294" s="496"/>
    </row>
    <row r="3295" spans="1:12" ht="16.149999999999999" customHeight="1">
      <c r="A3295" s="733" t="s">
        <v>651</v>
      </c>
      <c r="B3295" s="734"/>
      <c r="C3295" s="495"/>
      <c r="D3295" s="494"/>
      <c r="E3295" s="493"/>
      <c r="F3295" s="492"/>
      <c r="G3295" s="486" t="s">
        <v>651</v>
      </c>
      <c r="H3295" s="549"/>
      <c r="I3295" s="549"/>
      <c r="J3295" s="549"/>
      <c r="K3295" s="549"/>
      <c r="L3295" s="551"/>
    </row>
    <row r="3296" spans="1:12" ht="16.149999999999999" customHeight="1">
      <c r="A3296" s="735"/>
      <c r="B3296" s="736"/>
      <c r="C3296" s="490"/>
      <c r="D3296" s="489"/>
      <c r="E3296" s="491"/>
      <c r="F3296" s="487" t="s">
        <v>651</v>
      </c>
      <c r="G3296" s="486" t="s">
        <v>651</v>
      </c>
      <c r="H3296" s="549"/>
      <c r="I3296" s="549"/>
      <c r="J3296" s="549"/>
      <c r="K3296" s="549"/>
      <c r="L3296" s="551"/>
    </row>
    <row r="3297" spans="1:12" ht="16.149999999999999" customHeight="1">
      <c r="A3297" s="735" t="s">
        <v>681</v>
      </c>
      <c r="B3297" s="736"/>
      <c r="C3297" s="490" t="s">
        <v>697</v>
      </c>
      <c r="D3297" s="489">
        <v>1</v>
      </c>
      <c r="E3297" s="488" t="s">
        <v>618</v>
      </c>
      <c r="F3297" s="487"/>
      <c r="G3297" s="486" t="s">
        <v>651</v>
      </c>
      <c r="H3297" s="549"/>
      <c r="I3297" s="549"/>
      <c r="J3297" s="549"/>
      <c r="K3297" s="549"/>
      <c r="L3297" s="551"/>
    </row>
    <row r="3298" spans="1:12" ht="16.149999999999999" customHeight="1">
      <c r="A3298" s="737"/>
      <c r="B3298" s="738"/>
      <c r="C3298" s="485"/>
      <c r="D3298" s="484"/>
      <c r="E3298" s="483"/>
      <c r="F3298" s="482"/>
      <c r="G3298" s="481" t="s">
        <v>651</v>
      </c>
      <c r="H3298" s="476"/>
      <c r="I3298" s="476"/>
      <c r="J3298" s="476"/>
      <c r="K3298" s="476"/>
      <c r="L3298" s="475"/>
    </row>
    <row r="3300" spans="1:12" ht="16.149999999999999" customHeight="1">
      <c r="A3300" s="507" t="s">
        <v>651</v>
      </c>
      <c r="B3300" s="479" t="s">
        <v>696</v>
      </c>
      <c r="C3300" s="480"/>
      <c r="D3300" s="479"/>
      <c r="E3300" s="479"/>
      <c r="F3300" s="479"/>
      <c r="G3300" s="479"/>
      <c r="H3300" s="479" t="s">
        <v>617</v>
      </c>
      <c r="I3300" s="480" t="s">
        <v>699</v>
      </c>
      <c r="J3300" s="479" t="s">
        <v>689</v>
      </c>
      <c r="K3300" s="479" t="s">
        <v>688</v>
      </c>
      <c r="L3300" s="506"/>
    </row>
    <row r="3301" spans="1:12" ht="16.149999999999999" customHeight="1">
      <c r="A3301" s="505" t="s">
        <v>651</v>
      </c>
      <c r="B3301" s="549" t="s">
        <v>698</v>
      </c>
      <c r="C3301" s="550"/>
      <c r="D3301" s="549"/>
      <c r="E3301" s="549"/>
      <c r="F3301" s="549"/>
      <c r="G3301" s="478"/>
      <c r="H3301" s="549"/>
      <c r="I3301" s="504"/>
      <c r="J3301" s="503" t="s">
        <v>687</v>
      </c>
      <c r="K3301" s="502" t="s">
        <v>697</v>
      </c>
      <c r="L3301" s="501" t="s">
        <v>618</v>
      </c>
    </row>
    <row r="3302" spans="1:12" ht="16.149999999999999" customHeight="1">
      <c r="A3302" s="477" t="s">
        <v>651</v>
      </c>
      <c r="B3302" s="549"/>
      <c r="C3302" s="550"/>
      <c r="D3302" s="549"/>
      <c r="E3302" s="549"/>
      <c r="F3302" s="549"/>
      <c r="G3302" s="478"/>
      <c r="H3302" s="478"/>
      <c r="I3302" s="478"/>
      <c r="J3302" s="478"/>
      <c r="K3302" s="478"/>
      <c r="L3302" s="501"/>
    </row>
    <row r="3303" spans="1:12" ht="16.149999999999999" customHeight="1">
      <c r="A3303" s="498" t="s">
        <v>686</v>
      </c>
      <c r="B3303" s="500"/>
      <c r="C3303" s="499" t="s">
        <v>309</v>
      </c>
      <c r="D3303" s="499" t="s">
        <v>685</v>
      </c>
      <c r="E3303" s="499" t="s">
        <v>684</v>
      </c>
      <c r="F3303" s="499" t="s">
        <v>683</v>
      </c>
      <c r="G3303" s="498" t="s">
        <v>682</v>
      </c>
      <c r="H3303" s="497"/>
      <c r="I3303" s="497"/>
      <c r="J3303" s="497"/>
      <c r="K3303" s="497"/>
      <c r="L3303" s="496"/>
    </row>
    <row r="3304" spans="1:12" ht="16.149999999999999" customHeight="1">
      <c r="A3304" s="733" t="s">
        <v>701</v>
      </c>
      <c r="B3304" s="734"/>
      <c r="C3304" s="495"/>
      <c r="D3304" s="494"/>
      <c r="E3304" s="493"/>
      <c r="F3304" s="492"/>
      <c r="G3304" s="486" t="s">
        <v>651</v>
      </c>
      <c r="H3304" s="549"/>
      <c r="I3304" s="549"/>
      <c r="J3304" s="549"/>
      <c r="K3304" s="549"/>
      <c r="L3304" s="551"/>
    </row>
    <row r="3305" spans="1:12" ht="16.149999999999999" customHeight="1">
      <c r="A3305" s="735"/>
      <c r="B3305" s="736"/>
      <c r="C3305" s="490"/>
      <c r="D3305" s="489"/>
      <c r="E3305" s="491"/>
      <c r="F3305" s="487" t="s">
        <v>651</v>
      </c>
      <c r="G3305" s="486" t="s">
        <v>651</v>
      </c>
      <c r="H3305" s="549"/>
      <c r="I3305" s="549"/>
      <c r="J3305" s="549"/>
      <c r="K3305" s="549"/>
      <c r="L3305" s="551"/>
    </row>
    <row r="3306" spans="1:12" ht="16.149999999999999" customHeight="1">
      <c r="A3306" s="735" t="s">
        <v>651</v>
      </c>
      <c r="B3306" s="736"/>
      <c r="C3306" s="490" t="s">
        <v>248</v>
      </c>
      <c r="D3306" s="489"/>
      <c r="E3306" s="488"/>
      <c r="F3306" s="487"/>
      <c r="G3306" s="486" t="s">
        <v>651</v>
      </c>
      <c r="H3306" s="549"/>
      <c r="I3306" s="549"/>
      <c r="J3306" s="549"/>
      <c r="K3306" s="549"/>
      <c r="L3306" s="551"/>
    </row>
    <row r="3307" spans="1:12" ht="16.149999999999999" customHeight="1">
      <c r="A3307" s="737"/>
      <c r="B3307" s="738"/>
      <c r="C3307" s="485"/>
      <c r="D3307" s="484"/>
      <c r="E3307" s="483"/>
      <c r="F3307" s="482"/>
      <c r="G3307" s="481" t="s">
        <v>651</v>
      </c>
      <c r="H3307" s="476"/>
      <c r="I3307" s="476"/>
      <c r="J3307" s="476"/>
      <c r="K3307" s="476"/>
      <c r="L3307" s="475"/>
    </row>
    <row r="3308" spans="1:12" ht="16.149999999999999" customHeight="1">
      <c r="A3308" s="733" t="s">
        <v>250</v>
      </c>
      <c r="B3308" s="734"/>
      <c r="C3308" s="495"/>
      <c r="D3308" s="494"/>
      <c r="E3308" s="493"/>
      <c r="F3308" s="492"/>
      <c r="G3308" s="486" t="s">
        <v>651</v>
      </c>
      <c r="H3308" s="549"/>
      <c r="I3308" s="549"/>
      <c r="J3308" s="549"/>
      <c r="K3308" s="549"/>
      <c r="L3308" s="551"/>
    </row>
    <row r="3309" spans="1:12" ht="16.149999999999999" customHeight="1">
      <c r="A3309" s="735"/>
      <c r="B3309" s="736"/>
      <c r="C3309" s="490"/>
      <c r="D3309" s="489"/>
      <c r="E3309" s="491"/>
      <c r="F3309" s="487" t="s">
        <v>651</v>
      </c>
      <c r="G3309" s="486" t="s">
        <v>651</v>
      </c>
      <c r="H3309" s="549"/>
      <c r="I3309" s="549"/>
      <c r="J3309" s="549"/>
      <c r="K3309" s="549"/>
      <c r="L3309" s="551"/>
    </row>
    <row r="3310" spans="1:12" ht="16.149999999999999" customHeight="1">
      <c r="A3310" s="735" t="s">
        <v>651</v>
      </c>
      <c r="B3310" s="736"/>
      <c r="C3310" s="490" t="s">
        <v>248</v>
      </c>
      <c r="D3310" s="489"/>
      <c r="E3310" s="488"/>
      <c r="F3310" s="487"/>
      <c r="G3310" s="486" t="s">
        <v>651</v>
      </c>
      <c r="H3310" s="549"/>
      <c r="I3310" s="549"/>
      <c r="J3310" s="549"/>
      <c r="K3310" s="549"/>
      <c r="L3310" s="551"/>
    </row>
    <row r="3311" spans="1:12" ht="16.149999999999999" customHeight="1">
      <c r="A3311" s="737"/>
      <c r="B3311" s="738"/>
      <c r="C3311" s="485"/>
      <c r="D3311" s="484"/>
      <c r="E3311" s="483"/>
      <c r="F3311" s="482"/>
      <c r="G3311" s="481" t="s">
        <v>651</v>
      </c>
      <c r="H3311" s="476"/>
      <c r="I3311" s="476"/>
      <c r="J3311" s="476"/>
      <c r="K3311" s="476"/>
      <c r="L3311" s="475"/>
    </row>
    <row r="3312" spans="1:12" ht="16.149999999999999" customHeight="1">
      <c r="A3312" s="733" t="s">
        <v>700</v>
      </c>
      <c r="B3312" s="734"/>
      <c r="C3312" s="495"/>
      <c r="D3312" s="494"/>
      <c r="E3312" s="493"/>
      <c r="F3312" s="492"/>
      <c r="G3312" s="486" t="s">
        <v>651</v>
      </c>
      <c r="H3312" s="549"/>
      <c r="I3312" s="549"/>
      <c r="J3312" s="549"/>
      <c r="K3312" s="549"/>
      <c r="L3312" s="551"/>
    </row>
    <row r="3313" spans="1:12" ht="16.149999999999999" customHeight="1">
      <c r="A3313" s="735"/>
      <c r="B3313" s="736"/>
      <c r="C3313" s="490"/>
      <c r="D3313" s="489"/>
      <c r="E3313" s="491"/>
      <c r="F3313" s="487" t="s">
        <v>651</v>
      </c>
      <c r="G3313" s="486" t="s">
        <v>651</v>
      </c>
      <c r="H3313" s="549"/>
      <c r="I3313" s="549"/>
      <c r="J3313" s="549"/>
      <c r="K3313" s="549"/>
      <c r="L3313" s="551"/>
    </row>
    <row r="3314" spans="1:12" ht="16.149999999999999" customHeight="1">
      <c r="A3314" s="735" t="s">
        <v>651</v>
      </c>
      <c r="B3314" s="736"/>
      <c r="C3314" s="490" t="s">
        <v>242</v>
      </c>
      <c r="D3314" s="489">
        <v>1</v>
      </c>
      <c r="E3314" s="488"/>
      <c r="F3314" s="487"/>
      <c r="G3314" s="486" t="s">
        <v>651</v>
      </c>
      <c r="H3314" s="549"/>
      <c r="I3314" s="549"/>
      <c r="J3314" s="549"/>
      <c r="K3314" s="549"/>
      <c r="L3314" s="551"/>
    </row>
    <row r="3315" spans="1:12" ht="16.149999999999999" customHeight="1">
      <c r="A3315" s="737"/>
      <c r="B3315" s="738"/>
      <c r="C3315" s="485"/>
      <c r="D3315" s="484"/>
      <c r="E3315" s="483"/>
      <c r="F3315" s="482"/>
      <c r="G3315" s="481" t="s">
        <v>651</v>
      </c>
      <c r="H3315" s="476"/>
      <c r="I3315" s="476"/>
      <c r="J3315" s="476"/>
      <c r="K3315" s="476"/>
      <c r="L3315" s="475"/>
    </row>
    <row r="3316" spans="1:12" ht="16.149999999999999" customHeight="1">
      <c r="A3316" s="733" t="s">
        <v>651</v>
      </c>
      <c r="B3316" s="734"/>
      <c r="C3316" s="495"/>
      <c r="D3316" s="494"/>
      <c r="E3316" s="493"/>
      <c r="F3316" s="492"/>
      <c r="G3316" s="486" t="s">
        <v>651</v>
      </c>
      <c r="H3316" s="549"/>
      <c r="I3316" s="549"/>
      <c r="J3316" s="549"/>
      <c r="K3316" s="549"/>
      <c r="L3316" s="551"/>
    </row>
    <row r="3317" spans="1:12" ht="16.149999999999999" customHeight="1">
      <c r="A3317" s="735"/>
      <c r="B3317" s="736"/>
      <c r="C3317" s="490"/>
      <c r="D3317" s="489"/>
      <c r="E3317" s="491"/>
      <c r="F3317" s="487" t="s">
        <v>651</v>
      </c>
      <c r="G3317" s="486" t="s">
        <v>651</v>
      </c>
      <c r="H3317" s="549"/>
      <c r="I3317" s="549"/>
      <c r="J3317" s="549"/>
      <c r="K3317" s="549"/>
      <c r="L3317" s="551"/>
    </row>
    <row r="3318" spans="1:12" ht="16.149999999999999" customHeight="1">
      <c r="A3318" s="735" t="s">
        <v>691</v>
      </c>
      <c r="B3318" s="736"/>
      <c r="C3318" s="490" t="s">
        <v>697</v>
      </c>
      <c r="D3318" s="489">
        <v>1</v>
      </c>
      <c r="E3318" s="488"/>
      <c r="F3318" s="487"/>
      <c r="G3318" s="486" t="s">
        <v>651</v>
      </c>
      <c r="H3318" s="549"/>
      <c r="I3318" s="549"/>
      <c r="J3318" s="549"/>
      <c r="K3318" s="549"/>
      <c r="L3318" s="551"/>
    </row>
    <row r="3319" spans="1:12" ht="16.149999999999999" customHeight="1">
      <c r="A3319" s="737"/>
      <c r="B3319" s="738"/>
      <c r="C3319" s="485"/>
      <c r="D3319" s="484"/>
      <c r="E3319" s="483"/>
      <c r="F3319" s="482"/>
      <c r="G3319" s="481" t="s">
        <v>651</v>
      </c>
      <c r="H3319" s="476"/>
      <c r="I3319" s="476"/>
      <c r="J3319" s="476"/>
      <c r="K3319" s="476"/>
      <c r="L3319" s="475"/>
    </row>
    <row r="3320" spans="1:12" ht="16.149999999999999" customHeight="1">
      <c r="A3320" s="733" t="s">
        <v>651</v>
      </c>
      <c r="B3320" s="734"/>
      <c r="C3320" s="495"/>
      <c r="D3320" s="494"/>
      <c r="E3320" s="493"/>
      <c r="F3320" s="492"/>
      <c r="G3320" s="486" t="s">
        <v>651</v>
      </c>
      <c r="H3320" s="549"/>
      <c r="I3320" s="549"/>
      <c r="J3320" s="549"/>
      <c r="K3320" s="549"/>
      <c r="L3320" s="551"/>
    </row>
    <row r="3321" spans="1:12" ht="16.149999999999999" customHeight="1">
      <c r="A3321" s="735"/>
      <c r="B3321" s="736"/>
      <c r="C3321" s="490"/>
      <c r="D3321" s="489"/>
      <c r="E3321" s="491"/>
      <c r="F3321" s="487" t="s">
        <v>651</v>
      </c>
      <c r="G3321" s="486" t="s">
        <v>651</v>
      </c>
      <c r="H3321" s="549"/>
      <c r="I3321" s="549"/>
      <c r="J3321" s="549"/>
      <c r="K3321" s="549"/>
      <c r="L3321" s="551"/>
    </row>
    <row r="3322" spans="1:12" ht="16.149999999999999" customHeight="1">
      <c r="A3322" s="735" t="s">
        <v>681</v>
      </c>
      <c r="B3322" s="736"/>
      <c r="C3322" s="490" t="s">
        <v>697</v>
      </c>
      <c r="D3322" s="489">
        <v>1</v>
      </c>
      <c r="E3322" s="488" t="s">
        <v>618</v>
      </c>
      <c r="F3322" s="487"/>
      <c r="G3322" s="486" t="s">
        <v>651</v>
      </c>
      <c r="H3322" s="549"/>
      <c r="I3322" s="549"/>
      <c r="J3322" s="549"/>
      <c r="K3322" s="549"/>
      <c r="L3322" s="551"/>
    </row>
    <row r="3323" spans="1:12" ht="16.149999999999999" customHeight="1">
      <c r="A3323" s="737"/>
      <c r="B3323" s="738"/>
      <c r="C3323" s="485"/>
      <c r="D3323" s="484"/>
      <c r="E3323" s="483"/>
      <c r="F3323" s="482"/>
      <c r="G3323" s="481" t="s">
        <v>651</v>
      </c>
      <c r="H3323" s="476"/>
      <c r="I3323" s="476"/>
      <c r="J3323" s="476"/>
      <c r="K3323" s="476"/>
      <c r="L3323" s="475"/>
    </row>
    <row r="3326" spans="1:12" ht="16.149999999999999" customHeight="1">
      <c r="A3326" s="507" t="s">
        <v>651</v>
      </c>
      <c r="B3326" s="479" t="s">
        <v>657</v>
      </c>
      <c r="C3326" s="480"/>
      <c r="D3326" s="479"/>
      <c r="E3326" s="479"/>
      <c r="F3326" s="479"/>
      <c r="G3326" s="479"/>
      <c r="H3326" s="479" t="s">
        <v>617</v>
      </c>
      <c r="I3326" s="480" t="s">
        <v>695</v>
      </c>
      <c r="J3326" s="479" t="s">
        <v>689</v>
      </c>
      <c r="K3326" s="479" t="s">
        <v>688</v>
      </c>
      <c r="L3326" s="506"/>
    </row>
    <row r="3327" spans="1:12" ht="16.149999999999999" customHeight="1">
      <c r="A3327" s="505" t="s">
        <v>651</v>
      </c>
      <c r="B3327" s="549" t="s">
        <v>1657</v>
      </c>
      <c r="C3327" s="550"/>
      <c r="D3327" s="549"/>
      <c r="E3327" s="549"/>
      <c r="F3327" s="549"/>
      <c r="G3327" s="478"/>
      <c r="H3327" s="549"/>
      <c r="I3327" s="504"/>
      <c r="J3327" s="503" t="s">
        <v>687</v>
      </c>
      <c r="K3327" s="502" t="s">
        <v>242</v>
      </c>
      <c r="L3327" s="501" t="s">
        <v>618</v>
      </c>
    </row>
    <row r="3328" spans="1:12" ht="16.149999999999999" customHeight="1">
      <c r="A3328" s="477" t="s">
        <v>651</v>
      </c>
      <c r="B3328" s="549"/>
      <c r="C3328" s="550"/>
      <c r="D3328" s="549"/>
      <c r="E3328" s="549"/>
      <c r="F3328" s="549"/>
      <c r="G3328" s="478"/>
      <c r="H3328" s="478"/>
      <c r="I3328" s="478"/>
      <c r="J3328" s="478"/>
      <c r="K3328" s="478"/>
      <c r="L3328" s="501"/>
    </row>
    <row r="3329" spans="1:12" ht="16.149999999999999" customHeight="1">
      <c r="A3329" s="498" t="s">
        <v>686</v>
      </c>
      <c r="B3329" s="500"/>
      <c r="C3329" s="499" t="s">
        <v>309</v>
      </c>
      <c r="D3329" s="499" t="s">
        <v>685</v>
      </c>
      <c r="E3329" s="499" t="s">
        <v>684</v>
      </c>
      <c r="F3329" s="499" t="s">
        <v>683</v>
      </c>
      <c r="G3329" s="498" t="s">
        <v>682</v>
      </c>
      <c r="H3329" s="497"/>
      <c r="I3329" s="497"/>
      <c r="J3329" s="497"/>
      <c r="K3329" s="497"/>
      <c r="L3329" s="496"/>
    </row>
    <row r="3330" spans="1:12" ht="16.149999999999999" customHeight="1">
      <c r="A3330" s="733" t="s">
        <v>664</v>
      </c>
      <c r="B3330" s="734"/>
      <c r="C3330" s="495"/>
      <c r="D3330" s="494"/>
      <c r="E3330" s="493"/>
      <c r="F3330" s="492"/>
      <c r="G3330" s="486" t="s">
        <v>651</v>
      </c>
      <c r="H3330" s="549"/>
      <c r="I3330" s="549"/>
      <c r="J3330" s="549"/>
      <c r="K3330" s="549"/>
      <c r="L3330" s="551"/>
    </row>
    <row r="3331" spans="1:12" ht="16.149999999999999" customHeight="1">
      <c r="A3331" s="735"/>
      <c r="B3331" s="736"/>
      <c r="C3331" s="490"/>
      <c r="D3331" s="489"/>
      <c r="E3331" s="491"/>
      <c r="F3331" s="487" t="s">
        <v>651</v>
      </c>
      <c r="G3331" s="486" t="s">
        <v>651</v>
      </c>
      <c r="H3331" s="549"/>
      <c r="I3331" s="549"/>
      <c r="J3331" s="549"/>
      <c r="K3331" s="549"/>
      <c r="L3331" s="551"/>
    </row>
    <row r="3332" spans="1:12" ht="16.149999999999999" customHeight="1">
      <c r="A3332" s="735" t="s">
        <v>651</v>
      </c>
      <c r="B3332" s="736"/>
      <c r="C3332" s="490" t="s">
        <v>242</v>
      </c>
      <c r="D3332" s="489">
        <v>1</v>
      </c>
      <c r="E3332" s="488"/>
      <c r="F3332" s="487"/>
      <c r="G3332" s="486" t="s">
        <v>651</v>
      </c>
      <c r="H3332" s="549"/>
      <c r="I3332" s="549"/>
      <c r="J3332" s="549"/>
      <c r="K3332" s="549"/>
      <c r="L3332" s="551"/>
    </row>
    <row r="3333" spans="1:12" ht="16.149999999999999" customHeight="1">
      <c r="A3333" s="737"/>
      <c r="B3333" s="738"/>
      <c r="C3333" s="485"/>
      <c r="D3333" s="484"/>
      <c r="E3333" s="483"/>
      <c r="F3333" s="482"/>
      <c r="G3333" s="481" t="s">
        <v>651</v>
      </c>
      <c r="H3333" s="476"/>
      <c r="I3333" s="476"/>
      <c r="J3333" s="476"/>
      <c r="K3333" s="476"/>
      <c r="L3333" s="475"/>
    </row>
    <row r="3334" spans="1:12" ht="16.149999999999999" customHeight="1">
      <c r="A3334" s="733" t="s">
        <v>651</v>
      </c>
      <c r="B3334" s="734"/>
      <c r="C3334" s="495"/>
      <c r="D3334" s="494"/>
      <c r="E3334" s="493"/>
      <c r="F3334" s="492"/>
      <c r="G3334" s="486" t="s">
        <v>651</v>
      </c>
      <c r="H3334" s="549"/>
      <c r="I3334" s="549"/>
      <c r="J3334" s="549"/>
      <c r="K3334" s="549"/>
      <c r="L3334" s="551"/>
    </row>
    <row r="3335" spans="1:12" ht="16.149999999999999" customHeight="1">
      <c r="A3335" s="735"/>
      <c r="B3335" s="736"/>
      <c r="C3335" s="490"/>
      <c r="D3335" s="489"/>
      <c r="E3335" s="491"/>
      <c r="F3335" s="487" t="s">
        <v>651</v>
      </c>
      <c r="G3335" s="486" t="s">
        <v>651</v>
      </c>
      <c r="H3335" s="549"/>
      <c r="I3335" s="549"/>
      <c r="J3335" s="549"/>
      <c r="K3335" s="549"/>
      <c r="L3335" s="551"/>
    </row>
    <row r="3336" spans="1:12" ht="16.149999999999999" customHeight="1">
      <c r="A3336" s="735" t="s">
        <v>691</v>
      </c>
      <c r="B3336" s="736"/>
      <c r="C3336" s="490" t="s">
        <v>242</v>
      </c>
      <c r="D3336" s="489">
        <v>1</v>
      </c>
      <c r="E3336" s="488"/>
      <c r="F3336" s="487"/>
      <c r="G3336" s="486" t="s">
        <v>651</v>
      </c>
      <c r="H3336" s="549"/>
      <c r="I3336" s="549"/>
      <c r="J3336" s="549"/>
      <c r="K3336" s="549"/>
      <c r="L3336" s="551"/>
    </row>
    <row r="3337" spans="1:12" ht="16.149999999999999" customHeight="1">
      <c r="A3337" s="737"/>
      <c r="B3337" s="738"/>
      <c r="C3337" s="485"/>
      <c r="D3337" s="484"/>
      <c r="E3337" s="483"/>
      <c r="F3337" s="482"/>
      <c r="G3337" s="481" t="s">
        <v>651</v>
      </c>
      <c r="H3337" s="476"/>
      <c r="I3337" s="476"/>
      <c r="J3337" s="476"/>
      <c r="K3337" s="476"/>
      <c r="L3337" s="475"/>
    </row>
    <row r="3338" spans="1:12" ht="16.149999999999999" customHeight="1">
      <c r="A3338" s="733" t="s">
        <v>651</v>
      </c>
      <c r="B3338" s="734"/>
      <c r="C3338" s="495"/>
      <c r="D3338" s="494"/>
      <c r="E3338" s="493"/>
      <c r="F3338" s="492"/>
      <c r="G3338" s="486" t="s">
        <v>651</v>
      </c>
      <c r="H3338" s="549"/>
      <c r="I3338" s="549"/>
      <c r="J3338" s="549"/>
      <c r="K3338" s="549"/>
      <c r="L3338" s="551"/>
    </row>
    <row r="3339" spans="1:12" ht="16.149999999999999" customHeight="1">
      <c r="A3339" s="735"/>
      <c r="B3339" s="736"/>
      <c r="C3339" s="490"/>
      <c r="D3339" s="489"/>
      <c r="E3339" s="491"/>
      <c r="F3339" s="487" t="s">
        <v>651</v>
      </c>
      <c r="G3339" s="486" t="s">
        <v>651</v>
      </c>
      <c r="H3339" s="549"/>
      <c r="I3339" s="549"/>
      <c r="J3339" s="549"/>
      <c r="K3339" s="549"/>
      <c r="L3339" s="551"/>
    </row>
    <row r="3340" spans="1:12" ht="16.149999999999999" customHeight="1">
      <c r="A3340" s="735" t="s">
        <v>681</v>
      </c>
      <c r="B3340" s="736"/>
      <c r="C3340" s="490" t="s">
        <v>242</v>
      </c>
      <c r="D3340" s="489">
        <v>1</v>
      </c>
      <c r="E3340" s="488" t="s">
        <v>618</v>
      </c>
      <c r="F3340" s="487"/>
      <c r="G3340" s="486" t="s">
        <v>651</v>
      </c>
      <c r="H3340" s="549"/>
      <c r="I3340" s="549"/>
      <c r="J3340" s="549"/>
      <c r="K3340" s="549"/>
      <c r="L3340" s="551"/>
    </row>
    <row r="3341" spans="1:12" ht="16.149999999999999" customHeight="1">
      <c r="A3341" s="737"/>
      <c r="B3341" s="738"/>
      <c r="C3341" s="485"/>
      <c r="D3341" s="484"/>
      <c r="E3341" s="483"/>
      <c r="F3341" s="482"/>
      <c r="G3341" s="481" t="s">
        <v>651</v>
      </c>
      <c r="H3341" s="476"/>
      <c r="I3341" s="476"/>
      <c r="J3341" s="476"/>
      <c r="K3341" s="476"/>
      <c r="L3341" s="475"/>
    </row>
    <row r="3343" spans="1:12" ht="16.149999999999999" customHeight="1">
      <c r="A3343" s="507" t="s">
        <v>651</v>
      </c>
      <c r="B3343" s="479" t="s">
        <v>655</v>
      </c>
      <c r="C3343" s="480"/>
      <c r="D3343" s="479"/>
      <c r="E3343" s="479"/>
      <c r="F3343" s="479"/>
      <c r="G3343" s="479"/>
      <c r="H3343" s="479" t="s">
        <v>617</v>
      </c>
      <c r="I3343" s="480" t="s">
        <v>690</v>
      </c>
      <c r="J3343" s="479" t="s">
        <v>689</v>
      </c>
      <c r="K3343" s="479" t="s">
        <v>688</v>
      </c>
      <c r="L3343" s="506"/>
    </row>
    <row r="3344" spans="1:12" ht="16.149999999999999" customHeight="1">
      <c r="A3344" s="505" t="s">
        <v>651</v>
      </c>
      <c r="B3344" s="549" t="s">
        <v>1656</v>
      </c>
      <c r="C3344" s="550"/>
      <c r="D3344" s="549"/>
      <c r="E3344" s="549"/>
      <c r="F3344" s="549"/>
      <c r="G3344" s="478"/>
      <c r="H3344" s="549"/>
      <c r="I3344" s="504"/>
      <c r="J3344" s="503" t="s">
        <v>687</v>
      </c>
      <c r="K3344" s="502" t="s">
        <v>242</v>
      </c>
      <c r="L3344" s="501" t="s">
        <v>618</v>
      </c>
    </row>
    <row r="3345" spans="1:12" ht="16.149999999999999" customHeight="1">
      <c r="A3345" s="477" t="s">
        <v>651</v>
      </c>
      <c r="B3345" s="549"/>
      <c r="C3345" s="550"/>
      <c r="D3345" s="549"/>
      <c r="E3345" s="549"/>
      <c r="F3345" s="549"/>
      <c r="G3345" s="478"/>
      <c r="H3345" s="478"/>
      <c r="I3345" s="478"/>
      <c r="J3345" s="478"/>
      <c r="K3345" s="478"/>
      <c r="L3345" s="501"/>
    </row>
    <row r="3346" spans="1:12" ht="16.149999999999999" customHeight="1">
      <c r="A3346" s="498" t="s">
        <v>686</v>
      </c>
      <c r="B3346" s="500"/>
      <c r="C3346" s="499" t="s">
        <v>309</v>
      </c>
      <c r="D3346" s="499" t="s">
        <v>685</v>
      </c>
      <c r="E3346" s="499" t="s">
        <v>684</v>
      </c>
      <c r="F3346" s="499" t="s">
        <v>683</v>
      </c>
      <c r="G3346" s="498" t="s">
        <v>682</v>
      </c>
      <c r="H3346" s="497"/>
      <c r="I3346" s="497"/>
      <c r="J3346" s="497"/>
      <c r="K3346" s="497"/>
      <c r="L3346" s="496"/>
    </row>
    <row r="3347" spans="1:12" ht="16.149999999999999" customHeight="1">
      <c r="A3347" s="733" t="s">
        <v>694</v>
      </c>
      <c r="B3347" s="734"/>
      <c r="C3347" s="495"/>
      <c r="D3347" s="494"/>
      <c r="E3347" s="493"/>
      <c r="F3347" s="492"/>
      <c r="G3347" s="486" t="s">
        <v>651</v>
      </c>
      <c r="H3347" s="549"/>
      <c r="I3347" s="549"/>
      <c r="J3347" s="549"/>
      <c r="K3347" s="549"/>
      <c r="L3347" s="551"/>
    </row>
    <row r="3348" spans="1:12" ht="16.149999999999999" customHeight="1">
      <c r="A3348" s="735"/>
      <c r="B3348" s="736"/>
      <c r="C3348" s="490"/>
      <c r="D3348" s="489"/>
      <c r="E3348" s="491"/>
      <c r="F3348" s="487" t="s">
        <v>651</v>
      </c>
      <c r="G3348" s="486" t="s">
        <v>651</v>
      </c>
      <c r="H3348" s="549"/>
      <c r="I3348" s="549"/>
      <c r="J3348" s="549"/>
      <c r="K3348" s="549"/>
      <c r="L3348" s="551"/>
    </row>
    <row r="3349" spans="1:12" ht="16.149999999999999" customHeight="1">
      <c r="A3349" s="735" t="s">
        <v>651</v>
      </c>
      <c r="B3349" s="736"/>
      <c r="C3349" s="490" t="s">
        <v>692</v>
      </c>
      <c r="D3349" s="489"/>
      <c r="E3349" s="488"/>
      <c r="F3349" s="487"/>
      <c r="G3349" s="486" t="s">
        <v>651</v>
      </c>
      <c r="H3349" s="549"/>
      <c r="I3349" s="549"/>
      <c r="J3349" s="549"/>
      <c r="K3349" s="549"/>
      <c r="L3349" s="551"/>
    </row>
    <row r="3350" spans="1:12" ht="16.149999999999999" customHeight="1">
      <c r="A3350" s="737"/>
      <c r="B3350" s="738"/>
      <c r="C3350" s="485"/>
      <c r="D3350" s="484"/>
      <c r="E3350" s="483"/>
      <c r="F3350" s="482"/>
      <c r="G3350" s="481" t="s">
        <v>651</v>
      </c>
      <c r="H3350" s="476"/>
      <c r="I3350" s="476"/>
      <c r="J3350" s="476"/>
      <c r="K3350" s="476"/>
      <c r="L3350" s="475"/>
    </row>
    <row r="3351" spans="1:12" ht="16.149999999999999" customHeight="1">
      <c r="A3351" s="733" t="s">
        <v>693</v>
      </c>
      <c r="B3351" s="734"/>
      <c r="C3351" s="495"/>
      <c r="D3351" s="494"/>
      <c r="E3351" s="493"/>
      <c r="F3351" s="492"/>
      <c r="G3351" s="486" t="s">
        <v>651</v>
      </c>
      <c r="H3351" s="549"/>
      <c r="I3351" s="549"/>
      <c r="J3351" s="549"/>
      <c r="K3351" s="549"/>
      <c r="L3351" s="551"/>
    </row>
    <row r="3352" spans="1:12" ht="16.149999999999999" customHeight="1">
      <c r="A3352" s="735"/>
      <c r="B3352" s="736"/>
      <c r="C3352" s="490"/>
      <c r="D3352" s="489"/>
      <c r="E3352" s="491"/>
      <c r="F3352" s="487" t="s">
        <v>651</v>
      </c>
      <c r="G3352" s="486" t="s">
        <v>651</v>
      </c>
      <c r="H3352" s="549"/>
      <c r="I3352" s="549"/>
      <c r="J3352" s="549"/>
      <c r="K3352" s="549"/>
      <c r="L3352" s="551"/>
    </row>
    <row r="3353" spans="1:12" ht="16.149999999999999" customHeight="1">
      <c r="A3353" s="735" t="s">
        <v>651</v>
      </c>
      <c r="B3353" s="736"/>
      <c r="C3353" s="490" t="s">
        <v>692</v>
      </c>
      <c r="D3353" s="489"/>
      <c r="E3353" s="488"/>
      <c r="F3353" s="487"/>
      <c r="G3353" s="486" t="s">
        <v>651</v>
      </c>
      <c r="H3353" s="549"/>
      <c r="I3353" s="549"/>
      <c r="J3353" s="549"/>
      <c r="K3353" s="549"/>
      <c r="L3353" s="551"/>
    </row>
    <row r="3354" spans="1:12" ht="16.149999999999999" customHeight="1">
      <c r="A3354" s="737"/>
      <c r="B3354" s="738"/>
      <c r="C3354" s="485"/>
      <c r="D3354" s="484"/>
      <c r="E3354" s="483"/>
      <c r="F3354" s="482"/>
      <c r="G3354" s="481" t="s">
        <v>651</v>
      </c>
      <c r="H3354" s="476"/>
      <c r="I3354" s="476"/>
      <c r="J3354" s="476"/>
      <c r="K3354" s="476"/>
      <c r="L3354" s="475"/>
    </row>
    <row r="3355" spans="1:12" ht="16.149999999999999" customHeight="1">
      <c r="A3355" s="733" t="s">
        <v>694</v>
      </c>
      <c r="B3355" s="734"/>
      <c r="C3355" s="495"/>
      <c r="D3355" s="494"/>
      <c r="E3355" s="493"/>
      <c r="F3355" s="492"/>
      <c r="G3355" s="486" t="s">
        <v>651</v>
      </c>
      <c r="H3355" s="549"/>
      <c r="I3355" s="549"/>
      <c r="J3355" s="549"/>
      <c r="K3355" s="549"/>
      <c r="L3355" s="551"/>
    </row>
    <row r="3356" spans="1:12" ht="16.149999999999999" customHeight="1">
      <c r="A3356" s="735"/>
      <c r="B3356" s="736"/>
      <c r="C3356" s="490"/>
      <c r="D3356" s="489"/>
      <c r="E3356" s="491"/>
      <c r="F3356" s="487" t="s">
        <v>651</v>
      </c>
      <c r="G3356" s="486" t="s">
        <v>651</v>
      </c>
      <c r="H3356" s="549"/>
      <c r="I3356" s="549"/>
      <c r="J3356" s="549"/>
      <c r="K3356" s="549"/>
      <c r="L3356" s="551"/>
    </row>
    <row r="3357" spans="1:12" ht="16.149999999999999" customHeight="1">
      <c r="A3357" s="735" t="s">
        <v>651</v>
      </c>
      <c r="B3357" s="736"/>
      <c r="C3357" s="490" t="s">
        <v>692</v>
      </c>
      <c r="D3357" s="489"/>
      <c r="E3357" s="488"/>
      <c r="F3357" s="487"/>
      <c r="G3357" s="486" t="s">
        <v>651</v>
      </c>
      <c r="H3357" s="549"/>
      <c r="I3357" s="549"/>
      <c r="J3357" s="549"/>
      <c r="K3357" s="549"/>
      <c r="L3357" s="551"/>
    </row>
    <row r="3358" spans="1:12" ht="16.149999999999999" customHeight="1">
      <c r="A3358" s="737"/>
      <c r="B3358" s="738"/>
      <c r="C3358" s="485"/>
      <c r="D3358" s="484"/>
      <c r="E3358" s="483"/>
      <c r="F3358" s="482"/>
      <c r="G3358" s="481" t="s">
        <v>651</v>
      </c>
      <c r="H3358" s="476"/>
      <c r="I3358" s="476"/>
      <c r="J3358" s="476"/>
      <c r="K3358" s="476"/>
      <c r="L3358" s="475"/>
    </row>
    <row r="3361" spans="1:12" ht="16.149999999999999" customHeight="1">
      <c r="A3361" s="507" t="s">
        <v>651</v>
      </c>
      <c r="B3361" s="479" t="s">
        <v>655</v>
      </c>
      <c r="C3361" s="480"/>
      <c r="D3361" s="479"/>
      <c r="E3361" s="479"/>
      <c r="F3361" s="479"/>
      <c r="G3361" s="479"/>
      <c r="H3361" s="479" t="s">
        <v>617</v>
      </c>
      <c r="I3361" s="480" t="s">
        <v>690</v>
      </c>
      <c r="J3361" s="479" t="s">
        <v>689</v>
      </c>
      <c r="K3361" s="479" t="s">
        <v>688</v>
      </c>
      <c r="L3361" s="506"/>
    </row>
    <row r="3362" spans="1:12" ht="16.149999999999999" customHeight="1">
      <c r="A3362" s="505" t="s">
        <v>651</v>
      </c>
      <c r="B3362" s="549" t="s">
        <v>1656</v>
      </c>
      <c r="C3362" s="550"/>
      <c r="D3362" s="549"/>
      <c r="E3362" s="549"/>
      <c r="F3362" s="549"/>
      <c r="G3362" s="478"/>
      <c r="H3362" s="549"/>
      <c r="I3362" s="504"/>
      <c r="J3362" s="503" t="s">
        <v>687</v>
      </c>
      <c r="K3362" s="502" t="s">
        <v>242</v>
      </c>
      <c r="L3362" s="501" t="s">
        <v>618</v>
      </c>
    </row>
    <row r="3363" spans="1:12" ht="16.149999999999999" customHeight="1">
      <c r="A3363" s="477" t="s">
        <v>651</v>
      </c>
      <c r="B3363" s="549"/>
      <c r="C3363" s="550"/>
      <c r="D3363" s="549"/>
      <c r="E3363" s="549"/>
      <c r="F3363" s="549"/>
      <c r="G3363" s="478"/>
      <c r="H3363" s="478"/>
      <c r="I3363" s="478"/>
      <c r="J3363" s="478"/>
      <c r="K3363" s="478"/>
      <c r="L3363" s="501"/>
    </row>
    <row r="3364" spans="1:12" ht="16.149999999999999" customHeight="1">
      <c r="A3364" s="498" t="s">
        <v>686</v>
      </c>
      <c r="B3364" s="500"/>
      <c r="C3364" s="499" t="s">
        <v>309</v>
      </c>
      <c r="D3364" s="499" t="s">
        <v>685</v>
      </c>
      <c r="E3364" s="499" t="s">
        <v>684</v>
      </c>
      <c r="F3364" s="499" t="s">
        <v>683</v>
      </c>
      <c r="G3364" s="498" t="s">
        <v>682</v>
      </c>
      <c r="H3364" s="497"/>
      <c r="I3364" s="497"/>
      <c r="J3364" s="497"/>
      <c r="K3364" s="497"/>
      <c r="L3364" s="496"/>
    </row>
    <row r="3365" spans="1:12" ht="16.149999999999999" customHeight="1">
      <c r="A3365" s="733" t="s">
        <v>693</v>
      </c>
      <c r="B3365" s="734"/>
      <c r="C3365" s="495"/>
      <c r="D3365" s="494"/>
      <c r="E3365" s="493"/>
      <c r="F3365" s="492"/>
      <c r="G3365" s="486" t="s">
        <v>651</v>
      </c>
      <c r="H3365" s="549"/>
      <c r="I3365" s="549"/>
      <c r="J3365" s="549"/>
      <c r="K3365" s="549"/>
      <c r="L3365" s="551"/>
    </row>
    <row r="3366" spans="1:12" ht="16.149999999999999" customHeight="1">
      <c r="A3366" s="735"/>
      <c r="B3366" s="736"/>
      <c r="C3366" s="490"/>
      <c r="D3366" s="489"/>
      <c r="E3366" s="491"/>
      <c r="F3366" s="487" t="s">
        <v>651</v>
      </c>
      <c r="G3366" s="486" t="s">
        <v>651</v>
      </c>
      <c r="H3366" s="549"/>
      <c r="I3366" s="549"/>
      <c r="J3366" s="549"/>
      <c r="K3366" s="549"/>
      <c r="L3366" s="551"/>
    </row>
    <row r="3367" spans="1:12" ht="16.149999999999999" customHeight="1">
      <c r="A3367" s="735" t="s">
        <v>651</v>
      </c>
      <c r="B3367" s="736"/>
      <c r="C3367" s="490" t="s">
        <v>692</v>
      </c>
      <c r="D3367" s="489"/>
      <c r="E3367" s="488"/>
      <c r="F3367" s="487"/>
      <c r="G3367" s="486" t="s">
        <v>651</v>
      </c>
      <c r="H3367" s="549"/>
      <c r="I3367" s="549"/>
      <c r="J3367" s="549"/>
      <c r="K3367" s="549"/>
      <c r="L3367" s="551"/>
    </row>
    <row r="3368" spans="1:12" ht="16.149999999999999" customHeight="1">
      <c r="A3368" s="737"/>
      <c r="B3368" s="738"/>
      <c r="C3368" s="485"/>
      <c r="D3368" s="484"/>
      <c r="E3368" s="483"/>
      <c r="F3368" s="482"/>
      <c r="G3368" s="481" t="s">
        <v>651</v>
      </c>
      <c r="H3368" s="476"/>
      <c r="I3368" s="476"/>
      <c r="J3368" s="476"/>
      <c r="K3368" s="476"/>
      <c r="L3368" s="475"/>
    </row>
    <row r="3369" spans="1:12" ht="16.149999999999999" customHeight="1">
      <c r="A3369" s="733" t="s">
        <v>651</v>
      </c>
      <c r="B3369" s="734"/>
      <c r="C3369" s="495"/>
      <c r="D3369" s="494"/>
      <c r="E3369" s="493"/>
      <c r="F3369" s="492"/>
      <c r="G3369" s="486" t="s">
        <v>651</v>
      </c>
      <c r="H3369" s="549"/>
      <c r="I3369" s="549"/>
      <c r="J3369" s="549"/>
      <c r="K3369" s="549"/>
      <c r="L3369" s="551"/>
    </row>
    <row r="3370" spans="1:12" ht="16.149999999999999" customHeight="1">
      <c r="A3370" s="735"/>
      <c r="B3370" s="736"/>
      <c r="C3370" s="490"/>
      <c r="D3370" s="489"/>
      <c r="E3370" s="491"/>
      <c r="F3370" s="487" t="s">
        <v>651</v>
      </c>
      <c r="G3370" s="486" t="s">
        <v>651</v>
      </c>
      <c r="H3370" s="549"/>
      <c r="I3370" s="549"/>
      <c r="J3370" s="549"/>
      <c r="K3370" s="549"/>
      <c r="L3370" s="551"/>
    </row>
    <row r="3371" spans="1:12" ht="16.149999999999999" customHeight="1">
      <c r="A3371" s="735" t="s">
        <v>691</v>
      </c>
      <c r="B3371" s="736"/>
      <c r="C3371" s="490" t="s">
        <v>242</v>
      </c>
      <c r="D3371" s="489">
        <v>1</v>
      </c>
      <c r="E3371" s="488"/>
      <c r="F3371" s="487"/>
      <c r="G3371" s="486" t="s">
        <v>651</v>
      </c>
      <c r="H3371" s="549"/>
      <c r="I3371" s="549"/>
      <c r="J3371" s="549"/>
      <c r="K3371" s="549"/>
      <c r="L3371" s="551"/>
    </row>
    <row r="3372" spans="1:12" ht="16.149999999999999" customHeight="1">
      <c r="A3372" s="737"/>
      <c r="B3372" s="738"/>
      <c r="C3372" s="485"/>
      <c r="D3372" s="484"/>
      <c r="E3372" s="483"/>
      <c r="F3372" s="482"/>
      <c r="G3372" s="481" t="s">
        <v>651</v>
      </c>
      <c r="H3372" s="476"/>
      <c r="I3372" s="476"/>
      <c r="J3372" s="476"/>
      <c r="K3372" s="476"/>
      <c r="L3372" s="475"/>
    </row>
    <row r="3373" spans="1:12" ht="16.149999999999999" customHeight="1">
      <c r="A3373" s="733" t="s">
        <v>651</v>
      </c>
      <c r="B3373" s="734"/>
      <c r="C3373" s="495"/>
      <c r="D3373" s="494"/>
      <c r="E3373" s="493"/>
      <c r="F3373" s="492"/>
      <c r="G3373" s="486" t="s">
        <v>651</v>
      </c>
      <c r="H3373" s="549"/>
      <c r="I3373" s="549"/>
      <c r="J3373" s="549"/>
      <c r="K3373" s="549"/>
      <c r="L3373" s="551"/>
    </row>
    <row r="3374" spans="1:12" ht="16.149999999999999" customHeight="1">
      <c r="A3374" s="735"/>
      <c r="B3374" s="736"/>
      <c r="C3374" s="490"/>
      <c r="D3374" s="489"/>
      <c r="E3374" s="491"/>
      <c r="F3374" s="487" t="s">
        <v>651</v>
      </c>
      <c r="G3374" s="486" t="s">
        <v>651</v>
      </c>
      <c r="H3374" s="549"/>
      <c r="I3374" s="549"/>
      <c r="J3374" s="549"/>
      <c r="K3374" s="549"/>
      <c r="L3374" s="551"/>
    </row>
    <row r="3375" spans="1:12" ht="16.149999999999999" customHeight="1">
      <c r="A3375" s="735" t="s">
        <v>681</v>
      </c>
      <c r="B3375" s="736"/>
      <c r="C3375" s="490" t="s">
        <v>242</v>
      </c>
      <c r="D3375" s="489">
        <v>1</v>
      </c>
      <c r="E3375" s="488" t="s">
        <v>618</v>
      </c>
      <c r="F3375" s="487"/>
      <c r="G3375" s="486" t="s">
        <v>651</v>
      </c>
      <c r="H3375" s="549"/>
      <c r="I3375" s="549"/>
      <c r="J3375" s="549"/>
      <c r="K3375" s="549"/>
      <c r="L3375" s="551"/>
    </row>
    <row r="3376" spans="1:12" ht="16.149999999999999" customHeight="1">
      <c r="A3376" s="737"/>
      <c r="B3376" s="738"/>
      <c r="C3376" s="485"/>
      <c r="D3376" s="484"/>
      <c r="E3376" s="483"/>
      <c r="F3376" s="482"/>
      <c r="G3376" s="481" t="s">
        <v>651</v>
      </c>
      <c r="H3376" s="476"/>
      <c r="I3376" s="476"/>
      <c r="J3376" s="476"/>
      <c r="K3376" s="476"/>
      <c r="L3376" s="475"/>
    </row>
  </sheetData>
  <mergeCells count="1152">
    <mergeCell ref="A5:B6"/>
    <mergeCell ref="A7:B8"/>
    <mergeCell ref="A9:B10"/>
    <mergeCell ref="A11:B12"/>
    <mergeCell ref="A13:B14"/>
    <mergeCell ref="A30:B31"/>
    <mergeCell ref="A32:B33"/>
    <mergeCell ref="A40:B41"/>
    <mergeCell ref="A42:B43"/>
    <mergeCell ref="A44:B45"/>
    <mergeCell ref="A15:B16"/>
    <mergeCell ref="A22:B23"/>
    <mergeCell ref="A24:B25"/>
    <mergeCell ref="A26:B27"/>
    <mergeCell ref="A28:B29"/>
    <mergeCell ref="A61:B62"/>
    <mergeCell ref="A63:B64"/>
    <mergeCell ref="A65:B66"/>
    <mergeCell ref="A67:B68"/>
    <mergeCell ref="A75:B76"/>
    <mergeCell ref="A46:B47"/>
    <mergeCell ref="A53:B54"/>
    <mergeCell ref="A55:B56"/>
    <mergeCell ref="A57:B58"/>
    <mergeCell ref="A59:B60"/>
    <mergeCell ref="A92:B93"/>
    <mergeCell ref="A94:B95"/>
    <mergeCell ref="A96:B97"/>
    <mergeCell ref="A98:B99"/>
    <mergeCell ref="A100:B101"/>
    <mergeCell ref="A77:B78"/>
    <mergeCell ref="A79:B80"/>
    <mergeCell ref="A81:B82"/>
    <mergeCell ref="A83:B84"/>
    <mergeCell ref="A85:B86"/>
    <mergeCell ref="A118:B119"/>
    <mergeCell ref="A120:B121"/>
    <mergeCell ref="A122:B123"/>
    <mergeCell ref="A124:B125"/>
    <mergeCell ref="A131:B132"/>
    <mergeCell ref="A102:B103"/>
    <mergeCell ref="A110:B111"/>
    <mergeCell ref="A112:B113"/>
    <mergeCell ref="A114:B115"/>
    <mergeCell ref="A116:B117"/>
    <mergeCell ref="A154:B155"/>
    <mergeCell ref="A156:B157"/>
    <mergeCell ref="A158:B159"/>
    <mergeCell ref="A160:B161"/>
    <mergeCell ref="A162:B163"/>
    <mergeCell ref="A133:B134"/>
    <mergeCell ref="A135:B136"/>
    <mergeCell ref="A137:B138"/>
    <mergeCell ref="A145:B146"/>
    <mergeCell ref="A147:B148"/>
    <mergeCell ref="A184:B185"/>
    <mergeCell ref="A186:B187"/>
    <mergeCell ref="A193:B194"/>
    <mergeCell ref="A195:B196"/>
    <mergeCell ref="A197:B198"/>
    <mergeCell ref="A164:B165"/>
    <mergeCell ref="A171:B172"/>
    <mergeCell ref="A173:B174"/>
    <mergeCell ref="A180:B181"/>
    <mergeCell ref="A182:B183"/>
    <mergeCell ref="A215:B216"/>
    <mergeCell ref="A217:B218"/>
    <mergeCell ref="A224:B225"/>
    <mergeCell ref="A226:B227"/>
    <mergeCell ref="A228:B229"/>
    <mergeCell ref="A199:B200"/>
    <mergeCell ref="A201:B202"/>
    <mergeCell ref="A203:B204"/>
    <mergeCell ref="A205:B206"/>
    <mergeCell ref="A207:B208"/>
    <mergeCell ref="A240:B241"/>
    <mergeCell ref="A242:B243"/>
    <mergeCell ref="A250:B251"/>
    <mergeCell ref="A252:B253"/>
    <mergeCell ref="A254:B255"/>
    <mergeCell ref="A230:B231"/>
    <mergeCell ref="A232:B233"/>
    <mergeCell ref="A234:B235"/>
    <mergeCell ref="A236:B237"/>
    <mergeCell ref="A238:B239"/>
    <mergeCell ref="A271:B272"/>
    <mergeCell ref="A273:B274"/>
    <mergeCell ref="A275:B276"/>
    <mergeCell ref="A277:B278"/>
    <mergeCell ref="A285:B286"/>
    <mergeCell ref="A256:B257"/>
    <mergeCell ref="A258:B259"/>
    <mergeCell ref="A260:B261"/>
    <mergeCell ref="A262:B263"/>
    <mergeCell ref="A264:B265"/>
    <mergeCell ref="A302:B303"/>
    <mergeCell ref="A304:B305"/>
    <mergeCell ref="A311:B312"/>
    <mergeCell ref="A313:B314"/>
    <mergeCell ref="A320:B321"/>
    <mergeCell ref="A287:B288"/>
    <mergeCell ref="A294:B295"/>
    <mergeCell ref="A296:B297"/>
    <mergeCell ref="A298:B299"/>
    <mergeCell ref="A300:B301"/>
    <mergeCell ref="A337:B338"/>
    <mergeCell ref="A339:B340"/>
    <mergeCell ref="A341:B342"/>
    <mergeCell ref="A343:B344"/>
    <mergeCell ref="A355:B356"/>
    <mergeCell ref="A322:B323"/>
    <mergeCell ref="A324:B325"/>
    <mergeCell ref="A326:B327"/>
    <mergeCell ref="A333:B334"/>
    <mergeCell ref="A335:B336"/>
    <mergeCell ref="A367:B368"/>
    <mergeCell ref="A369:B370"/>
    <mergeCell ref="A371:B372"/>
    <mergeCell ref="A373:B374"/>
    <mergeCell ref="A375:B376"/>
    <mergeCell ref="A357:B358"/>
    <mergeCell ref="A359:B360"/>
    <mergeCell ref="A361:B362"/>
    <mergeCell ref="A363:B364"/>
    <mergeCell ref="A365:B366"/>
    <mergeCell ref="A398:B399"/>
    <mergeCell ref="A400:B401"/>
    <mergeCell ref="A402:B403"/>
    <mergeCell ref="A404:B405"/>
    <mergeCell ref="A406:B407"/>
    <mergeCell ref="A377:B378"/>
    <mergeCell ref="A390:B391"/>
    <mergeCell ref="A392:B393"/>
    <mergeCell ref="A394:B395"/>
    <mergeCell ref="A396:B397"/>
    <mergeCell ref="A425:B426"/>
    <mergeCell ref="A427:B428"/>
    <mergeCell ref="A434:B435"/>
    <mergeCell ref="A436:B437"/>
    <mergeCell ref="A438:B439"/>
    <mergeCell ref="A408:B409"/>
    <mergeCell ref="A410:B411"/>
    <mergeCell ref="A412:B413"/>
    <mergeCell ref="A414:B415"/>
    <mergeCell ref="A416:B417"/>
    <mergeCell ref="A450:B451"/>
    <mergeCell ref="A452:B453"/>
    <mergeCell ref="A460:B461"/>
    <mergeCell ref="A462:B463"/>
    <mergeCell ref="A464:B465"/>
    <mergeCell ref="A440:B441"/>
    <mergeCell ref="A442:B443"/>
    <mergeCell ref="A444:B445"/>
    <mergeCell ref="A446:B447"/>
    <mergeCell ref="A448:B449"/>
    <mergeCell ref="A481:B482"/>
    <mergeCell ref="A483:B484"/>
    <mergeCell ref="A495:B496"/>
    <mergeCell ref="A497:B498"/>
    <mergeCell ref="A499:B500"/>
    <mergeCell ref="A466:B467"/>
    <mergeCell ref="A473:B474"/>
    <mergeCell ref="A475:B476"/>
    <mergeCell ref="A477:B478"/>
    <mergeCell ref="A479:B480"/>
    <mergeCell ref="A516:B517"/>
    <mergeCell ref="A518:B519"/>
    <mergeCell ref="A520:B521"/>
    <mergeCell ref="A522:B523"/>
    <mergeCell ref="A530:B531"/>
    <mergeCell ref="A501:B502"/>
    <mergeCell ref="A503:B504"/>
    <mergeCell ref="A505:B506"/>
    <mergeCell ref="A512:B513"/>
    <mergeCell ref="A514:B515"/>
    <mergeCell ref="A547:B548"/>
    <mergeCell ref="A549:B550"/>
    <mergeCell ref="A551:B552"/>
    <mergeCell ref="A553:B554"/>
    <mergeCell ref="A555:B556"/>
    <mergeCell ref="A532:B533"/>
    <mergeCell ref="A534:B535"/>
    <mergeCell ref="A536:B537"/>
    <mergeCell ref="A543:B544"/>
    <mergeCell ref="A545:B546"/>
    <mergeCell ref="A578:B579"/>
    <mergeCell ref="A580:B581"/>
    <mergeCell ref="A582:B583"/>
    <mergeCell ref="A584:B585"/>
    <mergeCell ref="A586:B587"/>
    <mergeCell ref="A557:B558"/>
    <mergeCell ref="A565:B566"/>
    <mergeCell ref="A567:B568"/>
    <mergeCell ref="A569:B570"/>
    <mergeCell ref="A571:B572"/>
    <mergeCell ref="A609:B610"/>
    <mergeCell ref="A611:B612"/>
    <mergeCell ref="A613:B614"/>
    <mergeCell ref="A615:B616"/>
    <mergeCell ref="A617:B618"/>
    <mergeCell ref="A588:B589"/>
    <mergeCell ref="A590:B591"/>
    <mergeCell ref="A592:B593"/>
    <mergeCell ref="A600:B601"/>
    <mergeCell ref="A602:B603"/>
    <mergeCell ref="A635:B636"/>
    <mergeCell ref="A637:B638"/>
    <mergeCell ref="A639:B640"/>
    <mergeCell ref="A641:B642"/>
    <mergeCell ref="A643:B644"/>
    <mergeCell ref="A619:B620"/>
    <mergeCell ref="A621:B622"/>
    <mergeCell ref="A623:B624"/>
    <mergeCell ref="A625:B626"/>
    <mergeCell ref="A627:B628"/>
    <mergeCell ref="A660:B661"/>
    <mergeCell ref="A662:B663"/>
    <mergeCell ref="A670:B671"/>
    <mergeCell ref="A672:B673"/>
    <mergeCell ref="A674:B675"/>
    <mergeCell ref="A645:B646"/>
    <mergeCell ref="A647:B648"/>
    <mergeCell ref="A649:B650"/>
    <mergeCell ref="A651:B652"/>
    <mergeCell ref="A653:B654"/>
    <mergeCell ref="A691:B692"/>
    <mergeCell ref="A693:B694"/>
    <mergeCell ref="A695:B696"/>
    <mergeCell ref="A697:B698"/>
    <mergeCell ref="A705:B706"/>
    <mergeCell ref="A676:B677"/>
    <mergeCell ref="A678:B679"/>
    <mergeCell ref="A680:B681"/>
    <mergeCell ref="A682:B683"/>
    <mergeCell ref="A684:B685"/>
    <mergeCell ref="A717:B718"/>
    <mergeCell ref="A719:B720"/>
    <mergeCell ref="A721:B722"/>
    <mergeCell ref="A723:B724"/>
    <mergeCell ref="A730:B731"/>
    <mergeCell ref="A707:B708"/>
    <mergeCell ref="A709:B710"/>
    <mergeCell ref="A711:B712"/>
    <mergeCell ref="A713:B714"/>
    <mergeCell ref="A715:B716"/>
    <mergeCell ref="A748:B749"/>
    <mergeCell ref="A750:B751"/>
    <mergeCell ref="A757:B758"/>
    <mergeCell ref="A759:B760"/>
    <mergeCell ref="A761:B762"/>
    <mergeCell ref="A732:B733"/>
    <mergeCell ref="A740:B741"/>
    <mergeCell ref="A742:B743"/>
    <mergeCell ref="A744:B745"/>
    <mergeCell ref="A746:B747"/>
    <mergeCell ref="A784:B785"/>
    <mergeCell ref="A786:B787"/>
    <mergeCell ref="A788:B789"/>
    <mergeCell ref="A790:B791"/>
    <mergeCell ref="A792:B793"/>
    <mergeCell ref="A763:B764"/>
    <mergeCell ref="A765:B766"/>
    <mergeCell ref="A767:B768"/>
    <mergeCell ref="A775:B776"/>
    <mergeCell ref="A777:B778"/>
    <mergeCell ref="A810:B811"/>
    <mergeCell ref="A812:B813"/>
    <mergeCell ref="A814:B815"/>
    <mergeCell ref="A816:B817"/>
    <mergeCell ref="A818:B819"/>
    <mergeCell ref="A794:B795"/>
    <mergeCell ref="A796:B797"/>
    <mergeCell ref="A798:B799"/>
    <mergeCell ref="A800:B801"/>
    <mergeCell ref="A802:B803"/>
    <mergeCell ref="A835:B836"/>
    <mergeCell ref="A837:B838"/>
    <mergeCell ref="A845:B846"/>
    <mergeCell ref="A847:B848"/>
    <mergeCell ref="A849:B850"/>
    <mergeCell ref="A820:B821"/>
    <mergeCell ref="A822:B823"/>
    <mergeCell ref="A824:B825"/>
    <mergeCell ref="A826:B827"/>
    <mergeCell ref="A828:B829"/>
    <mergeCell ref="A866:B867"/>
    <mergeCell ref="A868:B869"/>
    <mergeCell ref="A880:B881"/>
    <mergeCell ref="A882:B883"/>
    <mergeCell ref="A884:B885"/>
    <mergeCell ref="A851:B852"/>
    <mergeCell ref="A858:B859"/>
    <mergeCell ref="A860:B861"/>
    <mergeCell ref="A862:B863"/>
    <mergeCell ref="A864:B865"/>
    <mergeCell ref="A901:B902"/>
    <mergeCell ref="A903:B904"/>
    <mergeCell ref="A905:B906"/>
    <mergeCell ref="A907:B908"/>
    <mergeCell ref="A915:B916"/>
    <mergeCell ref="A886:B887"/>
    <mergeCell ref="A888:B889"/>
    <mergeCell ref="A890:B891"/>
    <mergeCell ref="A897:B898"/>
    <mergeCell ref="A899:B900"/>
    <mergeCell ref="A932:B933"/>
    <mergeCell ref="A934:B935"/>
    <mergeCell ref="A936:B937"/>
    <mergeCell ref="A938:B939"/>
    <mergeCell ref="A940:B941"/>
    <mergeCell ref="A917:B918"/>
    <mergeCell ref="A919:B920"/>
    <mergeCell ref="A921:B922"/>
    <mergeCell ref="A923:B924"/>
    <mergeCell ref="A925:B926"/>
    <mergeCell ref="A958:B959"/>
    <mergeCell ref="A960:B961"/>
    <mergeCell ref="A962:B963"/>
    <mergeCell ref="A964:B965"/>
    <mergeCell ref="A966:B967"/>
    <mergeCell ref="A942:B943"/>
    <mergeCell ref="A950:B951"/>
    <mergeCell ref="A952:B953"/>
    <mergeCell ref="A954:B955"/>
    <mergeCell ref="A956:B957"/>
    <mergeCell ref="A989:B990"/>
    <mergeCell ref="A991:B992"/>
    <mergeCell ref="A993:B994"/>
    <mergeCell ref="A995:B996"/>
    <mergeCell ref="A1002:B1003"/>
    <mergeCell ref="A968:B969"/>
    <mergeCell ref="A970:B971"/>
    <mergeCell ref="A972:B973"/>
    <mergeCell ref="A985:B986"/>
    <mergeCell ref="A987:B988"/>
    <mergeCell ref="A1020:B1021"/>
    <mergeCell ref="A1022:B1023"/>
    <mergeCell ref="A1024:B1025"/>
    <mergeCell ref="A1026:B1027"/>
    <mergeCell ref="A1033:B1034"/>
    <mergeCell ref="A1004:B1005"/>
    <mergeCell ref="A1006:B1007"/>
    <mergeCell ref="A1008:B1009"/>
    <mergeCell ref="A1010:B1011"/>
    <mergeCell ref="A1012:B1013"/>
    <mergeCell ref="A1045:B1046"/>
    <mergeCell ref="A1047:B1048"/>
    <mergeCell ref="A1055:B1056"/>
    <mergeCell ref="A1057:B1058"/>
    <mergeCell ref="A1059:B1060"/>
    <mergeCell ref="A1035:B1036"/>
    <mergeCell ref="A1037:B1038"/>
    <mergeCell ref="A1039:B1040"/>
    <mergeCell ref="A1041:B1042"/>
    <mergeCell ref="A1043:B1044"/>
    <mergeCell ref="A1071:B1072"/>
    <mergeCell ref="A1073:B1074"/>
    <mergeCell ref="A1075:B1076"/>
    <mergeCell ref="A1077:B1078"/>
    <mergeCell ref="A1079:B1080"/>
    <mergeCell ref="A1061:B1062"/>
    <mergeCell ref="A1063:B1064"/>
    <mergeCell ref="A1065:B1066"/>
    <mergeCell ref="A1067:B1068"/>
    <mergeCell ref="A1069:B1070"/>
    <mergeCell ref="A1098:B1099"/>
    <mergeCell ref="A1100:B1101"/>
    <mergeCell ref="A1107:B1108"/>
    <mergeCell ref="A1109:B1110"/>
    <mergeCell ref="A1111:B1112"/>
    <mergeCell ref="A1081:B1082"/>
    <mergeCell ref="A1090:B1091"/>
    <mergeCell ref="A1092:B1093"/>
    <mergeCell ref="A1094:B1095"/>
    <mergeCell ref="A1096:B1097"/>
    <mergeCell ref="A1129:B1130"/>
    <mergeCell ref="A1131:B1132"/>
    <mergeCell ref="A1133:B1134"/>
    <mergeCell ref="A1135:B1136"/>
    <mergeCell ref="A1142:B1143"/>
    <mergeCell ref="A1113:B1114"/>
    <mergeCell ref="A1115:B1116"/>
    <mergeCell ref="A1117:B1118"/>
    <mergeCell ref="A1125:B1126"/>
    <mergeCell ref="A1127:B1128"/>
    <mergeCell ref="A1160:B1161"/>
    <mergeCell ref="A1162:B1163"/>
    <mergeCell ref="A1164:B1165"/>
    <mergeCell ref="A1166:B1167"/>
    <mergeCell ref="A1168:B1169"/>
    <mergeCell ref="A1144:B1145"/>
    <mergeCell ref="A1146:B1147"/>
    <mergeCell ref="A1148:B1149"/>
    <mergeCell ref="A1150:B1151"/>
    <mergeCell ref="A1152:B1153"/>
    <mergeCell ref="A1185:B1186"/>
    <mergeCell ref="A1187:B1188"/>
    <mergeCell ref="A1195:B1196"/>
    <mergeCell ref="A1197:B1198"/>
    <mergeCell ref="A1199:B1200"/>
    <mergeCell ref="A1170:B1171"/>
    <mergeCell ref="A1177:B1178"/>
    <mergeCell ref="A1179:B1180"/>
    <mergeCell ref="A1181:B1182"/>
    <mergeCell ref="A1183:B1184"/>
    <mergeCell ref="A1211:B1212"/>
    <mergeCell ref="A1213:B1214"/>
    <mergeCell ref="A1215:B1216"/>
    <mergeCell ref="A1217:B1218"/>
    <mergeCell ref="A1219:B1220"/>
    <mergeCell ref="A1201:B1202"/>
    <mergeCell ref="A1203:B1204"/>
    <mergeCell ref="A1205:B1206"/>
    <mergeCell ref="A1207:B1208"/>
    <mergeCell ref="A1209:B1210"/>
    <mergeCell ref="A1238:B1239"/>
    <mergeCell ref="A1240:B1241"/>
    <mergeCell ref="A1242:B1243"/>
    <mergeCell ref="A1244:B1245"/>
    <mergeCell ref="A1246:B1247"/>
    <mergeCell ref="A1221:B1222"/>
    <mergeCell ref="A1230:B1231"/>
    <mergeCell ref="A1232:B1233"/>
    <mergeCell ref="A1234:B1235"/>
    <mergeCell ref="A1236:B1237"/>
    <mergeCell ref="A1265:B1266"/>
    <mergeCell ref="A1267:B1268"/>
    <mergeCell ref="A1269:B1270"/>
    <mergeCell ref="A1271:B1272"/>
    <mergeCell ref="A1273:B1274"/>
    <mergeCell ref="A1248:B1249"/>
    <mergeCell ref="A1250:B1251"/>
    <mergeCell ref="A1252:B1253"/>
    <mergeCell ref="A1254:B1255"/>
    <mergeCell ref="A1256:B1257"/>
    <mergeCell ref="A1285:B1286"/>
    <mergeCell ref="A1287:B1288"/>
    <mergeCell ref="A1300:B1301"/>
    <mergeCell ref="A1302:B1303"/>
    <mergeCell ref="A1304:B1305"/>
    <mergeCell ref="A1275:B1276"/>
    <mergeCell ref="A1277:B1278"/>
    <mergeCell ref="A1279:B1280"/>
    <mergeCell ref="A1281:B1282"/>
    <mergeCell ref="A1283:B1284"/>
    <mergeCell ref="A1316:B1317"/>
    <mergeCell ref="A1318:B1319"/>
    <mergeCell ref="A1320:B1321"/>
    <mergeCell ref="A1322:B1323"/>
    <mergeCell ref="A1335:B1336"/>
    <mergeCell ref="A1306:B1307"/>
    <mergeCell ref="A1308:B1309"/>
    <mergeCell ref="A1310:B1311"/>
    <mergeCell ref="A1312:B1313"/>
    <mergeCell ref="A1314:B1315"/>
    <mergeCell ref="A1347:B1348"/>
    <mergeCell ref="A1349:B1350"/>
    <mergeCell ref="A1351:B1352"/>
    <mergeCell ref="A1353:B1354"/>
    <mergeCell ref="A1360:B1361"/>
    <mergeCell ref="A1337:B1338"/>
    <mergeCell ref="A1339:B1340"/>
    <mergeCell ref="A1341:B1342"/>
    <mergeCell ref="A1343:B1344"/>
    <mergeCell ref="A1345:B1346"/>
    <mergeCell ref="A1378:B1379"/>
    <mergeCell ref="A1380:B1381"/>
    <mergeCell ref="A1382:B1383"/>
    <mergeCell ref="A1384:B1385"/>
    <mergeCell ref="A1386:B1387"/>
    <mergeCell ref="A1362:B1363"/>
    <mergeCell ref="A1370:B1371"/>
    <mergeCell ref="A1372:B1373"/>
    <mergeCell ref="A1374:B1375"/>
    <mergeCell ref="A1376:B1377"/>
    <mergeCell ref="A1409:B1410"/>
    <mergeCell ref="A1411:B1412"/>
    <mergeCell ref="A1413:B1414"/>
    <mergeCell ref="A1415:B1416"/>
    <mergeCell ref="A1417:B1418"/>
    <mergeCell ref="A1388:B1389"/>
    <mergeCell ref="A1395:B1396"/>
    <mergeCell ref="A1397:B1398"/>
    <mergeCell ref="A1405:B1406"/>
    <mergeCell ref="A1407:B1408"/>
    <mergeCell ref="A1440:B1441"/>
    <mergeCell ref="A1442:B1443"/>
    <mergeCell ref="A1444:B1445"/>
    <mergeCell ref="A1446:B1447"/>
    <mergeCell ref="A1448:B1449"/>
    <mergeCell ref="A1419:B1420"/>
    <mergeCell ref="A1426:B1427"/>
    <mergeCell ref="A1428:B1429"/>
    <mergeCell ref="A1430:B1431"/>
    <mergeCell ref="A1432:B1433"/>
    <mergeCell ref="A1465:B1466"/>
    <mergeCell ref="A1467:B1468"/>
    <mergeCell ref="A1475:B1476"/>
    <mergeCell ref="A1477:B1478"/>
    <mergeCell ref="A1479:B1480"/>
    <mergeCell ref="A1450:B1451"/>
    <mergeCell ref="A1457:B1458"/>
    <mergeCell ref="A1459:B1460"/>
    <mergeCell ref="A1461:B1462"/>
    <mergeCell ref="A1463:B1464"/>
    <mergeCell ref="A1496:B1497"/>
    <mergeCell ref="A1498:B1499"/>
    <mergeCell ref="A1500:B1501"/>
    <mergeCell ref="A1502:B1503"/>
    <mergeCell ref="A1510:B1511"/>
    <mergeCell ref="A1481:B1482"/>
    <mergeCell ref="A1488:B1489"/>
    <mergeCell ref="A1490:B1491"/>
    <mergeCell ref="A1492:B1493"/>
    <mergeCell ref="A1494:B1495"/>
    <mergeCell ref="A1527:B1528"/>
    <mergeCell ref="A1529:B1530"/>
    <mergeCell ref="A1531:B1532"/>
    <mergeCell ref="A1533:B1534"/>
    <mergeCell ref="A1535:B1536"/>
    <mergeCell ref="A1512:B1513"/>
    <mergeCell ref="A1514:B1515"/>
    <mergeCell ref="A1516:B1517"/>
    <mergeCell ref="A1518:B1519"/>
    <mergeCell ref="A1520:B1521"/>
    <mergeCell ref="A1558:B1559"/>
    <mergeCell ref="A1560:B1561"/>
    <mergeCell ref="A1562:B1563"/>
    <mergeCell ref="A1564:B1565"/>
    <mergeCell ref="A1566:B1567"/>
    <mergeCell ref="A1537:B1538"/>
    <mergeCell ref="A1545:B1546"/>
    <mergeCell ref="A1547:B1548"/>
    <mergeCell ref="A1554:B1555"/>
    <mergeCell ref="A1556:B1557"/>
    <mergeCell ref="A1588:B1589"/>
    <mergeCell ref="A1590:B1591"/>
    <mergeCell ref="A1592:B1593"/>
    <mergeCell ref="A1594:B1595"/>
    <mergeCell ref="A1596:B1597"/>
    <mergeCell ref="A1568:B1569"/>
    <mergeCell ref="A1580:B1581"/>
    <mergeCell ref="A1582:B1583"/>
    <mergeCell ref="A1584:B1585"/>
    <mergeCell ref="A1586:B1587"/>
    <mergeCell ref="A1615:B1616"/>
    <mergeCell ref="A1617:B1618"/>
    <mergeCell ref="A1619:B1620"/>
    <mergeCell ref="A1621:B1622"/>
    <mergeCell ref="A1623:B1624"/>
    <mergeCell ref="A1598:B1599"/>
    <mergeCell ref="A1600:B1601"/>
    <mergeCell ref="A1602:B1603"/>
    <mergeCell ref="A1604:B1605"/>
    <mergeCell ref="A1606:B1607"/>
    <mergeCell ref="A1640:B1641"/>
    <mergeCell ref="A1642:B1643"/>
    <mergeCell ref="A1650:B1651"/>
    <mergeCell ref="A1652:B1653"/>
    <mergeCell ref="A1654:B1655"/>
    <mergeCell ref="A1625:B1626"/>
    <mergeCell ref="A1632:B1633"/>
    <mergeCell ref="A1634:B1635"/>
    <mergeCell ref="A1636:B1637"/>
    <mergeCell ref="A1638:B1639"/>
    <mergeCell ref="A1671:B1672"/>
    <mergeCell ref="A1673:B1674"/>
    <mergeCell ref="A1675:B1676"/>
    <mergeCell ref="A1677:B1678"/>
    <mergeCell ref="A1685:B1686"/>
    <mergeCell ref="A1656:B1657"/>
    <mergeCell ref="A1663:B1664"/>
    <mergeCell ref="A1665:B1666"/>
    <mergeCell ref="A1667:B1668"/>
    <mergeCell ref="A1669:B1670"/>
    <mergeCell ref="A1702:B1703"/>
    <mergeCell ref="A1704:B1705"/>
    <mergeCell ref="A1706:B1707"/>
    <mergeCell ref="A1708:B1709"/>
    <mergeCell ref="A1710:B1711"/>
    <mergeCell ref="A1687:B1688"/>
    <mergeCell ref="A1694:B1695"/>
    <mergeCell ref="A1696:B1697"/>
    <mergeCell ref="A1698:B1699"/>
    <mergeCell ref="A1700:B1701"/>
    <mergeCell ref="A1728:B1729"/>
    <mergeCell ref="A1730:B1731"/>
    <mergeCell ref="A1732:B1733"/>
    <mergeCell ref="A1734:B1735"/>
    <mergeCell ref="A1736:B1737"/>
    <mergeCell ref="A1712:B1713"/>
    <mergeCell ref="A1720:B1721"/>
    <mergeCell ref="A1722:B1723"/>
    <mergeCell ref="A1724:B1725"/>
    <mergeCell ref="A1726:B1727"/>
    <mergeCell ref="A1759:B1760"/>
    <mergeCell ref="A1761:B1762"/>
    <mergeCell ref="A1763:B1764"/>
    <mergeCell ref="A1765:B1766"/>
    <mergeCell ref="A1767:B1768"/>
    <mergeCell ref="A1738:B1739"/>
    <mergeCell ref="A1740:B1741"/>
    <mergeCell ref="A1742:B1743"/>
    <mergeCell ref="A1755:B1756"/>
    <mergeCell ref="A1757:B1758"/>
    <mergeCell ref="A1790:B1791"/>
    <mergeCell ref="A1792:B1793"/>
    <mergeCell ref="A1794:B1795"/>
    <mergeCell ref="A1796:B1797"/>
    <mergeCell ref="A1798:B1799"/>
    <mergeCell ref="A1769:B1770"/>
    <mergeCell ref="A1771:B1772"/>
    <mergeCell ref="A1773:B1774"/>
    <mergeCell ref="A1780:B1781"/>
    <mergeCell ref="A1782:B1783"/>
    <mergeCell ref="A1815:B1816"/>
    <mergeCell ref="A1817:B1818"/>
    <mergeCell ref="A1825:B1826"/>
    <mergeCell ref="A1827:B1828"/>
    <mergeCell ref="A1829:B1830"/>
    <mergeCell ref="A1800:B1801"/>
    <mergeCell ref="A1802:B1803"/>
    <mergeCell ref="A1804:B1805"/>
    <mergeCell ref="A1811:B1812"/>
    <mergeCell ref="A1813:B1814"/>
    <mergeCell ref="A1846:B1847"/>
    <mergeCell ref="A1848:B1849"/>
    <mergeCell ref="A1850:B1851"/>
    <mergeCell ref="A1852:B1853"/>
    <mergeCell ref="A1860:B1861"/>
    <mergeCell ref="A1831:B1832"/>
    <mergeCell ref="A1833:B1834"/>
    <mergeCell ref="A1835:B1836"/>
    <mergeCell ref="A1842:B1843"/>
    <mergeCell ref="A1844:B1845"/>
    <mergeCell ref="A1877:B1878"/>
    <mergeCell ref="A1879:B1880"/>
    <mergeCell ref="A1881:B1882"/>
    <mergeCell ref="A1883:B1884"/>
    <mergeCell ref="A1885:B1886"/>
    <mergeCell ref="A1862:B1863"/>
    <mergeCell ref="A1864:B1865"/>
    <mergeCell ref="A1866:B1867"/>
    <mergeCell ref="A1873:B1874"/>
    <mergeCell ref="A1875:B1876"/>
    <mergeCell ref="A1908:B1909"/>
    <mergeCell ref="A1910:B1911"/>
    <mergeCell ref="A1912:B1913"/>
    <mergeCell ref="A1914:B1915"/>
    <mergeCell ref="A1916:B1917"/>
    <mergeCell ref="A1887:B1888"/>
    <mergeCell ref="A1895:B1896"/>
    <mergeCell ref="A1897:B1898"/>
    <mergeCell ref="A1904:B1905"/>
    <mergeCell ref="A1906:B1907"/>
    <mergeCell ref="A1934:B1935"/>
    <mergeCell ref="A1936:B1937"/>
    <mergeCell ref="A1938:B1939"/>
    <mergeCell ref="A1940:B1941"/>
    <mergeCell ref="A1942:B1943"/>
    <mergeCell ref="A1918:B1919"/>
    <mergeCell ref="A1920:B1921"/>
    <mergeCell ref="A1922:B1923"/>
    <mergeCell ref="A1930:B1931"/>
    <mergeCell ref="A1932:B1933"/>
    <mergeCell ref="A1954:B1955"/>
    <mergeCell ref="A1956:B1957"/>
    <mergeCell ref="A1965:B1966"/>
    <mergeCell ref="A1967:B1968"/>
    <mergeCell ref="A1969:B1970"/>
    <mergeCell ref="A1944:B1945"/>
    <mergeCell ref="A1946:B1947"/>
    <mergeCell ref="A1948:B1949"/>
    <mergeCell ref="A1950:B1951"/>
    <mergeCell ref="A1952:B1953"/>
    <mergeCell ref="A1986:B1987"/>
    <mergeCell ref="A1988:B1989"/>
    <mergeCell ref="A1990:B1991"/>
    <mergeCell ref="A1992:B1993"/>
    <mergeCell ref="A2000:B2001"/>
    <mergeCell ref="A1971:B1972"/>
    <mergeCell ref="A1973:B1974"/>
    <mergeCell ref="A1975:B1976"/>
    <mergeCell ref="A1977:B1978"/>
    <mergeCell ref="A1979:B1980"/>
    <mergeCell ref="A2017:B2018"/>
    <mergeCell ref="A2019:B2020"/>
    <mergeCell ref="A2021:B2022"/>
    <mergeCell ref="A2023:B2024"/>
    <mergeCell ref="A2025:B2026"/>
    <mergeCell ref="A2002:B2003"/>
    <mergeCell ref="A2004:B2005"/>
    <mergeCell ref="A2006:B2007"/>
    <mergeCell ref="A2013:B2014"/>
    <mergeCell ref="A2015:B2016"/>
    <mergeCell ref="A2048:B2049"/>
    <mergeCell ref="A2050:B2051"/>
    <mergeCell ref="A2052:B2053"/>
    <mergeCell ref="A2054:B2055"/>
    <mergeCell ref="A2056:B2057"/>
    <mergeCell ref="A2027:B2028"/>
    <mergeCell ref="A2035:B2036"/>
    <mergeCell ref="A2037:B2038"/>
    <mergeCell ref="A2039:B2040"/>
    <mergeCell ref="A2041:B2042"/>
    <mergeCell ref="A2074:B2075"/>
    <mergeCell ref="A2076:B2077"/>
    <mergeCell ref="A2078:B2079"/>
    <mergeCell ref="A2080:B2081"/>
    <mergeCell ref="A2082:B2083"/>
    <mergeCell ref="A2058:B2059"/>
    <mergeCell ref="A2060:B2061"/>
    <mergeCell ref="A2062:B2063"/>
    <mergeCell ref="A2070:B2071"/>
    <mergeCell ref="A2072:B2073"/>
    <mergeCell ref="A2094:B2095"/>
    <mergeCell ref="A2096:B2097"/>
    <mergeCell ref="A2105:B2106"/>
    <mergeCell ref="A2107:B2108"/>
    <mergeCell ref="A2109:B2110"/>
    <mergeCell ref="A2084:B2085"/>
    <mergeCell ref="A2086:B2087"/>
    <mergeCell ref="A2088:B2089"/>
    <mergeCell ref="A2090:B2091"/>
    <mergeCell ref="A2092:B2093"/>
    <mergeCell ref="A2121:B2122"/>
    <mergeCell ref="A2123:B2124"/>
    <mergeCell ref="A2130:B2131"/>
    <mergeCell ref="A2132:B2133"/>
    <mergeCell ref="A2140:B2141"/>
    <mergeCell ref="A2111:B2112"/>
    <mergeCell ref="A2113:B2114"/>
    <mergeCell ref="A2115:B2116"/>
    <mergeCell ref="A2117:B2118"/>
    <mergeCell ref="A2119:B2120"/>
    <mergeCell ref="A2152:B2153"/>
    <mergeCell ref="A2154:B2155"/>
    <mergeCell ref="A2156:B2157"/>
    <mergeCell ref="A2158:B2159"/>
    <mergeCell ref="A2165:B2166"/>
    <mergeCell ref="A2142:B2143"/>
    <mergeCell ref="A2144:B2145"/>
    <mergeCell ref="A2146:B2147"/>
    <mergeCell ref="A2148:B2149"/>
    <mergeCell ref="A2150:B2151"/>
    <mergeCell ref="A2183:B2184"/>
    <mergeCell ref="A2185:B2186"/>
    <mergeCell ref="A2187:B2188"/>
    <mergeCell ref="A2189:B2190"/>
    <mergeCell ref="A2196:B2197"/>
    <mergeCell ref="A2167:B2168"/>
    <mergeCell ref="A2175:B2176"/>
    <mergeCell ref="A2177:B2178"/>
    <mergeCell ref="A2179:B2180"/>
    <mergeCell ref="A2181:B2182"/>
    <mergeCell ref="A2219:B2220"/>
    <mergeCell ref="A2221:B2222"/>
    <mergeCell ref="A2223:B2224"/>
    <mergeCell ref="A2225:B2226"/>
    <mergeCell ref="A2227:B2228"/>
    <mergeCell ref="A2198:B2199"/>
    <mergeCell ref="A2200:B2201"/>
    <mergeCell ref="A2202:B2203"/>
    <mergeCell ref="A2210:B2211"/>
    <mergeCell ref="A2212:B2213"/>
    <mergeCell ref="A2249:B2250"/>
    <mergeCell ref="A2251:B2252"/>
    <mergeCell ref="A2258:B2259"/>
    <mergeCell ref="A2260:B2261"/>
    <mergeCell ref="A2262:B2263"/>
    <mergeCell ref="A2229:B2230"/>
    <mergeCell ref="A2236:B2237"/>
    <mergeCell ref="A2238:B2239"/>
    <mergeCell ref="A2245:B2246"/>
    <mergeCell ref="A2247:B2248"/>
    <mergeCell ref="A2284:B2285"/>
    <mergeCell ref="A2286:B2287"/>
    <mergeCell ref="A2288:B2289"/>
    <mergeCell ref="A2290:B2291"/>
    <mergeCell ref="A2297:B2298"/>
    <mergeCell ref="A2264:B2265"/>
    <mergeCell ref="A2266:B2267"/>
    <mergeCell ref="A2268:B2269"/>
    <mergeCell ref="A2280:B2281"/>
    <mergeCell ref="A2282:B2283"/>
    <mergeCell ref="A2315:B2316"/>
    <mergeCell ref="A2317:B2318"/>
    <mergeCell ref="A2319:B2320"/>
    <mergeCell ref="A2321:B2322"/>
    <mergeCell ref="A2328:B2329"/>
    <mergeCell ref="A2299:B2300"/>
    <mergeCell ref="A2301:B2302"/>
    <mergeCell ref="A2303:B2304"/>
    <mergeCell ref="A2305:B2306"/>
    <mergeCell ref="A2307:B2308"/>
    <mergeCell ref="A2340:B2341"/>
    <mergeCell ref="A2342:B2343"/>
    <mergeCell ref="A2350:B2351"/>
    <mergeCell ref="A2352:B2353"/>
    <mergeCell ref="A2354:B2355"/>
    <mergeCell ref="A2330:B2331"/>
    <mergeCell ref="A2332:B2333"/>
    <mergeCell ref="A2334:B2335"/>
    <mergeCell ref="A2336:B2337"/>
    <mergeCell ref="A2338:B2339"/>
    <mergeCell ref="A2371:B2372"/>
    <mergeCell ref="A2373:B2374"/>
    <mergeCell ref="A2375:B2376"/>
    <mergeCell ref="A2377:B2378"/>
    <mergeCell ref="A2385:B2386"/>
    <mergeCell ref="A2356:B2357"/>
    <mergeCell ref="A2363:B2364"/>
    <mergeCell ref="A2365:B2366"/>
    <mergeCell ref="A2367:B2368"/>
    <mergeCell ref="A2369:B2370"/>
    <mergeCell ref="A2402:B2403"/>
    <mergeCell ref="A2404:B2405"/>
    <mergeCell ref="A2406:B2407"/>
    <mergeCell ref="A2408:B2409"/>
    <mergeCell ref="A2410:B2411"/>
    <mergeCell ref="A2387:B2388"/>
    <mergeCell ref="A2394:B2395"/>
    <mergeCell ref="A2396:B2397"/>
    <mergeCell ref="A2398:B2399"/>
    <mergeCell ref="A2400:B2401"/>
    <mergeCell ref="A2428:B2429"/>
    <mergeCell ref="A2430:B2431"/>
    <mergeCell ref="A2432:B2433"/>
    <mergeCell ref="A2434:B2435"/>
    <mergeCell ref="A2436:B2437"/>
    <mergeCell ref="A2412:B2413"/>
    <mergeCell ref="A2420:B2421"/>
    <mergeCell ref="A2422:B2423"/>
    <mergeCell ref="A2424:B2425"/>
    <mergeCell ref="A2426:B2427"/>
    <mergeCell ref="A2459:B2460"/>
    <mergeCell ref="A2461:B2462"/>
    <mergeCell ref="A2463:B2464"/>
    <mergeCell ref="A2465:B2466"/>
    <mergeCell ref="A2467:B2468"/>
    <mergeCell ref="A2438:B2439"/>
    <mergeCell ref="A2445:B2446"/>
    <mergeCell ref="A2447:B2448"/>
    <mergeCell ref="A2455:B2456"/>
    <mergeCell ref="A2457:B2458"/>
    <mergeCell ref="A2490:B2491"/>
    <mergeCell ref="A2492:B2493"/>
    <mergeCell ref="A2494:B2495"/>
    <mergeCell ref="A2496:B2497"/>
    <mergeCell ref="A2498:B2499"/>
    <mergeCell ref="A2469:B2470"/>
    <mergeCell ref="A2471:B2472"/>
    <mergeCell ref="A2473:B2474"/>
    <mergeCell ref="A2475:B2476"/>
    <mergeCell ref="A2477:B2478"/>
    <mergeCell ref="A2515:B2516"/>
    <mergeCell ref="A2517:B2518"/>
    <mergeCell ref="A2525:B2526"/>
    <mergeCell ref="A2527:B2528"/>
    <mergeCell ref="A2529:B2530"/>
    <mergeCell ref="A2500:B2501"/>
    <mergeCell ref="A2502:B2503"/>
    <mergeCell ref="A2504:B2505"/>
    <mergeCell ref="A2511:B2512"/>
    <mergeCell ref="A2513:B2514"/>
    <mergeCell ref="A2546:B2547"/>
    <mergeCell ref="A2548:B2549"/>
    <mergeCell ref="A2550:B2551"/>
    <mergeCell ref="A2552:B2553"/>
    <mergeCell ref="A2560:B2561"/>
    <mergeCell ref="A2531:B2532"/>
    <mergeCell ref="A2538:B2539"/>
    <mergeCell ref="A2540:B2541"/>
    <mergeCell ref="A2542:B2543"/>
    <mergeCell ref="A2544:B2545"/>
    <mergeCell ref="A2577:B2578"/>
    <mergeCell ref="A2579:B2580"/>
    <mergeCell ref="A2581:B2582"/>
    <mergeCell ref="A2583:B2584"/>
    <mergeCell ref="A2585:B2586"/>
    <mergeCell ref="A2562:B2563"/>
    <mergeCell ref="A2564:B2565"/>
    <mergeCell ref="A2566:B2567"/>
    <mergeCell ref="A2573:B2574"/>
    <mergeCell ref="A2575:B2576"/>
    <mergeCell ref="A2603:B2604"/>
    <mergeCell ref="A2605:B2606"/>
    <mergeCell ref="A2607:B2608"/>
    <mergeCell ref="A2609:B2610"/>
    <mergeCell ref="A2611:B2612"/>
    <mergeCell ref="A2587:B2588"/>
    <mergeCell ref="A2595:B2596"/>
    <mergeCell ref="A2597:B2598"/>
    <mergeCell ref="A2599:B2600"/>
    <mergeCell ref="A2601:B2602"/>
    <mergeCell ref="A2634:B2635"/>
    <mergeCell ref="A2636:B2637"/>
    <mergeCell ref="A2638:B2639"/>
    <mergeCell ref="A2640:B2641"/>
    <mergeCell ref="A2642:B2643"/>
    <mergeCell ref="A2613:B2614"/>
    <mergeCell ref="A2620:B2621"/>
    <mergeCell ref="A2622:B2623"/>
    <mergeCell ref="A2630:B2631"/>
    <mergeCell ref="A2632:B2633"/>
    <mergeCell ref="A2665:B2666"/>
    <mergeCell ref="A2667:B2668"/>
    <mergeCell ref="A2669:B2670"/>
    <mergeCell ref="A2671:B2672"/>
    <mergeCell ref="A2673:B2674"/>
    <mergeCell ref="A2644:B2645"/>
    <mergeCell ref="A2646:B2647"/>
    <mergeCell ref="A2648:B2649"/>
    <mergeCell ref="A2655:B2656"/>
    <mergeCell ref="A2657:B2658"/>
    <mergeCell ref="A2690:B2691"/>
    <mergeCell ref="A2692:B2693"/>
    <mergeCell ref="A2700:B2701"/>
    <mergeCell ref="A2702:B2703"/>
    <mergeCell ref="A2704:B2705"/>
    <mergeCell ref="A2675:B2676"/>
    <mergeCell ref="A2677:B2678"/>
    <mergeCell ref="A2679:B2680"/>
    <mergeCell ref="A2686:B2687"/>
    <mergeCell ref="A2688:B2689"/>
    <mergeCell ref="A2721:B2722"/>
    <mergeCell ref="A2723:B2724"/>
    <mergeCell ref="A2725:B2726"/>
    <mergeCell ref="A2727:B2728"/>
    <mergeCell ref="A2735:B2736"/>
    <mergeCell ref="A2706:B2707"/>
    <mergeCell ref="A2708:B2709"/>
    <mergeCell ref="A2710:B2711"/>
    <mergeCell ref="A2717:B2718"/>
    <mergeCell ref="A2719:B2720"/>
    <mergeCell ref="A2752:B2753"/>
    <mergeCell ref="A2754:B2755"/>
    <mergeCell ref="A2756:B2757"/>
    <mergeCell ref="A2758:B2759"/>
    <mergeCell ref="A2760:B2761"/>
    <mergeCell ref="A2737:B2738"/>
    <mergeCell ref="A2739:B2740"/>
    <mergeCell ref="A2741:B2742"/>
    <mergeCell ref="A2748:B2749"/>
    <mergeCell ref="A2750:B2751"/>
    <mergeCell ref="A2783:B2784"/>
    <mergeCell ref="A2785:B2786"/>
    <mergeCell ref="A2787:B2788"/>
    <mergeCell ref="A2789:B2790"/>
    <mergeCell ref="A2791:B2792"/>
    <mergeCell ref="A2762:B2763"/>
    <mergeCell ref="A2770:B2771"/>
    <mergeCell ref="A2772:B2773"/>
    <mergeCell ref="A2779:B2780"/>
    <mergeCell ref="A2781:B2782"/>
    <mergeCell ref="A2809:B2810"/>
    <mergeCell ref="A2811:B2812"/>
    <mergeCell ref="A2813:B2814"/>
    <mergeCell ref="A2815:B2816"/>
    <mergeCell ref="A2817:B2818"/>
    <mergeCell ref="A2793:B2794"/>
    <mergeCell ref="A2795:B2796"/>
    <mergeCell ref="A2797:B2798"/>
    <mergeCell ref="A2805:B2806"/>
    <mergeCell ref="A2807:B2808"/>
    <mergeCell ref="A2840:B2841"/>
    <mergeCell ref="A2842:B2843"/>
    <mergeCell ref="A2844:B2845"/>
    <mergeCell ref="A2846:B2847"/>
    <mergeCell ref="A2848:B2849"/>
    <mergeCell ref="A2819:B2820"/>
    <mergeCell ref="A2821:B2822"/>
    <mergeCell ref="A2823:B2824"/>
    <mergeCell ref="A2825:B2826"/>
    <mergeCell ref="A2827:B2828"/>
    <mergeCell ref="A2865:B2866"/>
    <mergeCell ref="A2867:B2868"/>
    <mergeCell ref="A2875:B2876"/>
    <mergeCell ref="A2877:B2878"/>
    <mergeCell ref="A2879:B2880"/>
    <mergeCell ref="A2850:B2851"/>
    <mergeCell ref="A2857:B2858"/>
    <mergeCell ref="A2859:B2860"/>
    <mergeCell ref="A2861:B2862"/>
    <mergeCell ref="A2863:B2864"/>
    <mergeCell ref="A2896:B2897"/>
    <mergeCell ref="A2898:B2899"/>
    <mergeCell ref="A2910:B2911"/>
    <mergeCell ref="A2912:B2913"/>
    <mergeCell ref="A2914:B2915"/>
    <mergeCell ref="A2881:B2882"/>
    <mergeCell ref="A2888:B2889"/>
    <mergeCell ref="A2890:B2891"/>
    <mergeCell ref="A2892:B2893"/>
    <mergeCell ref="A2894:B2895"/>
    <mergeCell ref="A2931:B2932"/>
    <mergeCell ref="A2933:B2934"/>
    <mergeCell ref="A2935:B2936"/>
    <mergeCell ref="A2937:B2938"/>
    <mergeCell ref="A2945:B2946"/>
    <mergeCell ref="A2916:B2917"/>
    <mergeCell ref="A2918:B2919"/>
    <mergeCell ref="A2920:B2921"/>
    <mergeCell ref="A2927:B2928"/>
    <mergeCell ref="A2929:B2930"/>
    <mergeCell ref="A2957:B2958"/>
    <mergeCell ref="A2959:B2960"/>
    <mergeCell ref="A2966:B2967"/>
    <mergeCell ref="A2968:B2969"/>
    <mergeCell ref="A2970:B2971"/>
    <mergeCell ref="A2947:B2948"/>
    <mergeCell ref="A2949:B2950"/>
    <mergeCell ref="A2951:B2952"/>
    <mergeCell ref="A2953:B2954"/>
    <mergeCell ref="A2955:B2956"/>
    <mergeCell ref="A2988:B2989"/>
    <mergeCell ref="A2990:B2991"/>
    <mergeCell ref="A2992:B2993"/>
    <mergeCell ref="A2994:B2995"/>
    <mergeCell ref="A2996:B2997"/>
    <mergeCell ref="A2972:B2973"/>
    <mergeCell ref="A2980:B2981"/>
    <mergeCell ref="A2982:B2983"/>
    <mergeCell ref="A2984:B2985"/>
    <mergeCell ref="A2986:B2987"/>
    <mergeCell ref="A3019:B3020"/>
    <mergeCell ref="A3021:B3022"/>
    <mergeCell ref="A3023:B3024"/>
    <mergeCell ref="A3025:B3026"/>
    <mergeCell ref="A3027:B3028"/>
    <mergeCell ref="A2998:B2999"/>
    <mergeCell ref="A3005:B3006"/>
    <mergeCell ref="A3007:B3008"/>
    <mergeCell ref="A3015:B3016"/>
    <mergeCell ref="A3017:B3018"/>
    <mergeCell ref="A3050:B3051"/>
    <mergeCell ref="A3052:B3053"/>
    <mergeCell ref="A3054:B3055"/>
    <mergeCell ref="A3056:B3057"/>
    <mergeCell ref="A3058:B3059"/>
    <mergeCell ref="A3029:B3030"/>
    <mergeCell ref="A3031:B3032"/>
    <mergeCell ref="A3033:B3034"/>
    <mergeCell ref="A3040:B3041"/>
    <mergeCell ref="A3042:B3043"/>
    <mergeCell ref="A3075:B3076"/>
    <mergeCell ref="A3077:B3078"/>
    <mergeCell ref="A3085:B3086"/>
    <mergeCell ref="A3087:B3088"/>
    <mergeCell ref="A3089:B3090"/>
    <mergeCell ref="A3060:B3061"/>
    <mergeCell ref="A3062:B3063"/>
    <mergeCell ref="A3064:B3065"/>
    <mergeCell ref="A3066:B3067"/>
    <mergeCell ref="A3068:B3069"/>
    <mergeCell ref="A3106:B3107"/>
    <mergeCell ref="A3108:B3109"/>
    <mergeCell ref="A3110:B3111"/>
    <mergeCell ref="A3112:B3113"/>
    <mergeCell ref="A3120:B3121"/>
    <mergeCell ref="A3091:B3092"/>
    <mergeCell ref="A3093:B3094"/>
    <mergeCell ref="A3095:B3096"/>
    <mergeCell ref="A3097:B3098"/>
    <mergeCell ref="A3099:B3100"/>
    <mergeCell ref="A3137:B3138"/>
    <mergeCell ref="A3139:B3140"/>
    <mergeCell ref="A3141:B3142"/>
    <mergeCell ref="A3143:B3144"/>
    <mergeCell ref="A3145:B3146"/>
    <mergeCell ref="A3122:B3123"/>
    <mergeCell ref="A3124:B3125"/>
    <mergeCell ref="A3126:B3127"/>
    <mergeCell ref="A3128:B3129"/>
    <mergeCell ref="A3130:B3131"/>
    <mergeCell ref="A3168:B3169"/>
    <mergeCell ref="A3170:B3171"/>
    <mergeCell ref="A3172:B3173"/>
    <mergeCell ref="A3174:B3175"/>
    <mergeCell ref="A3176:B3177"/>
    <mergeCell ref="A3147:B3148"/>
    <mergeCell ref="A3155:B3156"/>
    <mergeCell ref="A3157:B3158"/>
    <mergeCell ref="A3159:B3160"/>
    <mergeCell ref="A3161:B3162"/>
    <mergeCell ref="A3199:B3200"/>
    <mergeCell ref="A3201:B3202"/>
    <mergeCell ref="A3203:B3204"/>
    <mergeCell ref="A3205:B3206"/>
    <mergeCell ref="A3207:B3208"/>
    <mergeCell ref="A3178:B3179"/>
    <mergeCell ref="A3180:B3181"/>
    <mergeCell ref="A3182:B3183"/>
    <mergeCell ref="A3190:B3191"/>
    <mergeCell ref="A3192:B3193"/>
    <mergeCell ref="A3229:B3230"/>
    <mergeCell ref="A3231:B3232"/>
    <mergeCell ref="A3233:B3234"/>
    <mergeCell ref="A3235:B3236"/>
    <mergeCell ref="A3237:B3238"/>
    <mergeCell ref="A3209:B3210"/>
    <mergeCell ref="A3211:B3212"/>
    <mergeCell ref="A3213:B3214"/>
    <mergeCell ref="A3225:B3226"/>
    <mergeCell ref="A3227:B3228"/>
    <mergeCell ref="A3260:B3261"/>
    <mergeCell ref="A3262:B3263"/>
    <mergeCell ref="A3264:B3265"/>
    <mergeCell ref="A3266:B3267"/>
    <mergeCell ref="A3268:B3269"/>
    <mergeCell ref="A3239:B3240"/>
    <mergeCell ref="A3246:B3247"/>
    <mergeCell ref="A3248:B3249"/>
    <mergeCell ref="A3250:B3251"/>
    <mergeCell ref="A3252:B3253"/>
    <mergeCell ref="A3285:B3286"/>
    <mergeCell ref="A3287:B3288"/>
    <mergeCell ref="A3295:B3296"/>
    <mergeCell ref="A3297:B3298"/>
    <mergeCell ref="A3304:B3305"/>
    <mergeCell ref="A3270:B3271"/>
    <mergeCell ref="A3277:B3278"/>
    <mergeCell ref="A3279:B3280"/>
    <mergeCell ref="A3281:B3282"/>
    <mergeCell ref="A3283:B3284"/>
    <mergeCell ref="A3316:B3317"/>
    <mergeCell ref="A3318:B3319"/>
    <mergeCell ref="A3320:B3321"/>
    <mergeCell ref="A3322:B3323"/>
    <mergeCell ref="A3330:B3331"/>
    <mergeCell ref="A3306:B3307"/>
    <mergeCell ref="A3308:B3309"/>
    <mergeCell ref="A3310:B3311"/>
    <mergeCell ref="A3312:B3313"/>
    <mergeCell ref="A3314:B3315"/>
    <mergeCell ref="A3347:B3348"/>
    <mergeCell ref="A3349:B3350"/>
    <mergeCell ref="A3351:B3352"/>
    <mergeCell ref="A3353:B3354"/>
    <mergeCell ref="A3355:B3356"/>
    <mergeCell ref="A3332:B3333"/>
    <mergeCell ref="A3334:B3335"/>
    <mergeCell ref="A3336:B3337"/>
    <mergeCell ref="A3338:B3339"/>
    <mergeCell ref="A3340:B3341"/>
    <mergeCell ref="A3373:B3374"/>
    <mergeCell ref="A3375:B3376"/>
    <mergeCell ref="A3357:B3358"/>
    <mergeCell ref="A3365:B3366"/>
    <mergeCell ref="A3367:B3368"/>
    <mergeCell ref="A3369:B3370"/>
    <mergeCell ref="A3371:B3372"/>
  </mergeCells>
  <phoneticPr fontId="68"/>
  <pageMargins left="0.59055118110236227" right="0.59055118110236227" top="0.78740157480314965" bottom="0.78740157480314965" header="0.51181102362204722" footer="0.59055118110236227"/>
  <pageSetup paperSize="9" scale="91" fitToHeight="0" orientation="landscape" horizontalDpi="4294967294" r:id="rId1"/>
  <headerFooter>
    <oddFooter>&amp;L&amp;"ＭＳ 明朝,標準" 30-12-y070-3-010-00&amp;R&amp;"ＭＳ 明朝,標準"四　 日　 市　 市</oddFooter>
  </headerFooter>
  <rowBreaks count="96" manualBreakCount="96">
    <brk id="35" max="16383" man="1"/>
    <brk id="70" max="16383" man="1"/>
    <brk id="105" max="16383" man="1"/>
    <brk id="140" max="16383" man="1"/>
    <brk id="175" max="16383" man="1"/>
    <brk id="210" max="16383" man="1"/>
    <brk id="245" max="16383" man="1"/>
    <brk id="280" max="16383" man="1"/>
    <brk id="315" max="16383" man="1"/>
    <brk id="350" max="16383" man="1"/>
    <brk id="385" max="16383" man="1"/>
    <brk id="420" max="16383" man="1"/>
    <brk id="455" max="16383" man="1"/>
    <brk id="490" max="16383" man="1"/>
    <brk id="525" max="16383" man="1"/>
    <brk id="560" max="16383" man="1"/>
    <brk id="595" max="16383" man="1"/>
    <brk id="630" max="16383" man="1"/>
    <brk id="665" max="16383" man="1"/>
    <brk id="700" max="16383" man="1"/>
    <brk id="735" max="16383" man="1"/>
    <brk id="770" max="16383" man="1"/>
    <brk id="805" max="16383" man="1"/>
    <brk id="840" max="16383" man="1"/>
    <brk id="875" max="16383" man="1"/>
    <brk id="910" max="16383" man="1"/>
    <brk id="945" max="16383" man="1"/>
    <brk id="980" max="16383" man="1"/>
    <brk id="1015" max="16383" man="1"/>
    <brk id="1050" max="16383" man="1"/>
    <brk id="1085" max="16383" man="1"/>
    <brk id="1120" max="16383" man="1"/>
    <brk id="1155" max="16383" man="1"/>
    <brk id="1190" max="16383" man="1"/>
    <brk id="1225" max="16383" man="1"/>
    <brk id="1260" max="16383" man="1"/>
    <brk id="1295" max="16383" man="1"/>
    <brk id="1330" max="16383" man="1"/>
    <brk id="1365" max="16383" man="1"/>
    <brk id="1400" max="16383" man="1"/>
    <brk id="1435" max="16383" man="1"/>
    <brk id="1470" max="16383" man="1"/>
    <brk id="1505" max="16383" man="1"/>
    <brk id="1540" max="16383" man="1"/>
    <brk id="1575" max="16383" man="1"/>
    <brk id="1610" max="16383" man="1"/>
    <brk id="1645" max="16383" man="1"/>
    <brk id="1680" max="16383" man="1"/>
    <brk id="1715" max="16383" man="1"/>
    <brk id="1750" max="16383" man="1"/>
    <brk id="1785" max="16383" man="1"/>
    <brk id="1820" max="16383" man="1"/>
    <brk id="1855" max="16383" man="1"/>
    <brk id="1890" max="16383" man="1"/>
    <brk id="1925" max="16383" man="1"/>
    <brk id="1960" max="16383" man="1"/>
    <brk id="1995" max="16383" man="1"/>
    <brk id="2030" max="16383" man="1"/>
    <brk id="2065" max="16383" man="1"/>
    <brk id="2100" max="16383" man="1"/>
    <brk id="2135" max="16383" man="1"/>
    <brk id="2170" max="16383" man="1"/>
    <brk id="2205" max="16383" man="1"/>
    <brk id="2240" max="16383" man="1"/>
    <brk id="2275" max="16383" man="1"/>
    <brk id="2310" max="16383" man="1"/>
    <brk id="2345" max="16383" man="1"/>
    <brk id="2380" max="16383" man="1"/>
    <brk id="2415" max="16383" man="1"/>
    <brk id="2450" max="16383" man="1"/>
    <brk id="2485" max="16383" man="1"/>
    <brk id="2520" max="16383" man="1"/>
    <brk id="2555" max="16383" man="1"/>
    <brk id="2590" max="16383" man="1"/>
    <brk id="2625" max="16383" man="1"/>
    <brk id="2660" max="16383" man="1"/>
    <brk id="2695" max="16383" man="1"/>
    <brk id="2730" max="16383" man="1"/>
    <brk id="2765" max="16383" man="1"/>
    <brk id="2800" max="16383" man="1"/>
    <brk id="2835" max="16383" man="1"/>
    <brk id="2870" max="16383" man="1"/>
    <brk id="2905" max="16383" man="1"/>
    <brk id="2940" max="16383" man="1"/>
    <brk id="2975" max="16383" man="1"/>
    <brk id="3010" max="16383" man="1"/>
    <brk id="3045" max="16383" man="1"/>
    <brk id="3080" max="16383" man="1"/>
    <brk id="3115" max="16383" man="1"/>
    <brk id="3150" max="16383" man="1"/>
    <brk id="3185" max="16383" man="1"/>
    <brk id="3220" max="16383" man="1"/>
    <brk id="3255" max="16383" man="1"/>
    <brk id="3290" max="16383" man="1"/>
    <brk id="3325" max="16383" man="1"/>
    <brk id="3360" max="16383"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3931"/>
  <sheetViews>
    <sheetView zoomScaleNormal="100" zoomScaleSheetLayoutView="100" workbookViewId="0"/>
  </sheetViews>
  <sheetFormatPr defaultRowHeight="15" customHeight="1"/>
  <cols>
    <col min="1" max="1" width="11.625" style="508" customWidth="1" collapsed="1"/>
    <col min="2" max="2" width="29.625" style="508" customWidth="1" collapsed="1"/>
    <col min="3" max="3" width="8.625" style="508" customWidth="1" collapsed="1"/>
    <col min="4" max="5" width="14.625" style="508" customWidth="1" collapsed="1"/>
    <col min="6" max="6" width="16.625" style="508" customWidth="1" collapsed="1"/>
    <col min="7" max="7" width="12.625" style="508" customWidth="1" collapsed="1"/>
    <col min="8" max="8" width="8.625" style="508" customWidth="1" collapsed="1"/>
    <col min="9" max="9" width="5.625" style="508" customWidth="1" collapsed="1"/>
    <col min="10" max="10" width="8.625" style="508" customWidth="1" collapsed="1"/>
    <col min="11" max="11" width="6.625" style="508" customWidth="1" collapsed="1"/>
    <col min="12" max="16384" width="9" style="508" collapsed="1"/>
  </cols>
  <sheetData>
    <row r="1" spans="1:11" s="545" customFormat="1" ht="14.1" customHeight="1">
      <c r="A1" s="543" t="s">
        <v>1620</v>
      </c>
      <c r="B1" s="540" t="s">
        <v>670</v>
      </c>
      <c r="C1" s="540"/>
      <c r="D1" s="540"/>
      <c r="E1" s="540"/>
      <c r="F1" s="540"/>
      <c r="G1" s="542" t="s">
        <v>680</v>
      </c>
      <c r="H1" s="541" t="s">
        <v>679</v>
      </c>
      <c r="I1" s="540" t="s">
        <v>1633</v>
      </c>
      <c r="J1" s="540"/>
      <c r="K1" s="539"/>
    </row>
    <row r="2" spans="1:11" s="545" customFormat="1" ht="24" customHeight="1">
      <c r="A2" s="538" t="s">
        <v>651</v>
      </c>
      <c r="B2" s="537" t="s">
        <v>651</v>
      </c>
      <c r="C2" s="537"/>
      <c r="D2" s="537"/>
      <c r="E2" s="537"/>
      <c r="F2" s="537"/>
      <c r="G2" s="751">
        <v>1</v>
      </c>
      <c r="H2" s="751"/>
      <c r="I2" s="751"/>
      <c r="J2" s="536" t="s">
        <v>242</v>
      </c>
      <c r="K2" s="535" t="s">
        <v>1632</v>
      </c>
    </row>
    <row r="3" spans="1:11" s="544" customFormat="1" ht="17.100000000000001" customHeight="1">
      <c r="A3" s="746" t="s">
        <v>1631</v>
      </c>
      <c r="B3" s="747"/>
      <c r="C3" s="534" t="s">
        <v>1630</v>
      </c>
      <c r="D3" s="534" t="s">
        <v>674</v>
      </c>
      <c r="E3" s="534" t="s">
        <v>673</v>
      </c>
      <c r="F3" s="534" t="s">
        <v>672</v>
      </c>
      <c r="G3" s="748" t="s">
        <v>1629</v>
      </c>
      <c r="H3" s="749"/>
      <c r="I3" s="749"/>
      <c r="J3" s="749"/>
      <c r="K3" s="750"/>
    </row>
    <row r="4" spans="1:11" ht="13.7" customHeight="1">
      <c r="A4" s="743" t="s">
        <v>1377</v>
      </c>
      <c r="B4" s="744"/>
      <c r="C4" s="533"/>
      <c r="D4" s="532"/>
      <c r="E4" s="531"/>
      <c r="F4" s="530"/>
      <c r="G4" s="529" t="s">
        <v>1628</v>
      </c>
      <c r="H4" s="528"/>
      <c r="I4" s="528"/>
      <c r="J4" s="528"/>
      <c r="K4" s="527"/>
    </row>
    <row r="5" spans="1:11" ht="13.7" customHeight="1">
      <c r="A5" s="745"/>
      <c r="B5" s="740"/>
      <c r="C5" s="526"/>
      <c r="D5" s="525"/>
      <c r="E5" s="524"/>
      <c r="F5" s="523" t="s">
        <v>651</v>
      </c>
      <c r="G5" s="518" t="s">
        <v>651</v>
      </c>
      <c r="H5" s="517"/>
      <c r="I5" s="517"/>
      <c r="J5" s="517"/>
      <c r="K5" s="516"/>
    </row>
    <row r="6" spans="1:11" ht="13.7" customHeight="1">
      <c r="A6" s="739" t="s">
        <v>651</v>
      </c>
      <c r="B6" s="740"/>
      <c r="C6" s="522" t="s">
        <v>242</v>
      </c>
      <c r="D6" s="521">
        <v>1</v>
      </c>
      <c r="E6" s="520"/>
      <c r="F6" s="519"/>
      <c r="G6" s="518" t="s">
        <v>651</v>
      </c>
      <c r="H6" s="517"/>
      <c r="I6" s="517"/>
      <c r="J6" s="517"/>
      <c r="K6" s="516"/>
    </row>
    <row r="7" spans="1:11" ht="13.7" customHeight="1">
      <c r="A7" s="741"/>
      <c r="B7" s="742"/>
      <c r="C7" s="515"/>
      <c r="D7" s="514"/>
      <c r="E7" s="513"/>
      <c r="F7" s="512"/>
      <c r="G7" s="511" t="s">
        <v>651</v>
      </c>
      <c r="H7" s="510"/>
      <c r="I7" s="510"/>
      <c r="J7" s="510"/>
      <c r="K7" s="509"/>
    </row>
    <row r="8" spans="1:11" ht="13.7" customHeight="1">
      <c r="A8" s="743" t="s">
        <v>1616</v>
      </c>
      <c r="B8" s="744"/>
      <c r="C8" s="533"/>
      <c r="D8" s="532"/>
      <c r="E8" s="531"/>
      <c r="F8" s="530"/>
      <c r="G8" s="529" t="s">
        <v>1627</v>
      </c>
      <c r="H8" s="528"/>
      <c r="I8" s="528"/>
      <c r="J8" s="528"/>
      <c r="K8" s="527"/>
    </row>
    <row r="9" spans="1:11" ht="13.7" customHeight="1">
      <c r="A9" s="745"/>
      <c r="B9" s="740"/>
      <c r="C9" s="526"/>
      <c r="D9" s="525"/>
      <c r="E9" s="524"/>
      <c r="F9" s="523" t="s">
        <v>651</v>
      </c>
      <c r="G9" s="518" t="s">
        <v>651</v>
      </c>
      <c r="H9" s="517"/>
      <c r="I9" s="517"/>
      <c r="J9" s="517"/>
      <c r="K9" s="516"/>
    </row>
    <row r="10" spans="1:11" ht="13.7" customHeight="1">
      <c r="A10" s="739" t="s">
        <v>651</v>
      </c>
      <c r="B10" s="740"/>
      <c r="C10" s="522" t="s">
        <v>242</v>
      </c>
      <c r="D10" s="521">
        <v>1</v>
      </c>
      <c r="E10" s="520"/>
      <c r="F10" s="519"/>
      <c r="G10" s="518" t="s">
        <v>651</v>
      </c>
      <c r="H10" s="517"/>
      <c r="I10" s="517"/>
      <c r="J10" s="517"/>
      <c r="K10" s="516"/>
    </row>
    <row r="11" spans="1:11" ht="13.7" customHeight="1">
      <c r="A11" s="741"/>
      <c r="B11" s="742"/>
      <c r="C11" s="515"/>
      <c r="D11" s="514"/>
      <c r="E11" s="513"/>
      <c r="F11" s="512"/>
      <c r="G11" s="511" t="s">
        <v>651</v>
      </c>
      <c r="H11" s="510"/>
      <c r="I11" s="510"/>
      <c r="J11" s="510"/>
      <c r="K11" s="509"/>
    </row>
    <row r="12" spans="1:11" ht="13.7" customHeight="1">
      <c r="A12" s="743" t="s">
        <v>1605</v>
      </c>
      <c r="B12" s="744"/>
      <c r="C12" s="533"/>
      <c r="D12" s="532"/>
      <c r="E12" s="531"/>
      <c r="F12" s="530"/>
      <c r="G12" s="529" t="s">
        <v>1626</v>
      </c>
      <c r="H12" s="528"/>
      <c r="I12" s="528"/>
      <c r="J12" s="528"/>
      <c r="K12" s="527"/>
    </row>
    <row r="13" spans="1:11" ht="13.7" customHeight="1">
      <c r="A13" s="745"/>
      <c r="B13" s="740"/>
      <c r="C13" s="526"/>
      <c r="D13" s="525"/>
      <c r="E13" s="524"/>
      <c r="F13" s="523" t="s">
        <v>651</v>
      </c>
      <c r="G13" s="518" t="s">
        <v>651</v>
      </c>
      <c r="H13" s="517"/>
      <c r="I13" s="517"/>
      <c r="J13" s="517"/>
      <c r="K13" s="516"/>
    </row>
    <row r="14" spans="1:11" ht="13.7" customHeight="1">
      <c r="A14" s="739" t="s">
        <v>651</v>
      </c>
      <c r="B14" s="740"/>
      <c r="C14" s="522" t="s">
        <v>242</v>
      </c>
      <c r="D14" s="521">
        <v>1</v>
      </c>
      <c r="E14" s="520"/>
      <c r="F14" s="519"/>
      <c r="G14" s="518" t="s">
        <v>651</v>
      </c>
      <c r="H14" s="517"/>
      <c r="I14" s="517"/>
      <c r="J14" s="517"/>
      <c r="K14" s="516"/>
    </row>
    <row r="15" spans="1:11" ht="13.7" customHeight="1">
      <c r="A15" s="741"/>
      <c r="B15" s="742"/>
      <c r="C15" s="515"/>
      <c r="D15" s="514"/>
      <c r="E15" s="513"/>
      <c r="F15" s="512"/>
      <c r="G15" s="511" t="s">
        <v>651</v>
      </c>
      <c r="H15" s="510"/>
      <c r="I15" s="510"/>
      <c r="J15" s="510"/>
      <c r="K15" s="509"/>
    </row>
    <row r="16" spans="1:11" ht="13.7" customHeight="1">
      <c r="A16" s="743" t="s">
        <v>1586</v>
      </c>
      <c r="B16" s="744"/>
      <c r="C16" s="533"/>
      <c r="D16" s="532"/>
      <c r="E16" s="531"/>
      <c r="F16" s="530"/>
      <c r="G16" s="529" t="s">
        <v>1625</v>
      </c>
      <c r="H16" s="528"/>
      <c r="I16" s="528"/>
      <c r="J16" s="528"/>
      <c r="K16" s="527"/>
    </row>
    <row r="17" spans="1:11" ht="13.7" customHeight="1">
      <c r="A17" s="745"/>
      <c r="B17" s="740"/>
      <c r="C17" s="526"/>
      <c r="D17" s="525"/>
      <c r="E17" s="524"/>
      <c r="F17" s="523" t="s">
        <v>651</v>
      </c>
      <c r="G17" s="518" t="s">
        <v>651</v>
      </c>
      <c r="H17" s="517"/>
      <c r="I17" s="517"/>
      <c r="J17" s="517"/>
      <c r="K17" s="516"/>
    </row>
    <row r="18" spans="1:11" ht="13.7" customHeight="1">
      <c r="A18" s="739" t="s">
        <v>651</v>
      </c>
      <c r="B18" s="740"/>
      <c r="C18" s="522" t="s">
        <v>242</v>
      </c>
      <c r="D18" s="521">
        <v>1</v>
      </c>
      <c r="E18" s="520"/>
      <c r="F18" s="519"/>
      <c r="G18" s="518" t="s">
        <v>651</v>
      </c>
      <c r="H18" s="517"/>
      <c r="I18" s="517"/>
      <c r="J18" s="517"/>
      <c r="K18" s="516"/>
    </row>
    <row r="19" spans="1:11" ht="13.7" customHeight="1">
      <c r="A19" s="741"/>
      <c r="B19" s="742"/>
      <c r="C19" s="515"/>
      <c r="D19" s="514"/>
      <c r="E19" s="513"/>
      <c r="F19" s="512"/>
      <c r="G19" s="511" t="s">
        <v>651</v>
      </c>
      <c r="H19" s="510"/>
      <c r="I19" s="510"/>
      <c r="J19" s="510"/>
      <c r="K19" s="509"/>
    </row>
    <row r="20" spans="1:11" ht="13.7" customHeight="1">
      <c r="A20" s="743" t="s">
        <v>1575</v>
      </c>
      <c r="B20" s="744"/>
      <c r="C20" s="533"/>
      <c r="D20" s="532"/>
      <c r="E20" s="531"/>
      <c r="F20" s="530"/>
      <c r="G20" s="529" t="s">
        <v>1624</v>
      </c>
      <c r="H20" s="528"/>
      <c r="I20" s="528"/>
      <c r="J20" s="528"/>
      <c r="K20" s="527"/>
    </row>
    <row r="21" spans="1:11" ht="13.7" customHeight="1">
      <c r="A21" s="745"/>
      <c r="B21" s="740"/>
      <c r="C21" s="526"/>
      <c r="D21" s="525"/>
      <c r="E21" s="524"/>
      <c r="F21" s="523" t="s">
        <v>651</v>
      </c>
      <c r="G21" s="518" t="s">
        <v>651</v>
      </c>
      <c r="H21" s="517"/>
      <c r="I21" s="517"/>
      <c r="J21" s="517"/>
      <c r="K21" s="516"/>
    </row>
    <row r="22" spans="1:11" ht="13.7" customHeight="1">
      <c r="A22" s="739" t="s">
        <v>651</v>
      </c>
      <c r="B22" s="740"/>
      <c r="C22" s="522" t="s">
        <v>242</v>
      </c>
      <c r="D22" s="521">
        <v>1</v>
      </c>
      <c r="E22" s="520"/>
      <c r="F22" s="519"/>
      <c r="G22" s="518" t="s">
        <v>651</v>
      </c>
      <c r="H22" s="517"/>
      <c r="I22" s="517"/>
      <c r="J22" s="517"/>
      <c r="K22" s="516"/>
    </row>
    <row r="23" spans="1:11" ht="13.7" customHeight="1">
      <c r="A23" s="741"/>
      <c r="B23" s="742"/>
      <c r="C23" s="515"/>
      <c r="D23" s="514"/>
      <c r="E23" s="513"/>
      <c r="F23" s="512"/>
      <c r="G23" s="511" t="s">
        <v>651</v>
      </c>
      <c r="H23" s="510"/>
      <c r="I23" s="510"/>
      <c r="J23" s="510"/>
      <c r="K23" s="509"/>
    </row>
    <row r="24" spans="1:11" ht="13.7" customHeight="1">
      <c r="A24" s="743" t="s">
        <v>1566</v>
      </c>
      <c r="B24" s="744"/>
      <c r="C24" s="533"/>
      <c r="D24" s="532"/>
      <c r="E24" s="531"/>
      <c r="F24" s="530"/>
      <c r="G24" s="529" t="s">
        <v>1623</v>
      </c>
      <c r="H24" s="528"/>
      <c r="I24" s="528"/>
      <c r="J24" s="528"/>
      <c r="K24" s="527"/>
    </row>
    <row r="25" spans="1:11" ht="13.7" customHeight="1">
      <c r="A25" s="745"/>
      <c r="B25" s="740"/>
      <c r="C25" s="526"/>
      <c r="D25" s="525"/>
      <c r="E25" s="524"/>
      <c r="F25" s="523" t="s">
        <v>651</v>
      </c>
      <c r="G25" s="518" t="s">
        <v>651</v>
      </c>
      <c r="H25" s="517"/>
      <c r="I25" s="517"/>
      <c r="J25" s="517"/>
      <c r="K25" s="516"/>
    </row>
    <row r="26" spans="1:11" ht="13.7" customHeight="1">
      <c r="A26" s="739" t="s">
        <v>651</v>
      </c>
      <c r="B26" s="740"/>
      <c r="C26" s="522" t="s">
        <v>242</v>
      </c>
      <c r="D26" s="521">
        <v>1</v>
      </c>
      <c r="E26" s="520"/>
      <c r="F26" s="519"/>
      <c r="G26" s="518" t="s">
        <v>651</v>
      </c>
      <c r="H26" s="517"/>
      <c r="I26" s="517"/>
      <c r="J26" s="517"/>
      <c r="K26" s="516"/>
    </row>
    <row r="27" spans="1:11" ht="13.7" customHeight="1">
      <c r="A27" s="741"/>
      <c r="B27" s="742"/>
      <c r="C27" s="515"/>
      <c r="D27" s="514"/>
      <c r="E27" s="513"/>
      <c r="F27" s="512"/>
      <c r="G27" s="511" t="s">
        <v>651</v>
      </c>
      <c r="H27" s="510"/>
      <c r="I27" s="510"/>
      <c r="J27" s="510"/>
      <c r="K27" s="509"/>
    </row>
    <row r="28" spans="1:11" ht="13.7" customHeight="1">
      <c r="A28" s="743" t="s">
        <v>1622</v>
      </c>
      <c r="B28" s="744"/>
      <c r="C28" s="533"/>
      <c r="D28" s="532"/>
      <c r="E28" s="531"/>
      <c r="F28" s="530"/>
      <c r="G28" s="529" t="s">
        <v>651</v>
      </c>
      <c r="H28" s="528"/>
      <c r="I28" s="528"/>
      <c r="J28" s="528"/>
      <c r="K28" s="527"/>
    </row>
    <row r="29" spans="1:11" ht="13.7" customHeight="1">
      <c r="A29" s="745"/>
      <c r="B29" s="740"/>
      <c r="C29" s="526"/>
      <c r="D29" s="525"/>
      <c r="E29" s="524"/>
      <c r="F29" s="523" t="s">
        <v>651</v>
      </c>
      <c r="G29" s="518" t="s">
        <v>651</v>
      </c>
      <c r="H29" s="517"/>
      <c r="I29" s="517"/>
      <c r="J29" s="517"/>
      <c r="K29" s="516"/>
    </row>
    <row r="30" spans="1:11" ht="13.7" customHeight="1">
      <c r="A30" s="739" t="s">
        <v>1621</v>
      </c>
      <c r="B30" s="740"/>
      <c r="C30" s="522" t="s">
        <v>242</v>
      </c>
      <c r="D30" s="521">
        <v>1</v>
      </c>
      <c r="E30" s="520"/>
      <c r="F30" s="519"/>
      <c r="G30" s="518" t="s">
        <v>651</v>
      </c>
      <c r="H30" s="517"/>
      <c r="I30" s="517"/>
      <c r="J30" s="517"/>
      <c r="K30" s="516"/>
    </row>
    <row r="31" spans="1:11" ht="13.7" customHeight="1">
      <c r="A31" s="741"/>
      <c r="B31" s="742"/>
      <c r="C31" s="515"/>
      <c r="D31" s="514"/>
      <c r="E31" s="513"/>
      <c r="F31" s="512"/>
      <c r="G31" s="511" t="s">
        <v>651</v>
      </c>
      <c r="H31" s="510"/>
      <c r="I31" s="510"/>
      <c r="J31" s="510"/>
      <c r="K31" s="509"/>
    </row>
    <row r="32" spans="1:11" ht="13.7" customHeight="1">
      <c r="A32" s="743" t="s">
        <v>651</v>
      </c>
      <c r="B32" s="744"/>
      <c r="C32" s="533"/>
      <c r="D32" s="532"/>
      <c r="E32" s="531"/>
      <c r="F32" s="530"/>
      <c r="G32" s="529" t="s">
        <v>651</v>
      </c>
      <c r="H32" s="528"/>
      <c r="I32" s="528"/>
      <c r="J32" s="528"/>
      <c r="K32" s="527"/>
    </row>
    <row r="33" spans="1:11" ht="13.7" customHeight="1">
      <c r="A33" s="745"/>
      <c r="B33" s="740"/>
      <c r="C33" s="526"/>
      <c r="D33" s="525"/>
      <c r="E33" s="524"/>
      <c r="F33" s="523" t="s">
        <v>651</v>
      </c>
      <c r="G33" s="518" t="s">
        <v>651</v>
      </c>
      <c r="H33" s="517"/>
      <c r="I33" s="517"/>
      <c r="J33" s="517"/>
      <c r="K33" s="516"/>
    </row>
    <row r="34" spans="1:11" ht="13.7" customHeight="1">
      <c r="A34" s="739" t="s">
        <v>652</v>
      </c>
      <c r="B34" s="740"/>
      <c r="C34" s="522" t="s">
        <v>242</v>
      </c>
      <c r="D34" s="521">
        <v>1</v>
      </c>
      <c r="E34" s="520"/>
      <c r="F34" s="519"/>
      <c r="G34" s="518" t="s">
        <v>651</v>
      </c>
      <c r="H34" s="517"/>
      <c r="I34" s="517"/>
      <c r="J34" s="517"/>
      <c r="K34" s="516"/>
    </row>
    <row r="35" spans="1:11" ht="13.7" customHeight="1">
      <c r="A35" s="741"/>
      <c r="B35" s="742"/>
      <c r="C35" s="515"/>
      <c r="D35" s="514"/>
      <c r="E35" s="513"/>
      <c r="F35" s="512"/>
      <c r="G35" s="511" t="s">
        <v>651</v>
      </c>
      <c r="H35" s="510"/>
      <c r="I35" s="510"/>
      <c r="J35" s="510"/>
      <c r="K35" s="509"/>
    </row>
    <row r="36" spans="1:11" ht="13.7" customHeight="1"/>
    <row r="37" spans="1:11" ht="13.7" customHeight="1"/>
    <row r="38" spans="1:11" ht="6.2" customHeight="1"/>
    <row r="39" spans="1:11" ht="14.1" customHeight="1">
      <c r="A39" s="543" t="s">
        <v>1620</v>
      </c>
      <c r="B39" s="540" t="s">
        <v>670</v>
      </c>
      <c r="C39" s="540"/>
      <c r="D39" s="540"/>
      <c r="E39" s="540"/>
      <c r="F39" s="540"/>
      <c r="G39" s="542" t="s">
        <v>617</v>
      </c>
      <c r="H39" s="541" t="s">
        <v>679</v>
      </c>
      <c r="I39" s="540" t="s">
        <v>1007</v>
      </c>
      <c r="J39" s="540"/>
      <c r="K39" s="539"/>
    </row>
    <row r="40" spans="1:11" ht="24" customHeight="1">
      <c r="A40" s="538" t="s">
        <v>651</v>
      </c>
      <c r="B40" s="537" t="s">
        <v>651</v>
      </c>
      <c r="C40" s="537"/>
      <c r="D40" s="537"/>
      <c r="E40" s="537"/>
      <c r="F40" s="537"/>
      <c r="G40" s="751">
        <v>1</v>
      </c>
      <c r="H40" s="751"/>
      <c r="I40" s="751"/>
      <c r="J40" s="536" t="s">
        <v>242</v>
      </c>
      <c r="K40" s="535" t="s">
        <v>618</v>
      </c>
    </row>
    <row r="41" spans="1:11" ht="17.100000000000001" customHeight="1">
      <c r="A41" s="746" t="s">
        <v>1006</v>
      </c>
      <c r="B41" s="747"/>
      <c r="C41" s="534" t="s">
        <v>309</v>
      </c>
      <c r="D41" s="534" t="s">
        <v>619</v>
      </c>
      <c r="E41" s="534" t="s">
        <v>620</v>
      </c>
      <c r="F41" s="534" t="s">
        <v>659</v>
      </c>
      <c r="G41" s="748" t="s">
        <v>1005</v>
      </c>
      <c r="H41" s="749"/>
      <c r="I41" s="749"/>
      <c r="J41" s="749"/>
      <c r="K41" s="750"/>
    </row>
    <row r="42" spans="1:11" ht="13.7" customHeight="1">
      <c r="A42" s="743" t="s">
        <v>651</v>
      </c>
      <c r="B42" s="744"/>
      <c r="C42" s="533"/>
      <c r="D42" s="532"/>
      <c r="E42" s="531"/>
      <c r="F42" s="530"/>
      <c r="G42" s="529" t="s">
        <v>651</v>
      </c>
      <c r="H42" s="528"/>
      <c r="I42" s="528"/>
      <c r="J42" s="528"/>
      <c r="K42" s="527"/>
    </row>
    <row r="43" spans="1:11" ht="13.7" customHeight="1">
      <c r="A43" s="745"/>
      <c r="B43" s="740"/>
      <c r="C43" s="526"/>
      <c r="D43" s="525"/>
      <c r="E43" s="524"/>
      <c r="F43" s="523" t="s">
        <v>651</v>
      </c>
      <c r="G43" s="518" t="s">
        <v>651</v>
      </c>
      <c r="H43" s="517"/>
      <c r="I43" s="517"/>
      <c r="J43" s="517"/>
      <c r="K43" s="516"/>
    </row>
    <row r="44" spans="1:11" ht="13.7" customHeight="1">
      <c r="A44" s="739" t="s">
        <v>681</v>
      </c>
      <c r="B44" s="740"/>
      <c r="C44" s="522" t="s">
        <v>242</v>
      </c>
      <c r="D44" s="521">
        <v>1</v>
      </c>
      <c r="E44" s="520" t="s">
        <v>1002</v>
      </c>
      <c r="F44" s="519"/>
      <c r="G44" s="518" t="s">
        <v>651</v>
      </c>
      <c r="H44" s="517"/>
      <c r="I44" s="517"/>
      <c r="J44" s="517"/>
      <c r="K44" s="516"/>
    </row>
    <row r="45" spans="1:11" ht="13.7" customHeight="1">
      <c r="A45" s="741"/>
      <c r="B45" s="742"/>
      <c r="C45" s="515"/>
      <c r="D45" s="514"/>
      <c r="E45" s="513"/>
      <c r="F45" s="512"/>
      <c r="G45" s="511" t="s">
        <v>651</v>
      </c>
      <c r="H45" s="510"/>
      <c r="I45" s="510"/>
      <c r="J45" s="510"/>
      <c r="K45" s="509"/>
    </row>
    <row r="46" spans="1:11" ht="54.95" customHeight="1"/>
    <row r="47" spans="1:11" ht="14.1" customHeight="1">
      <c r="A47" s="543" t="s">
        <v>1619</v>
      </c>
      <c r="B47" s="540" t="s">
        <v>1377</v>
      </c>
      <c r="C47" s="540"/>
      <c r="D47" s="540"/>
      <c r="E47" s="540"/>
      <c r="F47" s="540"/>
      <c r="G47" s="542" t="s">
        <v>617</v>
      </c>
      <c r="H47" s="541" t="s">
        <v>999</v>
      </c>
      <c r="I47" s="540" t="s">
        <v>1007</v>
      </c>
      <c r="J47" s="540"/>
      <c r="K47" s="539"/>
    </row>
    <row r="48" spans="1:11" ht="24" customHeight="1">
      <c r="A48" s="538" t="s">
        <v>651</v>
      </c>
      <c r="B48" s="537" t="s">
        <v>651</v>
      </c>
      <c r="C48" s="537"/>
      <c r="D48" s="537"/>
      <c r="E48" s="537"/>
      <c r="F48" s="537"/>
      <c r="G48" s="751">
        <v>1</v>
      </c>
      <c r="H48" s="751"/>
      <c r="I48" s="751"/>
      <c r="J48" s="536" t="s">
        <v>242</v>
      </c>
      <c r="K48" s="535" t="s">
        <v>618</v>
      </c>
    </row>
    <row r="49" spans="1:11" ht="17.100000000000001" customHeight="1">
      <c r="A49" s="746" t="s">
        <v>1006</v>
      </c>
      <c r="B49" s="747"/>
      <c r="C49" s="534" t="s">
        <v>309</v>
      </c>
      <c r="D49" s="534" t="s">
        <v>619</v>
      </c>
      <c r="E49" s="534" t="s">
        <v>620</v>
      </c>
      <c r="F49" s="534" t="s">
        <v>659</v>
      </c>
      <c r="G49" s="748" t="s">
        <v>1005</v>
      </c>
      <c r="H49" s="749"/>
      <c r="I49" s="749"/>
      <c r="J49" s="749"/>
      <c r="K49" s="750"/>
    </row>
    <row r="50" spans="1:11" ht="13.7" customHeight="1">
      <c r="A50" s="743" t="s">
        <v>1376</v>
      </c>
      <c r="B50" s="744"/>
      <c r="C50" s="533"/>
      <c r="D50" s="532"/>
      <c r="E50" s="531"/>
      <c r="F50" s="530"/>
      <c r="G50" s="529" t="s">
        <v>1618</v>
      </c>
      <c r="H50" s="528"/>
      <c r="I50" s="528"/>
      <c r="J50" s="528"/>
      <c r="K50" s="527"/>
    </row>
    <row r="51" spans="1:11" ht="13.7" customHeight="1">
      <c r="A51" s="745"/>
      <c r="B51" s="740"/>
      <c r="C51" s="526"/>
      <c r="D51" s="525"/>
      <c r="E51" s="524"/>
      <c r="F51" s="523" t="s">
        <v>651</v>
      </c>
      <c r="G51" s="518" t="s">
        <v>651</v>
      </c>
      <c r="H51" s="517"/>
      <c r="I51" s="517"/>
      <c r="J51" s="517"/>
      <c r="K51" s="516"/>
    </row>
    <row r="52" spans="1:11" ht="13.7" customHeight="1">
      <c r="A52" s="739" t="s">
        <v>1374</v>
      </c>
      <c r="B52" s="740"/>
      <c r="C52" s="522" t="s">
        <v>193</v>
      </c>
      <c r="D52" s="521">
        <v>145</v>
      </c>
      <c r="E52" s="520"/>
      <c r="F52" s="519"/>
      <c r="G52" s="518" t="s">
        <v>651</v>
      </c>
      <c r="H52" s="517"/>
      <c r="I52" s="517"/>
      <c r="J52" s="517"/>
      <c r="K52" s="516"/>
    </row>
    <row r="53" spans="1:11" ht="13.7" customHeight="1">
      <c r="A53" s="741"/>
      <c r="B53" s="742"/>
      <c r="C53" s="515"/>
      <c r="D53" s="514"/>
      <c r="E53" s="513"/>
      <c r="F53" s="512"/>
      <c r="G53" s="511" t="s">
        <v>651</v>
      </c>
      <c r="H53" s="510"/>
      <c r="I53" s="510"/>
      <c r="J53" s="510"/>
      <c r="K53" s="509"/>
    </row>
    <row r="54" spans="1:11" ht="13.7" customHeight="1">
      <c r="A54" s="743" t="s">
        <v>1391</v>
      </c>
      <c r="B54" s="744"/>
      <c r="C54" s="533"/>
      <c r="D54" s="532"/>
      <c r="E54" s="531"/>
      <c r="F54" s="530"/>
      <c r="G54" s="529" t="s">
        <v>1430</v>
      </c>
      <c r="H54" s="528"/>
      <c r="I54" s="528"/>
      <c r="J54" s="528"/>
      <c r="K54" s="527"/>
    </row>
    <row r="55" spans="1:11" ht="13.7" customHeight="1">
      <c r="A55" s="745"/>
      <c r="B55" s="740"/>
      <c r="C55" s="526"/>
      <c r="D55" s="525"/>
      <c r="E55" s="524"/>
      <c r="F55" s="523" t="s">
        <v>651</v>
      </c>
      <c r="G55" s="518" t="s">
        <v>651</v>
      </c>
      <c r="H55" s="517"/>
      <c r="I55" s="517"/>
      <c r="J55" s="517"/>
      <c r="K55" s="516"/>
    </row>
    <row r="56" spans="1:11" ht="13.7" customHeight="1">
      <c r="A56" s="739" t="s">
        <v>1429</v>
      </c>
      <c r="B56" s="740"/>
      <c r="C56" s="522" t="s">
        <v>193</v>
      </c>
      <c r="D56" s="521">
        <v>48</v>
      </c>
      <c r="E56" s="520"/>
      <c r="F56" s="519"/>
      <c r="G56" s="518" t="s">
        <v>651</v>
      </c>
      <c r="H56" s="517"/>
      <c r="I56" s="517"/>
      <c r="J56" s="517"/>
      <c r="K56" s="516"/>
    </row>
    <row r="57" spans="1:11" ht="13.7" customHeight="1">
      <c r="A57" s="741"/>
      <c r="B57" s="742"/>
      <c r="C57" s="515"/>
      <c r="D57" s="514"/>
      <c r="E57" s="513"/>
      <c r="F57" s="512"/>
      <c r="G57" s="511" t="s">
        <v>651</v>
      </c>
      <c r="H57" s="510"/>
      <c r="I57" s="510"/>
      <c r="J57" s="510"/>
      <c r="K57" s="509"/>
    </row>
    <row r="58" spans="1:11" ht="13.7" customHeight="1">
      <c r="A58" s="743" t="s">
        <v>1388</v>
      </c>
      <c r="B58" s="744"/>
      <c r="C58" s="533"/>
      <c r="D58" s="532"/>
      <c r="E58" s="531"/>
      <c r="F58" s="530"/>
      <c r="G58" s="529" t="s">
        <v>1387</v>
      </c>
      <c r="H58" s="528"/>
      <c r="I58" s="528"/>
      <c r="J58" s="528"/>
      <c r="K58" s="527"/>
    </row>
    <row r="59" spans="1:11" ht="13.7" customHeight="1">
      <c r="A59" s="745"/>
      <c r="B59" s="740"/>
      <c r="C59" s="526"/>
      <c r="D59" s="525"/>
      <c r="E59" s="524"/>
      <c r="F59" s="523" t="s">
        <v>651</v>
      </c>
      <c r="G59" s="518" t="s">
        <v>651</v>
      </c>
      <c r="H59" s="517"/>
      <c r="I59" s="517"/>
      <c r="J59" s="517"/>
      <c r="K59" s="516"/>
    </row>
    <row r="60" spans="1:11" ht="13.7" customHeight="1">
      <c r="A60" s="739" t="s">
        <v>1386</v>
      </c>
      <c r="B60" s="740"/>
      <c r="C60" s="522" t="s">
        <v>193</v>
      </c>
      <c r="D60" s="521">
        <v>97</v>
      </c>
      <c r="E60" s="520"/>
      <c r="F60" s="519"/>
      <c r="G60" s="518" t="s">
        <v>651</v>
      </c>
      <c r="H60" s="517"/>
      <c r="I60" s="517"/>
      <c r="J60" s="517"/>
      <c r="K60" s="516"/>
    </row>
    <row r="61" spans="1:11" ht="13.7" customHeight="1">
      <c r="A61" s="741"/>
      <c r="B61" s="742"/>
      <c r="C61" s="515"/>
      <c r="D61" s="514"/>
      <c r="E61" s="513"/>
      <c r="F61" s="512"/>
      <c r="G61" s="511" t="s">
        <v>651</v>
      </c>
      <c r="H61" s="510"/>
      <c r="I61" s="510"/>
      <c r="J61" s="510"/>
      <c r="K61" s="509"/>
    </row>
    <row r="62" spans="1:11" ht="13.7" customHeight="1">
      <c r="A62" s="743" t="s">
        <v>651</v>
      </c>
      <c r="B62" s="744"/>
      <c r="C62" s="533"/>
      <c r="D62" s="532"/>
      <c r="E62" s="531"/>
      <c r="F62" s="530"/>
      <c r="G62" s="529" t="s">
        <v>651</v>
      </c>
      <c r="H62" s="528"/>
      <c r="I62" s="528"/>
      <c r="J62" s="528"/>
      <c r="K62" s="527"/>
    </row>
    <row r="63" spans="1:11" ht="13.7" customHeight="1">
      <c r="A63" s="745"/>
      <c r="B63" s="740"/>
      <c r="C63" s="526"/>
      <c r="D63" s="525"/>
      <c r="E63" s="524"/>
      <c r="F63" s="523" t="s">
        <v>651</v>
      </c>
      <c r="G63" s="518" t="s">
        <v>651</v>
      </c>
      <c r="H63" s="517"/>
      <c r="I63" s="517"/>
      <c r="J63" s="517"/>
      <c r="K63" s="516"/>
    </row>
    <row r="64" spans="1:11" ht="13.7" customHeight="1">
      <c r="A64" s="739" t="s">
        <v>652</v>
      </c>
      <c r="B64" s="740"/>
      <c r="C64" s="522" t="s">
        <v>242</v>
      </c>
      <c r="D64" s="521">
        <v>1</v>
      </c>
      <c r="E64" s="520"/>
      <c r="F64" s="519"/>
      <c r="G64" s="518" t="s">
        <v>651</v>
      </c>
      <c r="H64" s="517"/>
      <c r="I64" s="517"/>
      <c r="J64" s="517"/>
      <c r="K64" s="516"/>
    </row>
    <row r="65" spans="1:11" ht="13.7" customHeight="1">
      <c r="A65" s="741"/>
      <c r="B65" s="742"/>
      <c r="C65" s="515"/>
      <c r="D65" s="514"/>
      <c r="E65" s="513"/>
      <c r="F65" s="512"/>
      <c r="G65" s="511" t="s">
        <v>651</v>
      </c>
      <c r="H65" s="510"/>
      <c r="I65" s="510"/>
      <c r="J65" s="510"/>
      <c r="K65" s="509"/>
    </row>
    <row r="66" spans="1:11" ht="13.7" customHeight="1">
      <c r="A66" s="743" t="s">
        <v>651</v>
      </c>
      <c r="B66" s="744"/>
      <c r="C66" s="533"/>
      <c r="D66" s="532"/>
      <c r="E66" s="531"/>
      <c r="F66" s="530"/>
      <c r="G66" s="529" t="s">
        <v>651</v>
      </c>
      <c r="H66" s="528"/>
      <c r="I66" s="528"/>
      <c r="J66" s="528"/>
      <c r="K66" s="527"/>
    </row>
    <row r="67" spans="1:11" ht="13.7" customHeight="1">
      <c r="A67" s="745"/>
      <c r="B67" s="740"/>
      <c r="C67" s="526"/>
      <c r="D67" s="525"/>
      <c r="E67" s="524"/>
      <c r="F67" s="523" t="s">
        <v>651</v>
      </c>
      <c r="G67" s="518" t="s">
        <v>651</v>
      </c>
      <c r="H67" s="517"/>
      <c r="I67" s="517"/>
      <c r="J67" s="517"/>
      <c r="K67" s="516"/>
    </row>
    <row r="68" spans="1:11" ht="13.7" customHeight="1">
      <c r="A68" s="739" t="s">
        <v>681</v>
      </c>
      <c r="B68" s="740"/>
      <c r="C68" s="522" t="s">
        <v>242</v>
      </c>
      <c r="D68" s="521">
        <v>1</v>
      </c>
      <c r="E68" s="520" t="s">
        <v>1002</v>
      </c>
      <c r="F68" s="519"/>
      <c r="G68" s="518" t="s">
        <v>651</v>
      </c>
      <c r="H68" s="517"/>
      <c r="I68" s="517"/>
      <c r="J68" s="517"/>
      <c r="K68" s="516"/>
    </row>
    <row r="69" spans="1:11" ht="13.7" customHeight="1">
      <c r="A69" s="741"/>
      <c r="B69" s="742"/>
      <c r="C69" s="515"/>
      <c r="D69" s="514"/>
      <c r="E69" s="513"/>
      <c r="F69" s="512"/>
      <c r="G69" s="511" t="s">
        <v>651</v>
      </c>
      <c r="H69" s="510"/>
      <c r="I69" s="510"/>
      <c r="J69" s="510"/>
      <c r="K69" s="509"/>
    </row>
    <row r="70" spans="1:11" ht="13.7" customHeight="1"/>
    <row r="71" spans="1:11" ht="13.7" customHeight="1"/>
    <row r="72" spans="1:11" ht="6.2" customHeight="1"/>
    <row r="73" spans="1:11" ht="14.1" customHeight="1">
      <c r="A73" s="543" t="s">
        <v>1617</v>
      </c>
      <c r="B73" s="540" t="s">
        <v>1616</v>
      </c>
      <c r="C73" s="540"/>
      <c r="D73" s="540"/>
      <c r="E73" s="540"/>
      <c r="F73" s="540"/>
      <c r="G73" s="542" t="s">
        <v>617</v>
      </c>
      <c r="H73" s="541" t="s">
        <v>998</v>
      </c>
      <c r="I73" s="540" t="s">
        <v>1007</v>
      </c>
      <c r="J73" s="540"/>
      <c r="K73" s="539"/>
    </row>
    <row r="74" spans="1:11" ht="24" customHeight="1">
      <c r="A74" s="538" t="s">
        <v>651</v>
      </c>
      <c r="B74" s="537" t="s">
        <v>651</v>
      </c>
      <c r="C74" s="537"/>
      <c r="D74" s="537"/>
      <c r="E74" s="537"/>
      <c r="F74" s="537"/>
      <c r="G74" s="751">
        <v>1</v>
      </c>
      <c r="H74" s="751"/>
      <c r="I74" s="751"/>
      <c r="J74" s="536" t="s">
        <v>242</v>
      </c>
      <c r="K74" s="535" t="s">
        <v>618</v>
      </c>
    </row>
    <row r="75" spans="1:11" ht="17.100000000000001" customHeight="1">
      <c r="A75" s="746" t="s">
        <v>1006</v>
      </c>
      <c r="B75" s="747"/>
      <c r="C75" s="534" t="s">
        <v>309</v>
      </c>
      <c r="D75" s="534" t="s">
        <v>619</v>
      </c>
      <c r="E75" s="534" t="s">
        <v>620</v>
      </c>
      <c r="F75" s="534" t="s">
        <v>659</v>
      </c>
      <c r="G75" s="748" t="s">
        <v>1005</v>
      </c>
      <c r="H75" s="749"/>
      <c r="I75" s="749"/>
      <c r="J75" s="749"/>
      <c r="K75" s="750"/>
    </row>
    <row r="76" spans="1:11" ht="13.7" customHeight="1">
      <c r="A76" s="743" t="s">
        <v>1001</v>
      </c>
      <c r="B76" s="744"/>
      <c r="C76" s="533"/>
      <c r="D76" s="532"/>
      <c r="E76" s="531"/>
      <c r="F76" s="530"/>
      <c r="G76" s="529" t="s">
        <v>1615</v>
      </c>
      <c r="H76" s="528"/>
      <c r="I76" s="528"/>
      <c r="J76" s="528"/>
      <c r="K76" s="527"/>
    </row>
    <row r="77" spans="1:11" ht="13.7" customHeight="1">
      <c r="A77" s="745"/>
      <c r="B77" s="740"/>
      <c r="C77" s="526"/>
      <c r="D77" s="525"/>
      <c r="E77" s="524"/>
      <c r="F77" s="523" t="s">
        <v>651</v>
      </c>
      <c r="G77" s="518" t="s">
        <v>651</v>
      </c>
      <c r="H77" s="517"/>
      <c r="I77" s="517"/>
      <c r="J77" s="517"/>
      <c r="K77" s="516"/>
    </row>
    <row r="78" spans="1:11" ht="13.7" customHeight="1">
      <c r="A78" s="739" t="s">
        <v>1614</v>
      </c>
      <c r="B78" s="740"/>
      <c r="C78" s="522" t="s">
        <v>193</v>
      </c>
      <c r="D78" s="521">
        <v>2.9</v>
      </c>
      <c r="E78" s="520"/>
      <c r="F78" s="519"/>
      <c r="G78" s="518" t="s">
        <v>651</v>
      </c>
      <c r="H78" s="517"/>
      <c r="I78" s="517"/>
      <c r="J78" s="517"/>
      <c r="K78" s="516"/>
    </row>
    <row r="79" spans="1:11" ht="13.7" customHeight="1">
      <c r="A79" s="741"/>
      <c r="B79" s="742"/>
      <c r="C79" s="515"/>
      <c r="D79" s="514"/>
      <c r="E79" s="513"/>
      <c r="F79" s="512"/>
      <c r="G79" s="511" t="s">
        <v>651</v>
      </c>
      <c r="H79" s="510"/>
      <c r="I79" s="510"/>
      <c r="J79" s="510"/>
      <c r="K79" s="509"/>
    </row>
    <row r="80" spans="1:11" ht="13.7" customHeight="1">
      <c r="A80" s="743" t="s">
        <v>1613</v>
      </c>
      <c r="B80" s="744"/>
      <c r="C80" s="533"/>
      <c r="D80" s="532"/>
      <c r="E80" s="531"/>
      <c r="F80" s="530"/>
      <c r="G80" s="529" t="s">
        <v>1612</v>
      </c>
      <c r="H80" s="528"/>
      <c r="I80" s="528"/>
      <c r="J80" s="528"/>
      <c r="K80" s="527"/>
    </row>
    <row r="81" spans="1:11" ht="13.7" customHeight="1">
      <c r="A81" s="745"/>
      <c r="B81" s="740"/>
      <c r="C81" s="526"/>
      <c r="D81" s="525"/>
      <c r="E81" s="524"/>
      <c r="F81" s="523" t="s">
        <v>651</v>
      </c>
      <c r="G81" s="518" t="s">
        <v>651</v>
      </c>
      <c r="H81" s="517"/>
      <c r="I81" s="517"/>
      <c r="J81" s="517"/>
      <c r="K81" s="516"/>
    </row>
    <row r="82" spans="1:11" ht="13.7" customHeight="1">
      <c r="A82" s="739" t="s">
        <v>1611</v>
      </c>
      <c r="B82" s="740"/>
      <c r="C82" s="522" t="s">
        <v>194</v>
      </c>
      <c r="D82" s="521">
        <v>0.9</v>
      </c>
      <c r="E82" s="520"/>
      <c r="F82" s="519"/>
      <c r="G82" s="518" t="s">
        <v>651</v>
      </c>
      <c r="H82" s="517"/>
      <c r="I82" s="517"/>
      <c r="J82" s="517"/>
      <c r="K82" s="516"/>
    </row>
    <row r="83" spans="1:11" ht="13.7" customHeight="1">
      <c r="A83" s="741"/>
      <c r="B83" s="742"/>
      <c r="C83" s="515"/>
      <c r="D83" s="514"/>
      <c r="E83" s="513"/>
      <c r="F83" s="512"/>
      <c r="G83" s="511" t="s">
        <v>651</v>
      </c>
      <c r="H83" s="510"/>
      <c r="I83" s="510"/>
      <c r="J83" s="510"/>
      <c r="K83" s="509"/>
    </row>
    <row r="84" spans="1:11" ht="13.7" customHeight="1">
      <c r="A84" s="743" t="s">
        <v>1610</v>
      </c>
      <c r="B84" s="744"/>
      <c r="C84" s="533"/>
      <c r="D84" s="532"/>
      <c r="E84" s="531"/>
      <c r="F84" s="530"/>
      <c r="G84" s="529" t="s">
        <v>651</v>
      </c>
      <c r="H84" s="528"/>
      <c r="I84" s="528"/>
      <c r="J84" s="528"/>
      <c r="K84" s="527"/>
    </row>
    <row r="85" spans="1:11" ht="13.7" customHeight="1">
      <c r="A85" s="745"/>
      <c r="B85" s="740"/>
      <c r="C85" s="526"/>
      <c r="D85" s="525"/>
      <c r="E85" s="524"/>
      <c r="F85" s="523" t="s">
        <v>651</v>
      </c>
      <c r="G85" s="518" t="s">
        <v>651</v>
      </c>
      <c r="H85" s="517"/>
      <c r="I85" s="517"/>
      <c r="J85" s="517"/>
      <c r="K85" s="516"/>
    </row>
    <row r="86" spans="1:11" ht="13.7" customHeight="1">
      <c r="A86" s="739" t="s">
        <v>1609</v>
      </c>
      <c r="B86" s="740"/>
      <c r="C86" s="522" t="s">
        <v>236</v>
      </c>
      <c r="D86" s="521">
        <v>2.5</v>
      </c>
      <c r="E86" s="520"/>
      <c r="F86" s="519"/>
      <c r="G86" s="518" t="s">
        <v>651</v>
      </c>
      <c r="H86" s="517"/>
      <c r="I86" s="517"/>
      <c r="J86" s="517"/>
      <c r="K86" s="516"/>
    </row>
    <row r="87" spans="1:11" ht="13.7" customHeight="1">
      <c r="A87" s="741"/>
      <c r="B87" s="742"/>
      <c r="C87" s="515"/>
      <c r="D87" s="514"/>
      <c r="E87" s="513"/>
      <c r="F87" s="512"/>
      <c r="G87" s="511" t="s">
        <v>651</v>
      </c>
      <c r="H87" s="510"/>
      <c r="I87" s="510"/>
      <c r="J87" s="510"/>
      <c r="K87" s="509"/>
    </row>
    <row r="88" spans="1:11" ht="13.7" customHeight="1">
      <c r="A88" s="743" t="s">
        <v>705</v>
      </c>
      <c r="B88" s="744"/>
      <c r="C88" s="533"/>
      <c r="D88" s="532"/>
      <c r="E88" s="531"/>
      <c r="F88" s="530"/>
      <c r="G88" s="529" t="s">
        <v>1608</v>
      </c>
      <c r="H88" s="528"/>
      <c r="I88" s="528"/>
      <c r="J88" s="528"/>
      <c r="K88" s="527"/>
    </row>
    <row r="89" spans="1:11" ht="13.7" customHeight="1">
      <c r="A89" s="745"/>
      <c r="B89" s="740"/>
      <c r="C89" s="526"/>
      <c r="D89" s="525"/>
      <c r="E89" s="524"/>
      <c r="F89" s="523" t="s">
        <v>651</v>
      </c>
      <c r="G89" s="518" t="s">
        <v>651</v>
      </c>
      <c r="H89" s="517"/>
      <c r="I89" s="517"/>
      <c r="J89" s="517"/>
      <c r="K89" s="516"/>
    </row>
    <row r="90" spans="1:11" ht="13.7" customHeight="1">
      <c r="A90" s="739" t="s">
        <v>710</v>
      </c>
      <c r="B90" s="740"/>
      <c r="C90" s="522" t="s">
        <v>697</v>
      </c>
      <c r="D90" s="521">
        <v>6</v>
      </c>
      <c r="E90" s="520"/>
      <c r="F90" s="519"/>
      <c r="G90" s="518" t="s">
        <v>651</v>
      </c>
      <c r="H90" s="517"/>
      <c r="I90" s="517"/>
      <c r="J90" s="517"/>
      <c r="K90" s="516"/>
    </row>
    <row r="91" spans="1:11" ht="13.7" customHeight="1">
      <c r="A91" s="741"/>
      <c r="B91" s="742"/>
      <c r="C91" s="515"/>
      <c r="D91" s="514"/>
      <c r="E91" s="513"/>
      <c r="F91" s="512"/>
      <c r="G91" s="511" t="s">
        <v>651</v>
      </c>
      <c r="H91" s="510"/>
      <c r="I91" s="510"/>
      <c r="J91" s="510"/>
      <c r="K91" s="509"/>
    </row>
    <row r="92" spans="1:11" ht="13.7" customHeight="1">
      <c r="A92" s="743" t="s">
        <v>707</v>
      </c>
      <c r="B92" s="744"/>
      <c r="C92" s="533"/>
      <c r="D92" s="532"/>
      <c r="E92" s="531"/>
      <c r="F92" s="530"/>
      <c r="G92" s="529" t="s">
        <v>1607</v>
      </c>
      <c r="H92" s="528"/>
      <c r="I92" s="528"/>
      <c r="J92" s="528"/>
      <c r="K92" s="527"/>
    </row>
    <row r="93" spans="1:11" ht="13.7" customHeight="1">
      <c r="A93" s="745"/>
      <c r="B93" s="740"/>
      <c r="C93" s="526"/>
      <c r="D93" s="525"/>
      <c r="E93" s="524"/>
      <c r="F93" s="523" t="s">
        <v>651</v>
      </c>
      <c r="G93" s="518" t="s">
        <v>651</v>
      </c>
      <c r="H93" s="517"/>
      <c r="I93" s="517"/>
      <c r="J93" s="517"/>
      <c r="K93" s="516"/>
    </row>
    <row r="94" spans="1:11" ht="13.7" customHeight="1">
      <c r="A94" s="739" t="s">
        <v>710</v>
      </c>
      <c r="B94" s="740"/>
      <c r="C94" s="522" t="s">
        <v>240</v>
      </c>
      <c r="D94" s="521">
        <v>2.5</v>
      </c>
      <c r="E94" s="520"/>
      <c r="F94" s="519"/>
      <c r="G94" s="518" t="s">
        <v>651</v>
      </c>
      <c r="H94" s="517"/>
      <c r="I94" s="517"/>
      <c r="J94" s="517"/>
      <c r="K94" s="516"/>
    </row>
    <row r="95" spans="1:11" ht="13.7" customHeight="1">
      <c r="A95" s="741"/>
      <c r="B95" s="742"/>
      <c r="C95" s="515"/>
      <c r="D95" s="514"/>
      <c r="E95" s="513"/>
      <c r="F95" s="512"/>
      <c r="G95" s="511" t="s">
        <v>651</v>
      </c>
      <c r="H95" s="510"/>
      <c r="I95" s="510"/>
      <c r="J95" s="510"/>
      <c r="K95" s="509"/>
    </row>
    <row r="96" spans="1:11" ht="13.7" customHeight="1">
      <c r="A96" s="743" t="s">
        <v>651</v>
      </c>
      <c r="B96" s="744"/>
      <c r="C96" s="533"/>
      <c r="D96" s="532"/>
      <c r="E96" s="531"/>
      <c r="F96" s="530"/>
      <c r="G96" s="529" t="s">
        <v>651</v>
      </c>
      <c r="H96" s="528"/>
      <c r="I96" s="528"/>
      <c r="J96" s="528"/>
      <c r="K96" s="527"/>
    </row>
    <row r="97" spans="1:11" ht="13.7" customHeight="1">
      <c r="A97" s="745"/>
      <c r="B97" s="740"/>
      <c r="C97" s="526"/>
      <c r="D97" s="525"/>
      <c r="E97" s="524"/>
      <c r="F97" s="523" t="s">
        <v>651</v>
      </c>
      <c r="G97" s="518" t="s">
        <v>651</v>
      </c>
      <c r="H97" s="517"/>
      <c r="I97" s="517"/>
      <c r="J97" s="517"/>
      <c r="K97" s="516"/>
    </row>
    <row r="98" spans="1:11" ht="13.7" customHeight="1">
      <c r="A98" s="739" t="s">
        <v>652</v>
      </c>
      <c r="B98" s="740"/>
      <c r="C98" s="522" t="s">
        <v>242</v>
      </c>
      <c r="D98" s="521">
        <v>1</v>
      </c>
      <c r="E98" s="520"/>
      <c r="F98" s="519"/>
      <c r="G98" s="518" t="s">
        <v>651</v>
      </c>
      <c r="H98" s="517"/>
      <c r="I98" s="517"/>
      <c r="J98" s="517"/>
      <c r="K98" s="516"/>
    </row>
    <row r="99" spans="1:11" ht="13.7" customHeight="1">
      <c r="A99" s="741"/>
      <c r="B99" s="742"/>
      <c r="C99" s="515"/>
      <c r="D99" s="514"/>
      <c r="E99" s="513"/>
      <c r="F99" s="512"/>
      <c r="G99" s="511" t="s">
        <v>651</v>
      </c>
      <c r="H99" s="510"/>
      <c r="I99" s="510"/>
      <c r="J99" s="510"/>
      <c r="K99" s="509"/>
    </row>
    <row r="100" spans="1:11" ht="13.7" customHeight="1">
      <c r="A100" s="743" t="s">
        <v>651</v>
      </c>
      <c r="B100" s="744"/>
      <c r="C100" s="533"/>
      <c r="D100" s="532"/>
      <c r="E100" s="531"/>
      <c r="F100" s="530"/>
      <c r="G100" s="529" t="s">
        <v>651</v>
      </c>
      <c r="H100" s="528"/>
      <c r="I100" s="528"/>
      <c r="J100" s="528"/>
      <c r="K100" s="527"/>
    </row>
    <row r="101" spans="1:11" ht="13.7" customHeight="1">
      <c r="A101" s="745"/>
      <c r="B101" s="740"/>
      <c r="C101" s="526"/>
      <c r="D101" s="525"/>
      <c r="E101" s="524"/>
      <c r="F101" s="523" t="s">
        <v>651</v>
      </c>
      <c r="G101" s="518" t="s">
        <v>651</v>
      </c>
      <c r="H101" s="517"/>
      <c r="I101" s="517"/>
      <c r="J101" s="517"/>
      <c r="K101" s="516"/>
    </row>
    <row r="102" spans="1:11" ht="13.7" customHeight="1">
      <c r="A102" s="739" t="s">
        <v>681</v>
      </c>
      <c r="B102" s="740"/>
      <c r="C102" s="522" t="s">
        <v>242</v>
      </c>
      <c r="D102" s="521">
        <v>1</v>
      </c>
      <c r="E102" s="520" t="s">
        <v>1002</v>
      </c>
      <c r="F102" s="519"/>
      <c r="G102" s="518" t="s">
        <v>651</v>
      </c>
      <c r="H102" s="517"/>
      <c r="I102" s="517"/>
      <c r="J102" s="517"/>
      <c r="K102" s="516"/>
    </row>
    <row r="103" spans="1:11" ht="13.7" customHeight="1">
      <c r="A103" s="741"/>
      <c r="B103" s="742"/>
      <c r="C103" s="515"/>
      <c r="D103" s="514"/>
      <c r="E103" s="513"/>
      <c r="F103" s="512"/>
      <c r="G103" s="511" t="s">
        <v>651</v>
      </c>
      <c r="H103" s="510"/>
      <c r="I103" s="510"/>
      <c r="J103" s="510"/>
      <c r="K103" s="509"/>
    </row>
    <row r="104" spans="1:11" ht="13.7" customHeight="1"/>
    <row r="105" spans="1:11" ht="13.7" customHeight="1"/>
    <row r="106" spans="1:11" ht="13.7" customHeight="1"/>
    <row r="107" spans="1:11" ht="13.7" customHeight="1"/>
    <row r="108" spans="1:11" ht="13.7" customHeight="1"/>
    <row r="109" spans="1:11" ht="13.7" customHeight="1"/>
    <row r="110" spans="1:11" ht="6.2" customHeight="1"/>
    <row r="111" spans="1:11" ht="14.1" customHeight="1">
      <c r="A111" s="543" t="s">
        <v>1606</v>
      </c>
      <c r="B111" s="540" t="s">
        <v>1605</v>
      </c>
      <c r="C111" s="540"/>
      <c r="D111" s="540"/>
      <c r="E111" s="540"/>
      <c r="F111" s="540"/>
      <c r="G111" s="542" t="s">
        <v>617</v>
      </c>
      <c r="H111" s="541" t="s">
        <v>997</v>
      </c>
      <c r="I111" s="540" t="s">
        <v>1007</v>
      </c>
      <c r="J111" s="540"/>
      <c r="K111" s="539"/>
    </row>
    <row r="112" spans="1:11" ht="24" customHeight="1">
      <c r="A112" s="538" t="s">
        <v>651</v>
      </c>
      <c r="B112" s="537" t="s">
        <v>651</v>
      </c>
      <c r="C112" s="537"/>
      <c r="D112" s="537"/>
      <c r="E112" s="537"/>
      <c r="F112" s="537"/>
      <c r="G112" s="751">
        <v>1</v>
      </c>
      <c r="H112" s="751"/>
      <c r="I112" s="751"/>
      <c r="J112" s="536" t="s">
        <v>242</v>
      </c>
      <c r="K112" s="535" t="s">
        <v>618</v>
      </c>
    </row>
    <row r="113" spans="1:11" ht="17.100000000000001" customHeight="1">
      <c r="A113" s="746" t="s">
        <v>1006</v>
      </c>
      <c r="B113" s="747"/>
      <c r="C113" s="534" t="s">
        <v>309</v>
      </c>
      <c r="D113" s="534" t="s">
        <v>619</v>
      </c>
      <c r="E113" s="534" t="s">
        <v>620</v>
      </c>
      <c r="F113" s="534" t="s">
        <v>659</v>
      </c>
      <c r="G113" s="748" t="s">
        <v>1005</v>
      </c>
      <c r="H113" s="749"/>
      <c r="I113" s="749"/>
      <c r="J113" s="749"/>
      <c r="K113" s="750"/>
    </row>
    <row r="114" spans="1:11" ht="13.7" customHeight="1">
      <c r="A114" s="743" t="s">
        <v>1066</v>
      </c>
      <c r="B114" s="744"/>
      <c r="C114" s="533"/>
      <c r="D114" s="532"/>
      <c r="E114" s="531"/>
      <c r="F114" s="530"/>
      <c r="G114" s="529" t="s">
        <v>1065</v>
      </c>
      <c r="H114" s="528"/>
      <c r="I114" s="528"/>
      <c r="J114" s="528"/>
      <c r="K114" s="527"/>
    </row>
    <row r="115" spans="1:11" ht="13.7" customHeight="1">
      <c r="A115" s="745"/>
      <c r="B115" s="740"/>
      <c r="C115" s="526"/>
      <c r="D115" s="525"/>
      <c r="E115" s="524"/>
      <c r="F115" s="523" t="s">
        <v>651</v>
      </c>
      <c r="G115" s="518" t="s">
        <v>651</v>
      </c>
      <c r="H115" s="517"/>
      <c r="I115" s="517"/>
      <c r="J115" s="517"/>
      <c r="K115" s="516"/>
    </row>
    <row r="116" spans="1:11" ht="13.7" customHeight="1">
      <c r="A116" s="739" t="s">
        <v>1064</v>
      </c>
      <c r="B116" s="740"/>
      <c r="C116" s="522" t="s">
        <v>194</v>
      </c>
      <c r="D116" s="521">
        <v>8.9</v>
      </c>
      <c r="E116" s="520"/>
      <c r="F116" s="519"/>
      <c r="G116" s="518" t="s">
        <v>651</v>
      </c>
      <c r="H116" s="517"/>
      <c r="I116" s="517"/>
      <c r="J116" s="517"/>
      <c r="K116" s="516"/>
    </row>
    <row r="117" spans="1:11" ht="13.7" customHeight="1">
      <c r="A117" s="741"/>
      <c r="B117" s="742"/>
      <c r="C117" s="515"/>
      <c r="D117" s="514"/>
      <c r="E117" s="513"/>
      <c r="F117" s="512"/>
      <c r="G117" s="511" t="s">
        <v>651</v>
      </c>
      <c r="H117" s="510"/>
      <c r="I117" s="510"/>
      <c r="J117" s="510"/>
      <c r="K117" s="509"/>
    </row>
    <row r="118" spans="1:11" ht="13.7" customHeight="1">
      <c r="A118" s="743" t="s">
        <v>1604</v>
      </c>
      <c r="B118" s="744"/>
      <c r="C118" s="533"/>
      <c r="D118" s="532"/>
      <c r="E118" s="531"/>
      <c r="F118" s="530"/>
      <c r="G118" s="529" t="s">
        <v>1603</v>
      </c>
      <c r="H118" s="528"/>
      <c r="I118" s="528"/>
      <c r="J118" s="528"/>
      <c r="K118" s="527"/>
    </row>
    <row r="119" spans="1:11" ht="13.7" customHeight="1">
      <c r="A119" s="745"/>
      <c r="B119" s="740"/>
      <c r="C119" s="526"/>
      <c r="D119" s="525"/>
      <c r="E119" s="524"/>
      <c r="F119" s="523" t="s">
        <v>651</v>
      </c>
      <c r="G119" s="518" t="s">
        <v>651</v>
      </c>
      <c r="H119" s="517"/>
      <c r="I119" s="517"/>
      <c r="J119" s="517"/>
      <c r="K119" s="516"/>
    </row>
    <row r="120" spans="1:11" ht="13.7" customHeight="1">
      <c r="A120" s="739" t="s">
        <v>1602</v>
      </c>
      <c r="B120" s="740"/>
      <c r="C120" s="522" t="s">
        <v>193</v>
      </c>
      <c r="D120" s="521">
        <v>0.8</v>
      </c>
      <c r="E120" s="520"/>
      <c r="F120" s="519"/>
      <c r="G120" s="518" t="s">
        <v>651</v>
      </c>
      <c r="H120" s="517"/>
      <c r="I120" s="517"/>
      <c r="J120" s="517"/>
      <c r="K120" s="516"/>
    </row>
    <row r="121" spans="1:11" ht="13.7" customHeight="1">
      <c r="A121" s="741"/>
      <c r="B121" s="742"/>
      <c r="C121" s="515"/>
      <c r="D121" s="514"/>
      <c r="E121" s="513"/>
      <c r="F121" s="512"/>
      <c r="G121" s="511" t="s">
        <v>651</v>
      </c>
      <c r="H121" s="510"/>
      <c r="I121" s="510"/>
      <c r="J121" s="510"/>
      <c r="K121" s="509"/>
    </row>
    <row r="122" spans="1:11" ht="13.7" customHeight="1">
      <c r="A122" s="743" t="s">
        <v>1066</v>
      </c>
      <c r="B122" s="744"/>
      <c r="C122" s="533"/>
      <c r="D122" s="532"/>
      <c r="E122" s="531"/>
      <c r="F122" s="530"/>
      <c r="G122" s="529" t="s">
        <v>1065</v>
      </c>
      <c r="H122" s="528"/>
      <c r="I122" s="528"/>
      <c r="J122" s="528"/>
      <c r="K122" s="527"/>
    </row>
    <row r="123" spans="1:11" ht="13.7" customHeight="1">
      <c r="A123" s="745"/>
      <c r="B123" s="740"/>
      <c r="C123" s="526"/>
      <c r="D123" s="525"/>
      <c r="E123" s="524"/>
      <c r="F123" s="523" t="s">
        <v>651</v>
      </c>
      <c r="G123" s="518" t="s">
        <v>651</v>
      </c>
      <c r="H123" s="517"/>
      <c r="I123" s="517"/>
      <c r="J123" s="517"/>
      <c r="K123" s="516"/>
    </row>
    <row r="124" spans="1:11" ht="13.7" customHeight="1">
      <c r="A124" s="739" t="s">
        <v>1064</v>
      </c>
      <c r="B124" s="740"/>
      <c r="C124" s="522" t="s">
        <v>194</v>
      </c>
      <c r="D124" s="521">
        <v>1.6</v>
      </c>
      <c r="E124" s="520"/>
      <c r="F124" s="519"/>
      <c r="G124" s="518" t="s">
        <v>651</v>
      </c>
      <c r="H124" s="517"/>
      <c r="I124" s="517"/>
      <c r="J124" s="517"/>
      <c r="K124" s="516"/>
    </row>
    <row r="125" spans="1:11" ht="13.7" customHeight="1">
      <c r="A125" s="741"/>
      <c r="B125" s="742"/>
      <c r="C125" s="515"/>
      <c r="D125" s="514"/>
      <c r="E125" s="513"/>
      <c r="F125" s="512"/>
      <c r="G125" s="511" t="s">
        <v>651</v>
      </c>
      <c r="H125" s="510"/>
      <c r="I125" s="510"/>
      <c r="J125" s="510"/>
      <c r="K125" s="509"/>
    </row>
    <row r="126" spans="1:11" ht="13.7" customHeight="1">
      <c r="A126" s="743" t="s">
        <v>1601</v>
      </c>
      <c r="B126" s="744"/>
      <c r="C126" s="533"/>
      <c r="D126" s="532"/>
      <c r="E126" s="531"/>
      <c r="F126" s="530"/>
      <c r="G126" s="529" t="s">
        <v>1600</v>
      </c>
      <c r="H126" s="528"/>
      <c r="I126" s="528"/>
      <c r="J126" s="528"/>
      <c r="K126" s="527"/>
    </row>
    <row r="127" spans="1:11" ht="13.7" customHeight="1">
      <c r="A127" s="745"/>
      <c r="B127" s="740"/>
      <c r="C127" s="526"/>
      <c r="D127" s="525"/>
      <c r="E127" s="524"/>
      <c r="F127" s="523" t="s">
        <v>651</v>
      </c>
      <c r="G127" s="518" t="s">
        <v>651</v>
      </c>
      <c r="H127" s="517"/>
      <c r="I127" s="517"/>
      <c r="J127" s="517"/>
      <c r="K127" s="516"/>
    </row>
    <row r="128" spans="1:11" ht="13.7" customHeight="1">
      <c r="A128" s="739" t="s">
        <v>1599</v>
      </c>
      <c r="B128" s="740"/>
      <c r="C128" s="522" t="s">
        <v>240</v>
      </c>
      <c r="D128" s="521">
        <v>6.5</v>
      </c>
      <c r="E128" s="520"/>
      <c r="F128" s="519"/>
      <c r="G128" s="518" t="s">
        <v>651</v>
      </c>
      <c r="H128" s="517"/>
      <c r="I128" s="517"/>
      <c r="J128" s="517"/>
      <c r="K128" s="516"/>
    </row>
    <row r="129" spans="1:11" ht="13.7" customHeight="1">
      <c r="A129" s="741"/>
      <c r="B129" s="742"/>
      <c r="C129" s="515"/>
      <c r="D129" s="514"/>
      <c r="E129" s="513"/>
      <c r="F129" s="512"/>
      <c r="G129" s="511" t="s">
        <v>651</v>
      </c>
      <c r="H129" s="510"/>
      <c r="I129" s="510"/>
      <c r="J129" s="510"/>
      <c r="K129" s="509"/>
    </row>
    <row r="130" spans="1:11" ht="13.7" customHeight="1">
      <c r="A130" s="743" t="s">
        <v>1066</v>
      </c>
      <c r="B130" s="744"/>
      <c r="C130" s="533"/>
      <c r="D130" s="532"/>
      <c r="E130" s="531"/>
      <c r="F130" s="530"/>
      <c r="G130" s="529" t="s">
        <v>1065</v>
      </c>
      <c r="H130" s="528"/>
      <c r="I130" s="528"/>
      <c r="J130" s="528"/>
      <c r="K130" s="527"/>
    </row>
    <row r="131" spans="1:11" ht="13.7" customHeight="1">
      <c r="A131" s="745"/>
      <c r="B131" s="740"/>
      <c r="C131" s="526"/>
      <c r="D131" s="525"/>
      <c r="E131" s="524"/>
      <c r="F131" s="523" t="s">
        <v>651</v>
      </c>
      <c r="G131" s="518" t="s">
        <v>651</v>
      </c>
      <c r="H131" s="517"/>
      <c r="I131" s="517"/>
      <c r="J131" s="517"/>
      <c r="K131" s="516"/>
    </row>
    <row r="132" spans="1:11" ht="13.7" customHeight="1">
      <c r="A132" s="739" t="s">
        <v>1064</v>
      </c>
      <c r="B132" s="740"/>
      <c r="C132" s="522" t="s">
        <v>194</v>
      </c>
      <c r="D132" s="521">
        <v>24.3</v>
      </c>
      <c r="E132" s="520"/>
      <c r="F132" s="519"/>
      <c r="G132" s="518" t="s">
        <v>651</v>
      </c>
      <c r="H132" s="517"/>
      <c r="I132" s="517"/>
      <c r="J132" s="517"/>
      <c r="K132" s="516"/>
    </row>
    <row r="133" spans="1:11" ht="13.7" customHeight="1">
      <c r="A133" s="741"/>
      <c r="B133" s="742"/>
      <c r="C133" s="515"/>
      <c r="D133" s="514"/>
      <c r="E133" s="513"/>
      <c r="F133" s="512"/>
      <c r="G133" s="511" t="s">
        <v>651</v>
      </c>
      <c r="H133" s="510"/>
      <c r="I133" s="510"/>
      <c r="J133" s="510"/>
      <c r="K133" s="509"/>
    </row>
    <row r="134" spans="1:11" ht="13.7" customHeight="1">
      <c r="A134" s="743" t="s">
        <v>1598</v>
      </c>
      <c r="B134" s="744"/>
      <c r="C134" s="533"/>
      <c r="D134" s="532"/>
      <c r="E134" s="531"/>
      <c r="F134" s="530"/>
      <c r="G134" s="529" t="s">
        <v>1597</v>
      </c>
      <c r="H134" s="528"/>
      <c r="I134" s="528"/>
      <c r="J134" s="528"/>
      <c r="K134" s="527"/>
    </row>
    <row r="135" spans="1:11" ht="13.7" customHeight="1">
      <c r="A135" s="745"/>
      <c r="B135" s="740"/>
      <c r="C135" s="526"/>
      <c r="D135" s="525"/>
      <c r="E135" s="524"/>
      <c r="F135" s="523" t="s">
        <v>651</v>
      </c>
      <c r="G135" s="518" t="s">
        <v>651</v>
      </c>
      <c r="H135" s="517"/>
      <c r="I135" s="517"/>
      <c r="J135" s="517"/>
      <c r="K135" s="516"/>
    </row>
    <row r="136" spans="1:11" ht="13.7" customHeight="1">
      <c r="A136" s="739" t="s">
        <v>1596</v>
      </c>
      <c r="B136" s="740"/>
      <c r="C136" s="522" t="s">
        <v>240</v>
      </c>
      <c r="D136" s="521">
        <v>121.9</v>
      </c>
      <c r="E136" s="520"/>
      <c r="F136" s="519"/>
      <c r="G136" s="518" t="s">
        <v>651</v>
      </c>
      <c r="H136" s="517"/>
      <c r="I136" s="517"/>
      <c r="J136" s="517"/>
      <c r="K136" s="516"/>
    </row>
    <row r="137" spans="1:11" ht="13.7" customHeight="1">
      <c r="A137" s="741"/>
      <c r="B137" s="742"/>
      <c r="C137" s="515"/>
      <c r="D137" s="514"/>
      <c r="E137" s="513"/>
      <c r="F137" s="512"/>
      <c r="G137" s="511" t="s">
        <v>651</v>
      </c>
      <c r="H137" s="510"/>
      <c r="I137" s="510"/>
      <c r="J137" s="510"/>
      <c r="K137" s="509"/>
    </row>
    <row r="138" spans="1:11" ht="13.7" customHeight="1">
      <c r="A138" s="743" t="s">
        <v>651</v>
      </c>
      <c r="B138" s="744"/>
      <c r="C138" s="533"/>
      <c r="D138" s="532"/>
      <c r="E138" s="531"/>
      <c r="F138" s="530"/>
      <c r="G138" s="529" t="s">
        <v>651</v>
      </c>
      <c r="H138" s="528"/>
      <c r="I138" s="528"/>
      <c r="J138" s="528"/>
      <c r="K138" s="527"/>
    </row>
    <row r="139" spans="1:11" ht="13.7" customHeight="1">
      <c r="A139" s="745"/>
      <c r="B139" s="740"/>
      <c r="C139" s="526"/>
      <c r="D139" s="525"/>
      <c r="E139" s="524"/>
      <c r="F139" s="523" t="s">
        <v>651</v>
      </c>
      <c r="G139" s="518" t="s">
        <v>651</v>
      </c>
      <c r="H139" s="517"/>
      <c r="I139" s="517"/>
      <c r="J139" s="517"/>
      <c r="K139" s="516"/>
    </row>
    <row r="140" spans="1:11" ht="13.7" customHeight="1">
      <c r="A140" s="739" t="s">
        <v>652</v>
      </c>
      <c r="B140" s="740"/>
      <c r="C140" s="522" t="s">
        <v>242</v>
      </c>
      <c r="D140" s="521">
        <v>1</v>
      </c>
      <c r="E140" s="520"/>
      <c r="F140" s="519"/>
      <c r="G140" s="518" t="s">
        <v>651</v>
      </c>
      <c r="H140" s="517"/>
      <c r="I140" s="517"/>
      <c r="J140" s="517"/>
      <c r="K140" s="516"/>
    </row>
    <row r="141" spans="1:11" ht="13.7" customHeight="1">
      <c r="A141" s="741"/>
      <c r="B141" s="742"/>
      <c r="C141" s="515"/>
      <c r="D141" s="514"/>
      <c r="E141" s="513"/>
      <c r="F141" s="512"/>
      <c r="G141" s="511" t="s">
        <v>651</v>
      </c>
      <c r="H141" s="510"/>
      <c r="I141" s="510"/>
      <c r="J141" s="510"/>
      <c r="K141" s="509"/>
    </row>
    <row r="142" spans="1:11" ht="13.7" customHeight="1">
      <c r="A142" s="743" t="s">
        <v>651</v>
      </c>
      <c r="B142" s="744"/>
      <c r="C142" s="533"/>
      <c r="D142" s="532"/>
      <c r="E142" s="531"/>
      <c r="F142" s="530"/>
      <c r="G142" s="529" t="s">
        <v>651</v>
      </c>
      <c r="H142" s="528"/>
      <c r="I142" s="528"/>
      <c r="J142" s="528"/>
      <c r="K142" s="527"/>
    </row>
    <row r="143" spans="1:11" ht="13.7" customHeight="1">
      <c r="A143" s="745"/>
      <c r="B143" s="740"/>
      <c r="C143" s="526"/>
      <c r="D143" s="525"/>
      <c r="E143" s="524"/>
      <c r="F143" s="523" t="s">
        <v>651</v>
      </c>
      <c r="G143" s="518" t="s">
        <v>651</v>
      </c>
      <c r="H143" s="517"/>
      <c r="I143" s="517"/>
      <c r="J143" s="517"/>
      <c r="K143" s="516"/>
    </row>
    <row r="144" spans="1:11" ht="13.7" customHeight="1">
      <c r="A144" s="739" t="s">
        <v>681</v>
      </c>
      <c r="B144" s="740"/>
      <c r="C144" s="522" t="s">
        <v>242</v>
      </c>
      <c r="D144" s="521">
        <v>1</v>
      </c>
      <c r="E144" s="520" t="s">
        <v>1002</v>
      </c>
      <c r="F144" s="519"/>
      <c r="G144" s="518" t="s">
        <v>651</v>
      </c>
      <c r="H144" s="517"/>
      <c r="I144" s="517"/>
      <c r="J144" s="517"/>
      <c r="K144" s="516"/>
    </row>
    <row r="145" spans="1:11" ht="13.7" customHeight="1">
      <c r="A145" s="741"/>
      <c r="B145" s="742"/>
      <c r="C145" s="515"/>
      <c r="D145" s="514"/>
      <c r="E145" s="513"/>
      <c r="F145" s="512"/>
      <c r="G145" s="511" t="s">
        <v>651</v>
      </c>
      <c r="H145" s="510"/>
      <c r="I145" s="510"/>
      <c r="J145" s="510"/>
      <c r="K145" s="509"/>
    </row>
    <row r="146" spans="1:11" ht="13.7" customHeight="1"/>
    <row r="147" spans="1:11" ht="13.7" customHeight="1"/>
    <row r="148" spans="1:11" ht="6.2" customHeight="1"/>
    <row r="149" spans="1:11" ht="14.1" customHeight="1">
      <c r="A149" s="543" t="s">
        <v>1587</v>
      </c>
      <c r="B149" s="540" t="s">
        <v>1586</v>
      </c>
      <c r="C149" s="540"/>
      <c r="D149" s="540"/>
      <c r="E149" s="540"/>
      <c r="F149" s="540"/>
      <c r="G149" s="542" t="s">
        <v>617</v>
      </c>
      <c r="H149" s="541" t="s">
        <v>989</v>
      </c>
      <c r="I149" s="540" t="s">
        <v>1007</v>
      </c>
      <c r="J149" s="540"/>
      <c r="K149" s="539"/>
    </row>
    <row r="150" spans="1:11" ht="24" customHeight="1">
      <c r="A150" s="538" t="s">
        <v>651</v>
      </c>
      <c r="B150" s="537" t="s">
        <v>651</v>
      </c>
      <c r="C150" s="537"/>
      <c r="D150" s="537"/>
      <c r="E150" s="537"/>
      <c r="F150" s="537"/>
      <c r="G150" s="751">
        <v>1</v>
      </c>
      <c r="H150" s="751"/>
      <c r="I150" s="751"/>
      <c r="J150" s="536" t="s">
        <v>242</v>
      </c>
      <c r="K150" s="535" t="s">
        <v>618</v>
      </c>
    </row>
    <row r="151" spans="1:11" ht="17.100000000000001" customHeight="1">
      <c r="A151" s="746" t="s">
        <v>1006</v>
      </c>
      <c r="B151" s="747"/>
      <c r="C151" s="534" t="s">
        <v>309</v>
      </c>
      <c r="D151" s="534" t="s">
        <v>619</v>
      </c>
      <c r="E151" s="534" t="s">
        <v>620</v>
      </c>
      <c r="F151" s="534" t="s">
        <v>659</v>
      </c>
      <c r="G151" s="748" t="s">
        <v>1005</v>
      </c>
      <c r="H151" s="749"/>
      <c r="I151" s="749"/>
      <c r="J151" s="749"/>
      <c r="K151" s="750"/>
    </row>
    <row r="152" spans="1:11" ht="13.7" customHeight="1">
      <c r="A152" s="743" t="s">
        <v>1066</v>
      </c>
      <c r="B152" s="744"/>
      <c r="C152" s="533"/>
      <c r="D152" s="532"/>
      <c r="E152" s="531"/>
      <c r="F152" s="530"/>
      <c r="G152" s="529" t="s">
        <v>1065</v>
      </c>
      <c r="H152" s="528"/>
      <c r="I152" s="528"/>
      <c r="J152" s="528"/>
      <c r="K152" s="527"/>
    </row>
    <row r="153" spans="1:11" ht="13.7" customHeight="1">
      <c r="A153" s="745"/>
      <c r="B153" s="740"/>
      <c r="C153" s="526"/>
      <c r="D153" s="525"/>
      <c r="E153" s="524"/>
      <c r="F153" s="523" t="s">
        <v>651</v>
      </c>
      <c r="G153" s="518" t="s">
        <v>651</v>
      </c>
      <c r="H153" s="517"/>
      <c r="I153" s="517"/>
      <c r="J153" s="517"/>
      <c r="K153" s="516"/>
    </row>
    <row r="154" spans="1:11" ht="13.7" customHeight="1">
      <c r="A154" s="739" t="s">
        <v>1064</v>
      </c>
      <c r="B154" s="740"/>
      <c r="C154" s="522" t="s">
        <v>194</v>
      </c>
      <c r="D154" s="521">
        <v>0.9</v>
      </c>
      <c r="E154" s="520"/>
      <c r="F154" s="519"/>
      <c r="G154" s="518" t="s">
        <v>651</v>
      </c>
      <c r="H154" s="517"/>
      <c r="I154" s="517"/>
      <c r="J154" s="517"/>
      <c r="K154" s="516"/>
    </row>
    <row r="155" spans="1:11" ht="13.7" customHeight="1">
      <c r="A155" s="741"/>
      <c r="B155" s="742"/>
      <c r="C155" s="515"/>
      <c r="D155" s="514"/>
      <c r="E155" s="513"/>
      <c r="F155" s="512"/>
      <c r="G155" s="511" t="s">
        <v>651</v>
      </c>
      <c r="H155" s="510"/>
      <c r="I155" s="510"/>
      <c r="J155" s="510"/>
      <c r="K155" s="509"/>
    </row>
    <row r="156" spans="1:11" ht="13.7" customHeight="1">
      <c r="A156" s="743" t="s">
        <v>1595</v>
      </c>
      <c r="B156" s="744"/>
      <c r="C156" s="533"/>
      <c r="D156" s="532"/>
      <c r="E156" s="531"/>
      <c r="F156" s="530"/>
      <c r="G156" s="529" t="s">
        <v>651</v>
      </c>
      <c r="H156" s="528"/>
      <c r="I156" s="528"/>
      <c r="J156" s="528"/>
      <c r="K156" s="527"/>
    </row>
    <row r="157" spans="1:11" ht="13.7" customHeight="1">
      <c r="A157" s="745"/>
      <c r="B157" s="740"/>
      <c r="C157" s="526"/>
      <c r="D157" s="525"/>
      <c r="E157" s="524"/>
      <c r="F157" s="523" t="s">
        <v>651</v>
      </c>
      <c r="G157" s="518" t="s">
        <v>651</v>
      </c>
      <c r="H157" s="517"/>
      <c r="I157" s="517"/>
      <c r="J157" s="517"/>
      <c r="K157" s="516"/>
    </row>
    <row r="158" spans="1:11" ht="13.7" customHeight="1">
      <c r="A158" s="739" t="s">
        <v>1594</v>
      </c>
      <c r="B158" s="740"/>
      <c r="C158" s="522" t="s">
        <v>240</v>
      </c>
      <c r="D158" s="521">
        <v>8.3000000000000007</v>
      </c>
      <c r="E158" s="520"/>
      <c r="F158" s="519"/>
      <c r="G158" s="518" t="s">
        <v>651</v>
      </c>
      <c r="H158" s="517"/>
      <c r="I158" s="517"/>
      <c r="J158" s="517"/>
      <c r="K158" s="516"/>
    </row>
    <row r="159" spans="1:11" ht="13.7" customHeight="1">
      <c r="A159" s="741"/>
      <c r="B159" s="742"/>
      <c r="C159" s="515"/>
      <c r="D159" s="514"/>
      <c r="E159" s="513"/>
      <c r="F159" s="512"/>
      <c r="G159" s="511" t="s">
        <v>651</v>
      </c>
      <c r="H159" s="510"/>
      <c r="I159" s="510"/>
      <c r="J159" s="510"/>
      <c r="K159" s="509"/>
    </row>
    <row r="160" spans="1:11" ht="13.7" customHeight="1">
      <c r="A160" s="743" t="s">
        <v>1593</v>
      </c>
      <c r="B160" s="744"/>
      <c r="C160" s="533"/>
      <c r="D160" s="532"/>
      <c r="E160" s="531"/>
      <c r="F160" s="530"/>
      <c r="G160" s="529" t="s">
        <v>651</v>
      </c>
      <c r="H160" s="528"/>
      <c r="I160" s="528"/>
      <c r="J160" s="528"/>
      <c r="K160" s="527"/>
    </row>
    <row r="161" spans="1:11" ht="13.7" customHeight="1">
      <c r="A161" s="745"/>
      <c r="B161" s="740"/>
      <c r="C161" s="526"/>
      <c r="D161" s="525"/>
      <c r="E161" s="524"/>
      <c r="F161" s="523" t="s">
        <v>651</v>
      </c>
      <c r="G161" s="518" t="s">
        <v>651</v>
      </c>
      <c r="H161" s="517"/>
      <c r="I161" s="517"/>
      <c r="J161" s="517"/>
      <c r="K161" s="516"/>
    </row>
    <row r="162" spans="1:11" ht="13.7" customHeight="1">
      <c r="A162" s="739" t="s">
        <v>1592</v>
      </c>
      <c r="B162" s="740"/>
      <c r="C162" s="522" t="s">
        <v>240</v>
      </c>
      <c r="D162" s="521">
        <v>8.3000000000000007</v>
      </c>
      <c r="E162" s="520"/>
      <c r="F162" s="519"/>
      <c r="G162" s="518" t="s">
        <v>651</v>
      </c>
      <c r="H162" s="517"/>
      <c r="I162" s="517"/>
      <c r="J162" s="517"/>
      <c r="K162" s="516"/>
    </row>
    <row r="163" spans="1:11" ht="13.7" customHeight="1">
      <c r="A163" s="741"/>
      <c r="B163" s="742"/>
      <c r="C163" s="515"/>
      <c r="D163" s="514"/>
      <c r="E163" s="513"/>
      <c r="F163" s="512"/>
      <c r="G163" s="511" t="s">
        <v>651</v>
      </c>
      <c r="H163" s="510"/>
      <c r="I163" s="510"/>
      <c r="J163" s="510"/>
      <c r="K163" s="509"/>
    </row>
    <row r="164" spans="1:11" ht="13.7" customHeight="1">
      <c r="A164" s="743" t="s">
        <v>1066</v>
      </c>
      <c r="B164" s="744"/>
      <c r="C164" s="533"/>
      <c r="D164" s="532"/>
      <c r="E164" s="531"/>
      <c r="F164" s="530"/>
      <c r="G164" s="529" t="s">
        <v>1065</v>
      </c>
      <c r="H164" s="528"/>
      <c r="I164" s="528"/>
      <c r="J164" s="528"/>
      <c r="K164" s="527"/>
    </row>
    <row r="165" spans="1:11" ht="13.7" customHeight="1">
      <c r="A165" s="745"/>
      <c r="B165" s="740"/>
      <c r="C165" s="526"/>
      <c r="D165" s="525"/>
      <c r="E165" s="524"/>
      <c r="F165" s="523" t="s">
        <v>651</v>
      </c>
      <c r="G165" s="518" t="s">
        <v>651</v>
      </c>
      <c r="H165" s="517"/>
      <c r="I165" s="517"/>
      <c r="J165" s="517"/>
      <c r="K165" s="516"/>
    </row>
    <row r="166" spans="1:11" ht="13.7" customHeight="1">
      <c r="A166" s="739" t="s">
        <v>1064</v>
      </c>
      <c r="B166" s="740"/>
      <c r="C166" s="522" t="s">
        <v>194</v>
      </c>
      <c r="D166" s="521">
        <v>0.2</v>
      </c>
      <c r="E166" s="520"/>
      <c r="F166" s="519"/>
      <c r="G166" s="518" t="s">
        <v>651</v>
      </c>
      <c r="H166" s="517"/>
      <c r="I166" s="517"/>
      <c r="J166" s="517"/>
      <c r="K166" s="516"/>
    </row>
    <row r="167" spans="1:11" ht="13.7" customHeight="1">
      <c r="A167" s="741"/>
      <c r="B167" s="742"/>
      <c r="C167" s="515"/>
      <c r="D167" s="514"/>
      <c r="E167" s="513"/>
      <c r="F167" s="512"/>
      <c r="G167" s="511" t="s">
        <v>651</v>
      </c>
      <c r="H167" s="510"/>
      <c r="I167" s="510"/>
      <c r="J167" s="510"/>
      <c r="K167" s="509"/>
    </row>
    <row r="168" spans="1:11" ht="13.7" customHeight="1">
      <c r="A168" s="743" t="s">
        <v>1591</v>
      </c>
      <c r="B168" s="744"/>
      <c r="C168" s="533"/>
      <c r="D168" s="532"/>
      <c r="E168" s="531"/>
      <c r="F168" s="530"/>
      <c r="G168" s="529" t="s">
        <v>651</v>
      </c>
      <c r="H168" s="528"/>
      <c r="I168" s="528"/>
      <c r="J168" s="528"/>
      <c r="K168" s="527"/>
    </row>
    <row r="169" spans="1:11" ht="13.7" customHeight="1">
      <c r="A169" s="745"/>
      <c r="B169" s="740"/>
      <c r="C169" s="526"/>
      <c r="D169" s="525"/>
      <c r="E169" s="524"/>
      <c r="F169" s="523" t="s">
        <v>651</v>
      </c>
      <c r="G169" s="518" t="s">
        <v>651</v>
      </c>
      <c r="H169" s="517"/>
      <c r="I169" s="517"/>
      <c r="J169" s="517"/>
      <c r="K169" s="516"/>
    </row>
    <row r="170" spans="1:11" ht="13.7" customHeight="1">
      <c r="A170" s="739" t="s">
        <v>651</v>
      </c>
      <c r="B170" s="740"/>
      <c r="C170" s="522" t="s">
        <v>234</v>
      </c>
      <c r="D170" s="521">
        <v>1</v>
      </c>
      <c r="E170" s="520"/>
      <c r="F170" s="519"/>
      <c r="G170" s="518" t="s">
        <v>651</v>
      </c>
      <c r="H170" s="517"/>
      <c r="I170" s="517"/>
      <c r="J170" s="517"/>
      <c r="K170" s="516"/>
    </row>
    <row r="171" spans="1:11" ht="13.7" customHeight="1">
      <c r="A171" s="741"/>
      <c r="B171" s="742"/>
      <c r="C171" s="515"/>
      <c r="D171" s="514"/>
      <c r="E171" s="513"/>
      <c r="F171" s="512"/>
      <c r="G171" s="511" t="s">
        <v>651</v>
      </c>
      <c r="H171" s="510"/>
      <c r="I171" s="510"/>
      <c r="J171" s="510"/>
      <c r="K171" s="509"/>
    </row>
    <row r="172" spans="1:11" ht="13.7" customHeight="1">
      <c r="A172" s="743" t="s">
        <v>1590</v>
      </c>
      <c r="B172" s="744"/>
      <c r="C172" s="533"/>
      <c r="D172" s="532"/>
      <c r="E172" s="531"/>
      <c r="F172" s="530"/>
      <c r="G172" s="529" t="s">
        <v>651</v>
      </c>
      <c r="H172" s="528"/>
      <c r="I172" s="528"/>
      <c r="J172" s="528"/>
      <c r="K172" s="527"/>
    </row>
    <row r="173" spans="1:11" ht="13.7" customHeight="1">
      <c r="A173" s="745"/>
      <c r="B173" s="740"/>
      <c r="C173" s="526"/>
      <c r="D173" s="525"/>
      <c r="E173" s="524"/>
      <c r="F173" s="523" t="s">
        <v>651</v>
      </c>
      <c r="G173" s="518" t="s">
        <v>651</v>
      </c>
      <c r="H173" s="517"/>
      <c r="I173" s="517"/>
      <c r="J173" s="517"/>
      <c r="K173" s="516"/>
    </row>
    <row r="174" spans="1:11" ht="13.7" customHeight="1">
      <c r="A174" s="739" t="s">
        <v>1588</v>
      </c>
      <c r="B174" s="740"/>
      <c r="C174" s="522" t="s">
        <v>234</v>
      </c>
      <c r="D174" s="521">
        <v>1</v>
      </c>
      <c r="E174" s="520"/>
      <c r="F174" s="519"/>
      <c r="G174" s="518" t="s">
        <v>651</v>
      </c>
      <c r="H174" s="517"/>
      <c r="I174" s="517"/>
      <c r="J174" s="517"/>
      <c r="K174" s="516"/>
    </row>
    <row r="175" spans="1:11" ht="13.7" customHeight="1">
      <c r="A175" s="741"/>
      <c r="B175" s="742"/>
      <c r="C175" s="515"/>
      <c r="D175" s="514"/>
      <c r="E175" s="513"/>
      <c r="F175" s="512"/>
      <c r="G175" s="511" t="s">
        <v>651</v>
      </c>
      <c r="H175" s="510"/>
      <c r="I175" s="510"/>
      <c r="J175" s="510"/>
      <c r="K175" s="509"/>
    </row>
    <row r="176" spans="1:11" ht="13.7" customHeight="1">
      <c r="A176" s="743" t="s">
        <v>1589</v>
      </c>
      <c r="B176" s="744"/>
      <c r="C176" s="533"/>
      <c r="D176" s="532"/>
      <c r="E176" s="531"/>
      <c r="F176" s="530"/>
      <c r="G176" s="529" t="s">
        <v>651</v>
      </c>
      <c r="H176" s="528"/>
      <c r="I176" s="528"/>
      <c r="J176" s="528"/>
      <c r="K176" s="527"/>
    </row>
    <row r="177" spans="1:11" ht="13.7" customHeight="1">
      <c r="A177" s="745"/>
      <c r="B177" s="740"/>
      <c r="C177" s="526"/>
      <c r="D177" s="525"/>
      <c r="E177" s="524"/>
      <c r="F177" s="523" t="s">
        <v>651</v>
      </c>
      <c r="G177" s="518" t="s">
        <v>651</v>
      </c>
      <c r="H177" s="517"/>
      <c r="I177" s="517"/>
      <c r="J177" s="517"/>
      <c r="K177" s="516"/>
    </row>
    <row r="178" spans="1:11" ht="13.7" customHeight="1">
      <c r="A178" s="739" t="s">
        <v>1588</v>
      </c>
      <c r="B178" s="740"/>
      <c r="C178" s="522" t="s">
        <v>234</v>
      </c>
      <c r="D178" s="521">
        <v>1</v>
      </c>
      <c r="E178" s="520"/>
      <c r="F178" s="519"/>
      <c r="G178" s="518" t="s">
        <v>651</v>
      </c>
      <c r="H178" s="517"/>
      <c r="I178" s="517"/>
      <c r="J178" s="517"/>
      <c r="K178" s="516"/>
    </row>
    <row r="179" spans="1:11" ht="13.7" customHeight="1">
      <c r="A179" s="741"/>
      <c r="B179" s="742"/>
      <c r="C179" s="515"/>
      <c r="D179" s="514"/>
      <c r="E179" s="513"/>
      <c r="F179" s="512"/>
      <c r="G179" s="511" t="s">
        <v>651</v>
      </c>
      <c r="H179" s="510"/>
      <c r="I179" s="510"/>
      <c r="J179" s="510"/>
      <c r="K179" s="509"/>
    </row>
    <row r="180" spans="1:11" ht="13.7" customHeight="1">
      <c r="A180" s="743" t="s">
        <v>651</v>
      </c>
      <c r="B180" s="744"/>
      <c r="C180" s="533"/>
      <c r="D180" s="532"/>
      <c r="E180" s="531"/>
      <c r="F180" s="530"/>
      <c r="G180" s="529" t="s">
        <v>651</v>
      </c>
      <c r="H180" s="528"/>
      <c r="I180" s="528"/>
      <c r="J180" s="528"/>
      <c r="K180" s="527"/>
    </row>
    <row r="181" spans="1:11" ht="13.7" customHeight="1">
      <c r="A181" s="745"/>
      <c r="B181" s="740"/>
      <c r="C181" s="526"/>
      <c r="D181" s="525"/>
      <c r="E181" s="524"/>
      <c r="F181" s="523" t="s">
        <v>651</v>
      </c>
      <c r="G181" s="518" t="s">
        <v>651</v>
      </c>
      <c r="H181" s="517"/>
      <c r="I181" s="517"/>
      <c r="J181" s="517"/>
      <c r="K181" s="516"/>
    </row>
    <row r="182" spans="1:11" ht="13.7" customHeight="1">
      <c r="A182" s="739" t="s">
        <v>652</v>
      </c>
      <c r="B182" s="740"/>
      <c r="C182" s="522" t="s">
        <v>242</v>
      </c>
      <c r="D182" s="521">
        <v>1</v>
      </c>
      <c r="E182" s="520"/>
      <c r="F182" s="519"/>
      <c r="G182" s="518" t="s">
        <v>651</v>
      </c>
      <c r="H182" s="517"/>
      <c r="I182" s="517"/>
      <c r="J182" s="517"/>
      <c r="K182" s="516"/>
    </row>
    <row r="183" spans="1:11" ht="13.7" customHeight="1">
      <c r="A183" s="741"/>
      <c r="B183" s="742"/>
      <c r="C183" s="515"/>
      <c r="D183" s="514"/>
      <c r="E183" s="513"/>
      <c r="F183" s="512"/>
      <c r="G183" s="511" t="s">
        <v>651</v>
      </c>
      <c r="H183" s="510"/>
      <c r="I183" s="510"/>
      <c r="J183" s="510"/>
      <c r="K183" s="509"/>
    </row>
    <row r="184" spans="1:11" ht="13.7" customHeight="1"/>
    <row r="185" spans="1:11" ht="13.7" customHeight="1"/>
    <row r="186" spans="1:11" ht="6.2" customHeight="1"/>
    <row r="187" spans="1:11" ht="14.1" customHeight="1">
      <c r="A187" s="543" t="s">
        <v>1587</v>
      </c>
      <c r="B187" s="540" t="s">
        <v>1586</v>
      </c>
      <c r="C187" s="540"/>
      <c r="D187" s="540"/>
      <c r="E187" s="540"/>
      <c r="F187" s="540"/>
      <c r="G187" s="542" t="s">
        <v>617</v>
      </c>
      <c r="H187" s="541" t="s">
        <v>989</v>
      </c>
      <c r="I187" s="540" t="s">
        <v>1007</v>
      </c>
      <c r="J187" s="540"/>
      <c r="K187" s="539"/>
    </row>
    <row r="188" spans="1:11" ht="24" customHeight="1">
      <c r="A188" s="538" t="s">
        <v>651</v>
      </c>
      <c r="B188" s="537" t="s">
        <v>651</v>
      </c>
      <c r="C188" s="537"/>
      <c r="D188" s="537"/>
      <c r="E188" s="537"/>
      <c r="F188" s="537"/>
      <c r="G188" s="751">
        <v>1</v>
      </c>
      <c r="H188" s="751"/>
      <c r="I188" s="751"/>
      <c r="J188" s="536" t="s">
        <v>242</v>
      </c>
      <c r="K188" s="535" t="s">
        <v>618</v>
      </c>
    </row>
    <row r="189" spans="1:11" ht="17.100000000000001" customHeight="1">
      <c r="A189" s="746" t="s">
        <v>1006</v>
      </c>
      <c r="B189" s="747"/>
      <c r="C189" s="534" t="s">
        <v>309</v>
      </c>
      <c r="D189" s="534" t="s">
        <v>619</v>
      </c>
      <c r="E189" s="534" t="s">
        <v>620</v>
      </c>
      <c r="F189" s="534" t="s">
        <v>659</v>
      </c>
      <c r="G189" s="748" t="s">
        <v>1005</v>
      </c>
      <c r="H189" s="749"/>
      <c r="I189" s="749"/>
      <c r="J189" s="749"/>
      <c r="K189" s="750"/>
    </row>
    <row r="190" spans="1:11" ht="13.7" customHeight="1">
      <c r="A190" s="743" t="s">
        <v>651</v>
      </c>
      <c r="B190" s="744"/>
      <c r="C190" s="533"/>
      <c r="D190" s="532"/>
      <c r="E190" s="531"/>
      <c r="F190" s="530"/>
      <c r="G190" s="529" t="s">
        <v>651</v>
      </c>
      <c r="H190" s="528"/>
      <c r="I190" s="528"/>
      <c r="J190" s="528"/>
      <c r="K190" s="527"/>
    </row>
    <row r="191" spans="1:11" ht="13.7" customHeight="1">
      <c r="A191" s="745"/>
      <c r="B191" s="740"/>
      <c r="C191" s="526"/>
      <c r="D191" s="525"/>
      <c r="E191" s="524"/>
      <c r="F191" s="523" t="s">
        <v>651</v>
      </c>
      <c r="G191" s="518" t="s">
        <v>651</v>
      </c>
      <c r="H191" s="517"/>
      <c r="I191" s="517"/>
      <c r="J191" s="517"/>
      <c r="K191" s="516"/>
    </row>
    <row r="192" spans="1:11" ht="13.7" customHeight="1">
      <c r="A192" s="739" t="s">
        <v>681</v>
      </c>
      <c r="B192" s="740"/>
      <c r="C192" s="522" t="s">
        <v>242</v>
      </c>
      <c r="D192" s="521">
        <v>1</v>
      </c>
      <c r="E192" s="520" t="s">
        <v>1002</v>
      </c>
      <c r="F192" s="519"/>
      <c r="G192" s="518" t="s">
        <v>651</v>
      </c>
      <c r="H192" s="517"/>
      <c r="I192" s="517"/>
      <c r="J192" s="517"/>
      <c r="K192" s="516"/>
    </row>
    <row r="193" spans="1:11" ht="13.7" customHeight="1">
      <c r="A193" s="741"/>
      <c r="B193" s="742"/>
      <c r="C193" s="515"/>
      <c r="D193" s="514"/>
      <c r="E193" s="513"/>
      <c r="F193" s="512"/>
      <c r="G193" s="511" t="s">
        <v>651</v>
      </c>
      <c r="H193" s="510"/>
      <c r="I193" s="510"/>
      <c r="J193" s="510"/>
      <c r="K193" s="509"/>
    </row>
    <row r="194" spans="1:11" ht="54.95" customHeight="1"/>
    <row r="195" spans="1:11" ht="14.1" customHeight="1">
      <c r="A195" s="543" t="s">
        <v>1576</v>
      </c>
      <c r="B195" s="540" t="s">
        <v>1575</v>
      </c>
      <c r="C195" s="540"/>
      <c r="D195" s="540"/>
      <c r="E195" s="540"/>
      <c r="F195" s="540"/>
      <c r="G195" s="542" t="s">
        <v>617</v>
      </c>
      <c r="H195" s="541" t="s">
        <v>987</v>
      </c>
      <c r="I195" s="540" t="s">
        <v>1007</v>
      </c>
      <c r="J195" s="540"/>
      <c r="K195" s="539"/>
    </row>
    <row r="196" spans="1:11" ht="24" customHeight="1">
      <c r="A196" s="538" t="s">
        <v>651</v>
      </c>
      <c r="B196" s="537" t="s">
        <v>651</v>
      </c>
      <c r="C196" s="537"/>
      <c r="D196" s="537"/>
      <c r="E196" s="537"/>
      <c r="F196" s="537"/>
      <c r="G196" s="751">
        <v>1</v>
      </c>
      <c r="H196" s="751"/>
      <c r="I196" s="751"/>
      <c r="J196" s="536" t="s">
        <v>242</v>
      </c>
      <c r="K196" s="535" t="s">
        <v>618</v>
      </c>
    </row>
    <row r="197" spans="1:11" ht="17.100000000000001" customHeight="1">
      <c r="A197" s="746" t="s">
        <v>1006</v>
      </c>
      <c r="B197" s="747"/>
      <c r="C197" s="534" t="s">
        <v>309</v>
      </c>
      <c r="D197" s="534" t="s">
        <v>619</v>
      </c>
      <c r="E197" s="534" t="s">
        <v>620</v>
      </c>
      <c r="F197" s="534" t="s">
        <v>659</v>
      </c>
      <c r="G197" s="748" t="s">
        <v>1005</v>
      </c>
      <c r="H197" s="749"/>
      <c r="I197" s="749"/>
      <c r="J197" s="749"/>
      <c r="K197" s="750"/>
    </row>
    <row r="198" spans="1:11" ht="13.7" customHeight="1">
      <c r="A198" s="743" t="s">
        <v>892</v>
      </c>
      <c r="B198" s="744"/>
      <c r="C198" s="533"/>
      <c r="D198" s="532"/>
      <c r="E198" s="531"/>
      <c r="F198" s="530"/>
      <c r="G198" s="529" t="s">
        <v>1585</v>
      </c>
      <c r="H198" s="528"/>
      <c r="I198" s="528"/>
      <c r="J198" s="528"/>
      <c r="K198" s="527"/>
    </row>
    <row r="199" spans="1:11" ht="13.7" customHeight="1">
      <c r="A199" s="745"/>
      <c r="B199" s="740"/>
      <c r="C199" s="526"/>
      <c r="D199" s="525"/>
      <c r="E199" s="524"/>
      <c r="F199" s="523" t="s">
        <v>651</v>
      </c>
      <c r="G199" s="518" t="s">
        <v>651</v>
      </c>
      <c r="H199" s="517"/>
      <c r="I199" s="517"/>
      <c r="J199" s="517"/>
      <c r="K199" s="516"/>
    </row>
    <row r="200" spans="1:11" ht="13.7" customHeight="1">
      <c r="A200" s="739" t="s">
        <v>1584</v>
      </c>
      <c r="B200" s="740"/>
      <c r="C200" s="522" t="s">
        <v>194</v>
      </c>
      <c r="D200" s="521">
        <v>310</v>
      </c>
      <c r="E200" s="520"/>
      <c r="F200" s="519"/>
      <c r="G200" s="518" t="s">
        <v>651</v>
      </c>
      <c r="H200" s="517"/>
      <c r="I200" s="517"/>
      <c r="J200" s="517"/>
      <c r="K200" s="516"/>
    </row>
    <row r="201" spans="1:11" ht="13.7" customHeight="1">
      <c r="A201" s="741"/>
      <c r="B201" s="742"/>
      <c r="C201" s="515"/>
      <c r="D201" s="514"/>
      <c r="E201" s="513"/>
      <c r="F201" s="512"/>
      <c r="G201" s="511" t="s">
        <v>651</v>
      </c>
      <c r="H201" s="510"/>
      <c r="I201" s="510"/>
      <c r="J201" s="510"/>
      <c r="K201" s="509"/>
    </row>
    <row r="202" spans="1:11" ht="13.7" customHeight="1">
      <c r="A202" s="743" t="s">
        <v>1583</v>
      </c>
      <c r="B202" s="744"/>
      <c r="C202" s="533"/>
      <c r="D202" s="532"/>
      <c r="E202" s="531"/>
      <c r="F202" s="530"/>
      <c r="G202" s="529" t="s">
        <v>1582</v>
      </c>
      <c r="H202" s="528"/>
      <c r="I202" s="528"/>
      <c r="J202" s="528"/>
      <c r="K202" s="527"/>
    </row>
    <row r="203" spans="1:11" ht="13.7" customHeight="1">
      <c r="A203" s="745"/>
      <c r="B203" s="740"/>
      <c r="C203" s="526"/>
      <c r="D203" s="525"/>
      <c r="E203" s="524"/>
      <c r="F203" s="523" t="s">
        <v>651</v>
      </c>
      <c r="G203" s="518" t="s">
        <v>651</v>
      </c>
      <c r="H203" s="517"/>
      <c r="I203" s="517"/>
      <c r="J203" s="517"/>
      <c r="K203" s="516"/>
    </row>
    <row r="204" spans="1:11" ht="13.7" customHeight="1">
      <c r="A204" s="739" t="s">
        <v>1581</v>
      </c>
      <c r="B204" s="740"/>
      <c r="C204" s="522" t="s">
        <v>194</v>
      </c>
      <c r="D204" s="521">
        <v>281</v>
      </c>
      <c r="E204" s="520"/>
      <c r="F204" s="519"/>
      <c r="G204" s="518" t="s">
        <v>651</v>
      </c>
      <c r="H204" s="517"/>
      <c r="I204" s="517"/>
      <c r="J204" s="517"/>
      <c r="K204" s="516"/>
    </row>
    <row r="205" spans="1:11" ht="13.7" customHeight="1">
      <c r="A205" s="741"/>
      <c r="B205" s="742"/>
      <c r="C205" s="515"/>
      <c r="D205" s="514"/>
      <c r="E205" s="513"/>
      <c r="F205" s="512"/>
      <c r="G205" s="511" t="s">
        <v>651</v>
      </c>
      <c r="H205" s="510"/>
      <c r="I205" s="510"/>
      <c r="J205" s="510"/>
      <c r="K205" s="509"/>
    </row>
    <row r="206" spans="1:11" ht="13.7" customHeight="1">
      <c r="A206" s="743" t="s">
        <v>1580</v>
      </c>
      <c r="B206" s="744"/>
      <c r="C206" s="533"/>
      <c r="D206" s="532"/>
      <c r="E206" s="531"/>
      <c r="F206" s="530"/>
      <c r="G206" s="529" t="s">
        <v>1579</v>
      </c>
      <c r="H206" s="528"/>
      <c r="I206" s="528"/>
      <c r="J206" s="528"/>
      <c r="K206" s="527"/>
    </row>
    <row r="207" spans="1:11" ht="13.7" customHeight="1">
      <c r="A207" s="745"/>
      <c r="B207" s="740"/>
      <c r="C207" s="526"/>
      <c r="D207" s="525"/>
      <c r="E207" s="524"/>
      <c r="F207" s="523" t="s">
        <v>651</v>
      </c>
      <c r="G207" s="518" t="s">
        <v>651</v>
      </c>
      <c r="H207" s="517"/>
      <c r="I207" s="517"/>
      <c r="J207" s="517"/>
      <c r="K207" s="516"/>
    </row>
    <row r="208" spans="1:11" ht="13.7" customHeight="1">
      <c r="A208" s="739" t="s">
        <v>1578</v>
      </c>
      <c r="B208" s="740"/>
      <c r="C208" s="522" t="s">
        <v>194</v>
      </c>
      <c r="D208" s="521">
        <v>29</v>
      </c>
      <c r="E208" s="520"/>
      <c r="F208" s="519"/>
      <c r="G208" s="518" t="s">
        <v>651</v>
      </c>
      <c r="H208" s="517"/>
      <c r="I208" s="517"/>
      <c r="J208" s="517"/>
      <c r="K208" s="516"/>
    </row>
    <row r="209" spans="1:11" ht="13.7" customHeight="1">
      <c r="A209" s="741"/>
      <c r="B209" s="742"/>
      <c r="C209" s="515"/>
      <c r="D209" s="514"/>
      <c r="E209" s="513"/>
      <c r="F209" s="512"/>
      <c r="G209" s="511" t="s">
        <v>651</v>
      </c>
      <c r="H209" s="510"/>
      <c r="I209" s="510"/>
      <c r="J209" s="510"/>
      <c r="K209" s="509"/>
    </row>
    <row r="210" spans="1:11" ht="13.7" customHeight="1">
      <c r="A210" s="743" t="s">
        <v>990</v>
      </c>
      <c r="B210" s="744"/>
      <c r="C210" s="533"/>
      <c r="D210" s="532"/>
      <c r="E210" s="531"/>
      <c r="F210" s="530"/>
      <c r="G210" s="529" t="s">
        <v>1577</v>
      </c>
      <c r="H210" s="528"/>
      <c r="I210" s="528"/>
      <c r="J210" s="528"/>
      <c r="K210" s="527"/>
    </row>
    <row r="211" spans="1:11" ht="13.7" customHeight="1">
      <c r="A211" s="745"/>
      <c r="B211" s="740"/>
      <c r="C211" s="526"/>
      <c r="D211" s="525"/>
      <c r="E211" s="524"/>
      <c r="F211" s="523" t="s">
        <v>651</v>
      </c>
      <c r="G211" s="518" t="s">
        <v>651</v>
      </c>
      <c r="H211" s="517"/>
      <c r="I211" s="517"/>
      <c r="J211" s="517"/>
      <c r="K211" s="516"/>
    </row>
    <row r="212" spans="1:11" ht="13.7" customHeight="1">
      <c r="A212" s="739" t="s">
        <v>988</v>
      </c>
      <c r="B212" s="740"/>
      <c r="C212" s="522" t="s">
        <v>240</v>
      </c>
      <c r="D212" s="521">
        <v>9</v>
      </c>
      <c r="E212" s="520"/>
      <c r="F212" s="519"/>
      <c r="G212" s="518" t="s">
        <v>651</v>
      </c>
      <c r="H212" s="517"/>
      <c r="I212" s="517"/>
      <c r="J212" s="517"/>
      <c r="K212" s="516"/>
    </row>
    <row r="213" spans="1:11" ht="13.7" customHeight="1">
      <c r="A213" s="741"/>
      <c r="B213" s="742"/>
      <c r="C213" s="515"/>
      <c r="D213" s="514"/>
      <c r="E213" s="513"/>
      <c r="F213" s="512"/>
      <c r="G213" s="511" t="s">
        <v>651</v>
      </c>
      <c r="H213" s="510"/>
      <c r="I213" s="510"/>
      <c r="J213" s="510"/>
      <c r="K213" s="509"/>
    </row>
    <row r="214" spans="1:11" ht="13.7" customHeight="1">
      <c r="A214" s="743" t="s">
        <v>651</v>
      </c>
      <c r="B214" s="744"/>
      <c r="C214" s="533"/>
      <c r="D214" s="532"/>
      <c r="E214" s="531"/>
      <c r="F214" s="530"/>
      <c r="G214" s="529" t="s">
        <v>651</v>
      </c>
      <c r="H214" s="528"/>
      <c r="I214" s="528"/>
      <c r="J214" s="528"/>
      <c r="K214" s="527"/>
    </row>
    <row r="215" spans="1:11" ht="13.7" customHeight="1">
      <c r="A215" s="745"/>
      <c r="B215" s="740"/>
      <c r="C215" s="526"/>
      <c r="D215" s="525"/>
      <c r="E215" s="524"/>
      <c r="F215" s="523" t="s">
        <v>651</v>
      </c>
      <c r="G215" s="518" t="s">
        <v>651</v>
      </c>
      <c r="H215" s="517"/>
      <c r="I215" s="517"/>
      <c r="J215" s="517"/>
      <c r="K215" s="516"/>
    </row>
    <row r="216" spans="1:11" ht="13.7" customHeight="1">
      <c r="A216" s="739" t="s">
        <v>652</v>
      </c>
      <c r="B216" s="740"/>
      <c r="C216" s="522" t="s">
        <v>242</v>
      </c>
      <c r="D216" s="521">
        <v>1</v>
      </c>
      <c r="E216" s="520"/>
      <c r="F216" s="519"/>
      <c r="G216" s="518" t="s">
        <v>651</v>
      </c>
      <c r="H216" s="517"/>
      <c r="I216" s="517"/>
      <c r="J216" s="517"/>
      <c r="K216" s="516"/>
    </row>
    <row r="217" spans="1:11" ht="13.7" customHeight="1">
      <c r="A217" s="741"/>
      <c r="B217" s="742"/>
      <c r="C217" s="515"/>
      <c r="D217" s="514"/>
      <c r="E217" s="513"/>
      <c r="F217" s="512"/>
      <c r="G217" s="511" t="s">
        <v>651</v>
      </c>
      <c r="H217" s="510"/>
      <c r="I217" s="510"/>
      <c r="J217" s="510"/>
      <c r="K217" s="509"/>
    </row>
    <row r="218" spans="1:11" ht="13.7" customHeight="1"/>
    <row r="219" spans="1:11" ht="13.7" customHeight="1"/>
    <row r="220" spans="1:11" ht="6.2" customHeight="1"/>
    <row r="221" spans="1:11" ht="14.1" customHeight="1">
      <c r="A221" s="543" t="s">
        <v>1576</v>
      </c>
      <c r="B221" s="540" t="s">
        <v>1575</v>
      </c>
      <c r="C221" s="540"/>
      <c r="D221" s="540"/>
      <c r="E221" s="540"/>
      <c r="F221" s="540"/>
      <c r="G221" s="542" t="s">
        <v>617</v>
      </c>
      <c r="H221" s="541" t="s">
        <v>987</v>
      </c>
      <c r="I221" s="540" t="s">
        <v>1007</v>
      </c>
      <c r="J221" s="540"/>
      <c r="K221" s="539"/>
    </row>
    <row r="222" spans="1:11" ht="24" customHeight="1">
      <c r="A222" s="538" t="s">
        <v>651</v>
      </c>
      <c r="B222" s="537" t="s">
        <v>651</v>
      </c>
      <c r="C222" s="537"/>
      <c r="D222" s="537"/>
      <c r="E222" s="537"/>
      <c r="F222" s="537"/>
      <c r="G222" s="751">
        <v>1</v>
      </c>
      <c r="H222" s="751"/>
      <c r="I222" s="751"/>
      <c r="J222" s="536" t="s">
        <v>242</v>
      </c>
      <c r="K222" s="535" t="s">
        <v>618</v>
      </c>
    </row>
    <row r="223" spans="1:11" ht="17.100000000000001" customHeight="1">
      <c r="A223" s="746" t="s">
        <v>1006</v>
      </c>
      <c r="B223" s="747"/>
      <c r="C223" s="534" t="s">
        <v>309</v>
      </c>
      <c r="D223" s="534" t="s">
        <v>619</v>
      </c>
      <c r="E223" s="534" t="s">
        <v>620</v>
      </c>
      <c r="F223" s="534" t="s">
        <v>659</v>
      </c>
      <c r="G223" s="748" t="s">
        <v>1005</v>
      </c>
      <c r="H223" s="749"/>
      <c r="I223" s="749"/>
      <c r="J223" s="749"/>
      <c r="K223" s="750"/>
    </row>
    <row r="224" spans="1:11" ht="13.7" customHeight="1">
      <c r="A224" s="743" t="s">
        <v>651</v>
      </c>
      <c r="B224" s="744"/>
      <c r="C224" s="533"/>
      <c r="D224" s="532"/>
      <c r="E224" s="531"/>
      <c r="F224" s="530"/>
      <c r="G224" s="529" t="s">
        <v>651</v>
      </c>
      <c r="H224" s="528"/>
      <c r="I224" s="528"/>
      <c r="J224" s="528"/>
      <c r="K224" s="527"/>
    </row>
    <row r="225" spans="1:11" ht="13.7" customHeight="1">
      <c r="A225" s="745"/>
      <c r="B225" s="740"/>
      <c r="C225" s="526"/>
      <c r="D225" s="525"/>
      <c r="E225" s="524"/>
      <c r="F225" s="523" t="s">
        <v>651</v>
      </c>
      <c r="G225" s="518" t="s">
        <v>651</v>
      </c>
      <c r="H225" s="517"/>
      <c r="I225" s="517"/>
      <c r="J225" s="517"/>
      <c r="K225" s="516"/>
    </row>
    <row r="226" spans="1:11" ht="13.7" customHeight="1">
      <c r="A226" s="739" t="s">
        <v>681</v>
      </c>
      <c r="B226" s="740"/>
      <c r="C226" s="522" t="s">
        <v>242</v>
      </c>
      <c r="D226" s="521">
        <v>1</v>
      </c>
      <c r="E226" s="520" t="s">
        <v>1002</v>
      </c>
      <c r="F226" s="519"/>
      <c r="G226" s="518" t="s">
        <v>651</v>
      </c>
      <c r="H226" s="517"/>
      <c r="I226" s="517"/>
      <c r="J226" s="517"/>
      <c r="K226" s="516"/>
    </row>
    <row r="227" spans="1:11" ht="13.7" customHeight="1">
      <c r="A227" s="741"/>
      <c r="B227" s="742"/>
      <c r="C227" s="515"/>
      <c r="D227" s="514"/>
      <c r="E227" s="513"/>
      <c r="F227" s="512"/>
      <c r="G227" s="511" t="s">
        <v>651</v>
      </c>
      <c r="H227" s="510"/>
      <c r="I227" s="510"/>
      <c r="J227" s="510"/>
      <c r="K227" s="509"/>
    </row>
    <row r="228" spans="1:11" ht="13.7" customHeight="1"/>
    <row r="229" spans="1:11" ht="13.7" customHeight="1"/>
    <row r="230" spans="1:11" ht="13.7" customHeight="1"/>
    <row r="231" spans="1:11" ht="13.7" customHeight="1"/>
    <row r="232" spans="1:11" ht="13.7" customHeight="1"/>
    <row r="233" spans="1:11" ht="13.7" customHeight="1"/>
    <row r="234" spans="1:11" ht="13.7" customHeight="1"/>
    <row r="235" spans="1:11" ht="13.7" customHeight="1"/>
    <row r="236" spans="1:11" ht="13.7" customHeight="1"/>
    <row r="237" spans="1:11" ht="13.7" customHeight="1"/>
    <row r="238" spans="1:11" ht="13.7" customHeight="1"/>
    <row r="239" spans="1:11" ht="13.7" customHeight="1"/>
    <row r="240" spans="1:11" ht="13.7" customHeight="1"/>
    <row r="241" ht="13.7" customHeight="1"/>
    <row r="242" ht="13.7" customHeight="1"/>
    <row r="243" ht="13.7" customHeight="1"/>
    <row r="244" ht="13.7" customHeight="1"/>
    <row r="245" ht="13.7" customHeight="1"/>
    <row r="246" ht="13.7" customHeight="1"/>
    <row r="247" ht="13.7" customHeight="1"/>
    <row r="248" ht="13.7" customHeight="1"/>
    <row r="249" ht="13.7" customHeight="1"/>
    <row r="250" ht="13.7" customHeight="1"/>
    <row r="251" ht="13.7" customHeight="1"/>
    <row r="252" ht="13.7" customHeight="1"/>
    <row r="253" ht="13.7" customHeight="1"/>
    <row r="254" ht="13.7" customHeight="1"/>
    <row r="255" ht="13.7" customHeight="1"/>
    <row r="256" ht="13.7" customHeight="1"/>
    <row r="257" spans="1:11" ht="13.7" customHeight="1"/>
    <row r="258" spans="1:11" ht="6.2" customHeight="1"/>
    <row r="259" spans="1:11" ht="14.1" customHeight="1">
      <c r="A259" s="543" t="s">
        <v>1567</v>
      </c>
      <c r="B259" s="540" t="s">
        <v>1566</v>
      </c>
      <c r="C259" s="540"/>
      <c r="D259" s="540"/>
      <c r="E259" s="540"/>
      <c r="F259" s="540"/>
      <c r="G259" s="542" t="s">
        <v>617</v>
      </c>
      <c r="H259" s="541" t="s">
        <v>984</v>
      </c>
      <c r="I259" s="540" t="s">
        <v>1007</v>
      </c>
      <c r="J259" s="540"/>
      <c r="K259" s="539"/>
    </row>
    <row r="260" spans="1:11" ht="24" customHeight="1">
      <c r="A260" s="538" t="s">
        <v>651</v>
      </c>
      <c r="B260" s="537" t="s">
        <v>651</v>
      </c>
      <c r="C260" s="537"/>
      <c r="D260" s="537"/>
      <c r="E260" s="537"/>
      <c r="F260" s="537"/>
      <c r="G260" s="751">
        <v>1</v>
      </c>
      <c r="H260" s="751"/>
      <c r="I260" s="751"/>
      <c r="J260" s="536" t="s">
        <v>242</v>
      </c>
      <c r="K260" s="535" t="s">
        <v>618</v>
      </c>
    </row>
    <row r="261" spans="1:11" ht="17.100000000000001" customHeight="1">
      <c r="A261" s="746" t="s">
        <v>1006</v>
      </c>
      <c r="B261" s="747"/>
      <c r="C261" s="534" t="s">
        <v>309</v>
      </c>
      <c r="D261" s="534" t="s">
        <v>619</v>
      </c>
      <c r="E261" s="534" t="s">
        <v>620</v>
      </c>
      <c r="F261" s="534" t="s">
        <v>659</v>
      </c>
      <c r="G261" s="748" t="s">
        <v>1005</v>
      </c>
      <c r="H261" s="749"/>
      <c r="I261" s="749"/>
      <c r="J261" s="749"/>
      <c r="K261" s="750"/>
    </row>
    <row r="262" spans="1:11" ht="13.7" customHeight="1">
      <c r="A262" s="743" t="s">
        <v>1024</v>
      </c>
      <c r="B262" s="744"/>
      <c r="C262" s="533"/>
      <c r="D262" s="532"/>
      <c r="E262" s="531"/>
      <c r="F262" s="530"/>
      <c r="G262" s="529" t="s">
        <v>1023</v>
      </c>
      <c r="H262" s="528"/>
      <c r="I262" s="528"/>
      <c r="J262" s="528"/>
      <c r="K262" s="527"/>
    </row>
    <row r="263" spans="1:11" ht="13.7" customHeight="1">
      <c r="A263" s="745"/>
      <c r="B263" s="740"/>
      <c r="C263" s="526"/>
      <c r="D263" s="525"/>
      <c r="E263" s="524"/>
      <c r="F263" s="523" t="s">
        <v>651</v>
      </c>
      <c r="G263" s="518" t="s">
        <v>651</v>
      </c>
      <c r="H263" s="517"/>
      <c r="I263" s="517"/>
      <c r="J263" s="517"/>
      <c r="K263" s="516"/>
    </row>
    <row r="264" spans="1:11" ht="13.7" customHeight="1">
      <c r="A264" s="739" t="s">
        <v>1022</v>
      </c>
      <c r="B264" s="740"/>
      <c r="C264" s="522" t="s">
        <v>240</v>
      </c>
      <c r="D264" s="521">
        <v>6</v>
      </c>
      <c r="E264" s="520"/>
      <c r="F264" s="519"/>
      <c r="G264" s="518" t="s">
        <v>651</v>
      </c>
      <c r="H264" s="517"/>
      <c r="I264" s="517"/>
      <c r="J264" s="517"/>
      <c r="K264" s="516"/>
    </row>
    <row r="265" spans="1:11" ht="13.7" customHeight="1">
      <c r="A265" s="741"/>
      <c r="B265" s="742"/>
      <c r="C265" s="515"/>
      <c r="D265" s="514"/>
      <c r="E265" s="513"/>
      <c r="F265" s="512"/>
      <c r="G265" s="511" t="s">
        <v>651</v>
      </c>
      <c r="H265" s="510"/>
      <c r="I265" s="510"/>
      <c r="J265" s="510"/>
      <c r="K265" s="509"/>
    </row>
    <row r="266" spans="1:11" ht="13.7" customHeight="1">
      <c r="A266" s="743" t="s">
        <v>1021</v>
      </c>
      <c r="B266" s="744"/>
      <c r="C266" s="533"/>
      <c r="D266" s="532"/>
      <c r="E266" s="531"/>
      <c r="F266" s="530"/>
      <c r="G266" s="529" t="s">
        <v>1574</v>
      </c>
      <c r="H266" s="528"/>
      <c r="I266" s="528"/>
      <c r="J266" s="528"/>
      <c r="K266" s="527"/>
    </row>
    <row r="267" spans="1:11" ht="13.7" customHeight="1">
      <c r="A267" s="745"/>
      <c r="B267" s="740"/>
      <c r="C267" s="526"/>
      <c r="D267" s="525"/>
      <c r="E267" s="524"/>
      <c r="F267" s="523" t="s">
        <v>651</v>
      </c>
      <c r="G267" s="518" t="s">
        <v>651</v>
      </c>
      <c r="H267" s="517"/>
      <c r="I267" s="517"/>
      <c r="J267" s="517"/>
      <c r="K267" s="516"/>
    </row>
    <row r="268" spans="1:11" ht="13.7" customHeight="1">
      <c r="A268" s="739" t="s">
        <v>1019</v>
      </c>
      <c r="B268" s="740"/>
      <c r="C268" s="522" t="s">
        <v>194</v>
      </c>
      <c r="D268" s="521">
        <v>208</v>
      </c>
      <c r="E268" s="520"/>
      <c r="F268" s="519"/>
      <c r="G268" s="518" t="s">
        <v>651</v>
      </c>
      <c r="H268" s="517"/>
      <c r="I268" s="517"/>
      <c r="J268" s="517"/>
      <c r="K268" s="516"/>
    </row>
    <row r="269" spans="1:11" ht="13.7" customHeight="1">
      <c r="A269" s="741"/>
      <c r="B269" s="742"/>
      <c r="C269" s="515"/>
      <c r="D269" s="514"/>
      <c r="E269" s="513"/>
      <c r="F269" s="512"/>
      <c r="G269" s="511" t="s">
        <v>651</v>
      </c>
      <c r="H269" s="510"/>
      <c r="I269" s="510"/>
      <c r="J269" s="510"/>
      <c r="K269" s="509"/>
    </row>
    <row r="270" spans="1:11" ht="13.7" customHeight="1">
      <c r="A270" s="743" t="s">
        <v>1560</v>
      </c>
      <c r="B270" s="744"/>
      <c r="C270" s="533"/>
      <c r="D270" s="532"/>
      <c r="E270" s="531"/>
      <c r="F270" s="530"/>
      <c r="G270" s="529" t="s">
        <v>1573</v>
      </c>
      <c r="H270" s="528"/>
      <c r="I270" s="528"/>
      <c r="J270" s="528"/>
      <c r="K270" s="527"/>
    </row>
    <row r="271" spans="1:11" ht="13.7" customHeight="1">
      <c r="A271" s="745"/>
      <c r="B271" s="740"/>
      <c r="C271" s="526"/>
      <c r="D271" s="525"/>
      <c r="E271" s="524"/>
      <c r="F271" s="523" t="s">
        <v>651</v>
      </c>
      <c r="G271" s="518" t="s">
        <v>651</v>
      </c>
      <c r="H271" s="517"/>
      <c r="I271" s="517"/>
      <c r="J271" s="517"/>
      <c r="K271" s="516"/>
    </row>
    <row r="272" spans="1:11" ht="13.7" customHeight="1">
      <c r="A272" s="739" t="s">
        <v>1572</v>
      </c>
      <c r="B272" s="740"/>
      <c r="C272" s="522" t="s">
        <v>193</v>
      </c>
      <c r="D272" s="521">
        <v>10</v>
      </c>
      <c r="E272" s="520"/>
      <c r="F272" s="519"/>
      <c r="G272" s="518" t="s">
        <v>651</v>
      </c>
      <c r="H272" s="517"/>
      <c r="I272" s="517"/>
      <c r="J272" s="517"/>
      <c r="K272" s="516"/>
    </row>
    <row r="273" spans="1:11" ht="13.7" customHeight="1">
      <c r="A273" s="741"/>
      <c r="B273" s="742"/>
      <c r="C273" s="515"/>
      <c r="D273" s="514"/>
      <c r="E273" s="513"/>
      <c r="F273" s="512"/>
      <c r="G273" s="511" t="s">
        <v>651</v>
      </c>
      <c r="H273" s="510"/>
      <c r="I273" s="510"/>
      <c r="J273" s="510"/>
      <c r="K273" s="509"/>
    </row>
    <row r="274" spans="1:11" ht="13.7" customHeight="1">
      <c r="A274" s="743" t="s">
        <v>981</v>
      </c>
      <c r="B274" s="744"/>
      <c r="C274" s="533"/>
      <c r="D274" s="532"/>
      <c r="E274" s="531"/>
      <c r="F274" s="530"/>
      <c r="G274" s="529" t="s">
        <v>1003</v>
      </c>
      <c r="H274" s="528"/>
      <c r="I274" s="528"/>
      <c r="J274" s="528"/>
      <c r="K274" s="527"/>
    </row>
    <row r="275" spans="1:11" ht="13.7" customHeight="1">
      <c r="A275" s="745"/>
      <c r="B275" s="740"/>
      <c r="C275" s="526"/>
      <c r="D275" s="525"/>
      <c r="E275" s="524"/>
      <c r="F275" s="523" t="s">
        <v>651</v>
      </c>
      <c r="G275" s="518" t="s">
        <v>651</v>
      </c>
      <c r="H275" s="517"/>
      <c r="I275" s="517"/>
      <c r="J275" s="517"/>
      <c r="K275" s="516"/>
    </row>
    <row r="276" spans="1:11" ht="13.7" customHeight="1">
      <c r="A276" s="739" t="s">
        <v>1691</v>
      </c>
      <c r="B276" s="740"/>
      <c r="C276" s="522" t="s">
        <v>193</v>
      </c>
      <c r="D276" s="521">
        <v>10</v>
      </c>
      <c r="E276" s="520"/>
      <c r="F276" s="519"/>
      <c r="G276" s="518" t="s">
        <v>651</v>
      </c>
      <c r="H276" s="517"/>
      <c r="I276" s="517"/>
      <c r="J276" s="517"/>
      <c r="K276" s="516"/>
    </row>
    <row r="277" spans="1:11" ht="13.7" customHeight="1">
      <c r="A277" s="741"/>
      <c r="B277" s="742"/>
      <c r="C277" s="515"/>
      <c r="D277" s="514"/>
      <c r="E277" s="513"/>
      <c r="F277" s="512"/>
      <c r="G277" s="511" t="s">
        <v>651</v>
      </c>
      <c r="H277" s="510"/>
      <c r="I277" s="510"/>
      <c r="J277" s="510"/>
      <c r="K277" s="509"/>
    </row>
    <row r="278" spans="1:11" ht="13.7" customHeight="1">
      <c r="A278" s="743" t="s">
        <v>985</v>
      </c>
      <c r="B278" s="744"/>
      <c r="C278" s="533"/>
      <c r="D278" s="532"/>
      <c r="E278" s="531"/>
      <c r="F278" s="530"/>
      <c r="G278" s="529" t="s">
        <v>1571</v>
      </c>
      <c r="H278" s="528"/>
      <c r="I278" s="528"/>
      <c r="J278" s="528"/>
      <c r="K278" s="527"/>
    </row>
    <row r="279" spans="1:11" ht="13.7" customHeight="1">
      <c r="A279" s="745"/>
      <c r="B279" s="740"/>
      <c r="C279" s="526"/>
      <c r="D279" s="525"/>
      <c r="E279" s="524"/>
      <c r="F279" s="523" t="s">
        <v>651</v>
      </c>
      <c r="G279" s="518" t="s">
        <v>651</v>
      </c>
      <c r="H279" s="517"/>
      <c r="I279" s="517"/>
      <c r="J279" s="517"/>
      <c r="K279" s="516"/>
    </row>
    <row r="280" spans="1:11" ht="13.7" customHeight="1">
      <c r="A280" s="739" t="s">
        <v>1570</v>
      </c>
      <c r="B280" s="740"/>
      <c r="C280" s="522" t="s">
        <v>193</v>
      </c>
      <c r="D280" s="521">
        <v>0.4</v>
      </c>
      <c r="E280" s="520"/>
      <c r="F280" s="519"/>
      <c r="G280" s="518" t="s">
        <v>651</v>
      </c>
      <c r="H280" s="517"/>
      <c r="I280" s="517"/>
      <c r="J280" s="517"/>
      <c r="K280" s="516"/>
    </row>
    <row r="281" spans="1:11" ht="13.7" customHeight="1">
      <c r="A281" s="741"/>
      <c r="B281" s="742"/>
      <c r="C281" s="515"/>
      <c r="D281" s="514"/>
      <c r="E281" s="513"/>
      <c r="F281" s="512"/>
      <c r="G281" s="511" t="s">
        <v>651</v>
      </c>
      <c r="H281" s="510"/>
      <c r="I281" s="510"/>
      <c r="J281" s="510"/>
      <c r="K281" s="509"/>
    </row>
    <row r="282" spans="1:11" ht="13.7" customHeight="1">
      <c r="A282" s="743" t="s">
        <v>1560</v>
      </c>
      <c r="B282" s="744"/>
      <c r="C282" s="533"/>
      <c r="D282" s="532"/>
      <c r="E282" s="531"/>
      <c r="F282" s="530"/>
      <c r="G282" s="529" t="s">
        <v>1559</v>
      </c>
      <c r="H282" s="528"/>
      <c r="I282" s="528"/>
      <c r="J282" s="528"/>
      <c r="K282" s="527"/>
    </row>
    <row r="283" spans="1:11" ht="13.7" customHeight="1">
      <c r="A283" s="745"/>
      <c r="B283" s="740"/>
      <c r="C283" s="526"/>
      <c r="D283" s="525"/>
      <c r="E283" s="524"/>
      <c r="F283" s="523" t="s">
        <v>651</v>
      </c>
      <c r="G283" s="518" t="s">
        <v>651</v>
      </c>
      <c r="H283" s="517"/>
      <c r="I283" s="517"/>
      <c r="J283" s="517"/>
      <c r="K283" s="516"/>
    </row>
    <row r="284" spans="1:11" ht="13.7" customHeight="1">
      <c r="A284" s="739" t="s">
        <v>1558</v>
      </c>
      <c r="B284" s="740"/>
      <c r="C284" s="522" t="s">
        <v>193</v>
      </c>
      <c r="D284" s="521">
        <v>0.4</v>
      </c>
      <c r="E284" s="520"/>
      <c r="F284" s="519"/>
      <c r="G284" s="518" t="s">
        <v>651</v>
      </c>
      <c r="H284" s="517"/>
      <c r="I284" s="517"/>
      <c r="J284" s="517"/>
      <c r="K284" s="516"/>
    </row>
    <row r="285" spans="1:11" ht="13.7" customHeight="1">
      <c r="A285" s="741"/>
      <c r="B285" s="742"/>
      <c r="C285" s="515"/>
      <c r="D285" s="514"/>
      <c r="E285" s="513"/>
      <c r="F285" s="512"/>
      <c r="G285" s="511" t="s">
        <v>651</v>
      </c>
      <c r="H285" s="510"/>
      <c r="I285" s="510"/>
      <c r="J285" s="510"/>
      <c r="K285" s="509"/>
    </row>
    <row r="286" spans="1:11" ht="13.7" customHeight="1">
      <c r="A286" s="743" t="s">
        <v>981</v>
      </c>
      <c r="B286" s="744"/>
      <c r="C286" s="533"/>
      <c r="D286" s="532"/>
      <c r="E286" s="531"/>
      <c r="F286" s="530"/>
      <c r="G286" s="529" t="s">
        <v>1557</v>
      </c>
      <c r="H286" s="528"/>
      <c r="I286" s="528"/>
      <c r="J286" s="528"/>
      <c r="K286" s="527"/>
    </row>
    <row r="287" spans="1:11" ht="13.7" customHeight="1">
      <c r="A287" s="745"/>
      <c r="B287" s="740"/>
      <c r="C287" s="526"/>
      <c r="D287" s="525"/>
      <c r="E287" s="524"/>
      <c r="F287" s="523" t="s">
        <v>651</v>
      </c>
      <c r="G287" s="518" t="s">
        <v>651</v>
      </c>
      <c r="H287" s="517"/>
      <c r="I287" s="517"/>
      <c r="J287" s="517"/>
      <c r="K287" s="516"/>
    </row>
    <row r="288" spans="1:11" ht="13.7" customHeight="1">
      <c r="A288" s="739" t="s">
        <v>1689</v>
      </c>
      <c r="B288" s="740"/>
      <c r="C288" s="522" t="s">
        <v>193</v>
      </c>
      <c r="D288" s="521">
        <v>0.4</v>
      </c>
      <c r="E288" s="520"/>
      <c r="F288" s="519"/>
      <c r="G288" s="518" t="s">
        <v>651</v>
      </c>
      <c r="H288" s="517"/>
      <c r="I288" s="517"/>
      <c r="J288" s="517"/>
      <c r="K288" s="516"/>
    </row>
    <row r="289" spans="1:11" ht="13.7" customHeight="1">
      <c r="A289" s="741"/>
      <c r="B289" s="742"/>
      <c r="C289" s="515"/>
      <c r="D289" s="514"/>
      <c r="E289" s="513"/>
      <c r="F289" s="512"/>
      <c r="G289" s="511" t="s">
        <v>651</v>
      </c>
      <c r="H289" s="510"/>
      <c r="I289" s="510"/>
      <c r="J289" s="510"/>
      <c r="K289" s="509"/>
    </row>
    <row r="290" spans="1:11" ht="13.7" customHeight="1">
      <c r="A290" s="743" t="s">
        <v>978</v>
      </c>
      <c r="B290" s="744"/>
      <c r="C290" s="533"/>
      <c r="D290" s="532"/>
      <c r="E290" s="531"/>
      <c r="F290" s="530"/>
      <c r="G290" s="529" t="s">
        <v>1569</v>
      </c>
      <c r="H290" s="528"/>
      <c r="I290" s="528"/>
      <c r="J290" s="528"/>
      <c r="K290" s="527"/>
    </row>
    <row r="291" spans="1:11" ht="13.7" customHeight="1">
      <c r="A291" s="745"/>
      <c r="B291" s="740"/>
      <c r="C291" s="526"/>
      <c r="D291" s="525"/>
      <c r="E291" s="524"/>
      <c r="F291" s="523" t="s">
        <v>651</v>
      </c>
      <c r="G291" s="518" t="s">
        <v>651</v>
      </c>
      <c r="H291" s="517"/>
      <c r="I291" s="517"/>
      <c r="J291" s="517"/>
      <c r="K291" s="516"/>
    </row>
    <row r="292" spans="1:11" ht="13.7" customHeight="1">
      <c r="A292" s="739" t="s">
        <v>1568</v>
      </c>
      <c r="B292" s="740"/>
      <c r="C292" s="522" t="s">
        <v>240</v>
      </c>
      <c r="D292" s="521">
        <v>8.3000000000000007</v>
      </c>
      <c r="E292" s="520"/>
      <c r="F292" s="519"/>
      <c r="G292" s="518" t="s">
        <v>651</v>
      </c>
      <c r="H292" s="517"/>
      <c r="I292" s="517"/>
      <c r="J292" s="517"/>
      <c r="K292" s="516"/>
    </row>
    <row r="293" spans="1:11" ht="13.7" customHeight="1">
      <c r="A293" s="741"/>
      <c r="B293" s="742"/>
      <c r="C293" s="515"/>
      <c r="D293" s="514"/>
      <c r="E293" s="513"/>
      <c r="F293" s="512"/>
      <c r="G293" s="511" t="s">
        <v>651</v>
      </c>
      <c r="H293" s="510"/>
      <c r="I293" s="510"/>
      <c r="J293" s="510"/>
      <c r="K293" s="509"/>
    </row>
    <row r="294" spans="1:11" ht="13.7" customHeight="1"/>
    <row r="295" spans="1:11" ht="13.7" customHeight="1"/>
    <row r="296" spans="1:11" ht="6.2" customHeight="1"/>
    <row r="297" spans="1:11" ht="14.1" customHeight="1">
      <c r="A297" s="543" t="s">
        <v>1567</v>
      </c>
      <c r="B297" s="540" t="s">
        <v>1566</v>
      </c>
      <c r="C297" s="540"/>
      <c r="D297" s="540"/>
      <c r="E297" s="540"/>
      <c r="F297" s="540"/>
      <c r="G297" s="542" t="s">
        <v>617</v>
      </c>
      <c r="H297" s="541" t="s">
        <v>984</v>
      </c>
      <c r="I297" s="540" t="s">
        <v>1007</v>
      </c>
      <c r="J297" s="540"/>
      <c r="K297" s="539"/>
    </row>
    <row r="298" spans="1:11" ht="24" customHeight="1">
      <c r="A298" s="538" t="s">
        <v>651</v>
      </c>
      <c r="B298" s="537" t="s">
        <v>651</v>
      </c>
      <c r="C298" s="537"/>
      <c r="D298" s="537"/>
      <c r="E298" s="537"/>
      <c r="F298" s="537"/>
      <c r="G298" s="751">
        <v>1</v>
      </c>
      <c r="H298" s="751"/>
      <c r="I298" s="751"/>
      <c r="J298" s="536" t="s">
        <v>242</v>
      </c>
      <c r="K298" s="535" t="s">
        <v>618</v>
      </c>
    </row>
    <row r="299" spans="1:11" ht="17.100000000000001" customHeight="1">
      <c r="A299" s="746" t="s">
        <v>1006</v>
      </c>
      <c r="B299" s="747"/>
      <c r="C299" s="534" t="s">
        <v>309</v>
      </c>
      <c r="D299" s="534" t="s">
        <v>619</v>
      </c>
      <c r="E299" s="534" t="s">
        <v>620</v>
      </c>
      <c r="F299" s="534" t="s">
        <v>659</v>
      </c>
      <c r="G299" s="748" t="s">
        <v>1005</v>
      </c>
      <c r="H299" s="749"/>
      <c r="I299" s="749"/>
      <c r="J299" s="749"/>
      <c r="K299" s="750"/>
    </row>
    <row r="300" spans="1:11" ht="13.7" customHeight="1">
      <c r="A300" s="743" t="s">
        <v>975</v>
      </c>
      <c r="B300" s="744"/>
      <c r="C300" s="533"/>
      <c r="D300" s="532"/>
      <c r="E300" s="531"/>
      <c r="F300" s="530"/>
      <c r="G300" s="529" t="s">
        <v>1565</v>
      </c>
      <c r="H300" s="528"/>
      <c r="I300" s="528"/>
      <c r="J300" s="528"/>
      <c r="K300" s="527"/>
    </row>
    <row r="301" spans="1:11" ht="13.7" customHeight="1">
      <c r="A301" s="745"/>
      <c r="B301" s="740"/>
      <c r="C301" s="526"/>
      <c r="D301" s="525"/>
      <c r="E301" s="524"/>
      <c r="F301" s="523" t="s">
        <v>651</v>
      </c>
      <c r="G301" s="518" t="s">
        <v>651</v>
      </c>
      <c r="H301" s="517"/>
      <c r="I301" s="517"/>
      <c r="J301" s="517"/>
      <c r="K301" s="516"/>
    </row>
    <row r="302" spans="1:11" ht="13.7" customHeight="1">
      <c r="A302" s="739" t="s">
        <v>1564</v>
      </c>
      <c r="B302" s="740"/>
      <c r="C302" s="522" t="s">
        <v>237</v>
      </c>
      <c r="D302" s="521">
        <v>1</v>
      </c>
      <c r="E302" s="520"/>
      <c r="F302" s="519"/>
      <c r="G302" s="518" t="s">
        <v>651</v>
      </c>
      <c r="H302" s="517"/>
      <c r="I302" s="517"/>
      <c r="J302" s="517"/>
      <c r="K302" s="516"/>
    </row>
    <row r="303" spans="1:11" ht="13.7" customHeight="1">
      <c r="A303" s="741"/>
      <c r="B303" s="742"/>
      <c r="C303" s="515"/>
      <c r="D303" s="514"/>
      <c r="E303" s="513"/>
      <c r="F303" s="512"/>
      <c r="G303" s="511" t="s">
        <v>651</v>
      </c>
      <c r="H303" s="510"/>
      <c r="I303" s="510"/>
      <c r="J303" s="510"/>
      <c r="K303" s="509"/>
    </row>
    <row r="304" spans="1:11" ht="13.7" customHeight="1">
      <c r="A304" s="743" t="s">
        <v>1563</v>
      </c>
      <c r="B304" s="744"/>
      <c r="C304" s="533"/>
      <c r="D304" s="532"/>
      <c r="E304" s="531"/>
      <c r="F304" s="530"/>
      <c r="G304" s="529" t="s">
        <v>1562</v>
      </c>
      <c r="H304" s="528"/>
      <c r="I304" s="528"/>
      <c r="J304" s="528"/>
      <c r="K304" s="527"/>
    </row>
    <row r="305" spans="1:11" ht="13.7" customHeight="1">
      <c r="A305" s="745"/>
      <c r="B305" s="740"/>
      <c r="C305" s="526"/>
      <c r="D305" s="525"/>
      <c r="E305" s="524"/>
      <c r="F305" s="523" t="s">
        <v>651</v>
      </c>
      <c r="G305" s="518" t="s">
        <v>651</v>
      </c>
      <c r="H305" s="517"/>
      <c r="I305" s="517"/>
      <c r="J305" s="517"/>
      <c r="K305" s="516"/>
    </row>
    <row r="306" spans="1:11" ht="13.7" customHeight="1">
      <c r="A306" s="739" t="s">
        <v>1561</v>
      </c>
      <c r="B306" s="740"/>
      <c r="C306" s="522" t="s">
        <v>240</v>
      </c>
      <c r="D306" s="521">
        <v>16.2</v>
      </c>
      <c r="E306" s="520"/>
      <c r="F306" s="519"/>
      <c r="G306" s="518" t="s">
        <v>651</v>
      </c>
      <c r="H306" s="517"/>
      <c r="I306" s="517"/>
      <c r="J306" s="517"/>
      <c r="K306" s="516"/>
    </row>
    <row r="307" spans="1:11" ht="13.7" customHeight="1">
      <c r="A307" s="741"/>
      <c r="B307" s="742"/>
      <c r="C307" s="515"/>
      <c r="D307" s="514"/>
      <c r="E307" s="513"/>
      <c r="F307" s="512"/>
      <c r="G307" s="511" t="s">
        <v>651</v>
      </c>
      <c r="H307" s="510"/>
      <c r="I307" s="510"/>
      <c r="J307" s="510"/>
      <c r="K307" s="509"/>
    </row>
    <row r="308" spans="1:11" ht="13.7" customHeight="1">
      <c r="A308" s="743" t="s">
        <v>1560</v>
      </c>
      <c r="B308" s="744"/>
      <c r="C308" s="533"/>
      <c r="D308" s="532"/>
      <c r="E308" s="531"/>
      <c r="F308" s="530"/>
      <c r="G308" s="529" t="s">
        <v>1559</v>
      </c>
      <c r="H308" s="528"/>
      <c r="I308" s="528"/>
      <c r="J308" s="528"/>
      <c r="K308" s="527"/>
    </row>
    <row r="309" spans="1:11" ht="13.7" customHeight="1">
      <c r="A309" s="745"/>
      <c r="B309" s="740"/>
      <c r="C309" s="526"/>
      <c r="D309" s="525"/>
      <c r="E309" s="524"/>
      <c r="F309" s="523" t="s">
        <v>651</v>
      </c>
      <c r="G309" s="518" t="s">
        <v>651</v>
      </c>
      <c r="H309" s="517"/>
      <c r="I309" s="517"/>
      <c r="J309" s="517"/>
      <c r="K309" s="516"/>
    </row>
    <row r="310" spans="1:11" ht="13.7" customHeight="1">
      <c r="A310" s="739" t="s">
        <v>1558</v>
      </c>
      <c r="B310" s="740"/>
      <c r="C310" s="522" t="s">
        <v>193</v>
      </c>
      <c r="D310" s="521">
        <v>0.5</v>
      </c>
      <c r="E310" s="520"/>
      <c r="F310" s="519"/>
      <c r="G310" s="518" t="s">
        <v>651</v>
      </c>
      <c r="H310" s="517"/>
      <c r="I310" s="517"/>
      <c r="J310" s="517"/>
      <c r="K310" s="516"/>
    </row>
    <row r="311" spans="1:11" ht="13.7" customHeight="1">
      <c r="A311" s="741"/>
      <c r="B311" s="742"/>
      <c r="C311" s="515"/>
      <c r="D311" s="514"/>
      <c r="E311" s="513"/>
      <c r="F311" s="512"/>
      <c r="G311" s="511" t="s">
        <v>651</v>
      </c>
      <c r="H311" s="510"/>
      <c r="I311" s="510"/>
      <c r="J311" s="510"/>
      <c r="K311" s="509"/>
    </row>
    <row r="312" spans="1:11" ht="13.7" customHeight="1">
      <c r="A312" s="743" t="s">
        <v>981</v>
      </c>
      <c r="B312" s="744"/>
      <c r="C312" s="533"/>
      <c r="D312" s="532"/>
      <c r="E312" s="531"/>
      <c r="F312" s="530"/>
      <c r="G312" s="529" t="s">
        <v>1557</v>
      </c>
      <c r="H312" s="528"/>
      <c r="I312" s="528"/>
      <c r="J312" s="528"/>
      <c r="K312" s="527"/>
    </row>
    <row r="313" spans="1:11" ht="13.7" customHeight="1">
      <c r="A313" s="745"/>
      <c r="B313" s="740"/>
      <c r="C313" s="526"/>
      <c r="D313" s="525"/>
      <c r="E313" s="524"/>
      <c r="F313" s="523" t="s">
        <v>651</v>
      </c>
      <c r="G313" s="518" t="s">
        <v>651</v>
      </c>
      <c r="H313" s="517"/>
      <c r="I313" s="517"/>
      <c r="J313" s="517"/>
      <c r="K313" s="516"/>
    </row>
    <row r="314" spans="1:11" ht="13.7" customHeight="1">
      <c r="A314" s="739" t="s">
        <v>1689</v>
      </c>
      <c r="B314" s="740"/>
      <c r="C314" s="522" t="s">
        <v>193</v>
      </c>
      <c r="D314" s="521">
        <v>0.5</v>
      </c>
      <c r="E314" s="520"/>
      <c r="F314" s="519"/>
      <c r="G314" s="518" t="s">
        <v>651</v>
      </c>
      <c r="H314" s="517"/>
      <c r="I314" s="517"/>
      <c r="J314" s="517"/>
      <c r="K314" s="516"/>
    </row>
    <row r="315" spans="1:11" ht="13.7" customHeight="1">
      <c r="A315" s="741"/>
      <c r="B315" s="742"/>
      <c r="C315" s="515"/>
      <c r="D315" s="514"/>
      <c r="E315" s="513"/>
      <c r="F315" s="512"/>
      <c r="G315" s="511" t="s">
        <v>651</v>
      </c>
      <c r="H315" s="510"/>
      <c r="I315" s="510"/>
      <c r="J315" s="510"/>
      <c r="K315" s="509"/>
    </row>
    <row r="316" spans="1:11" ht="13.7" customHeight="1">
      <c r="A316" s="743" t="s">
        <v>651</v>
      </c>
      <c r="B316" s="744"/>
      <c r="C316" s="533"/>
      <c r="D316" s="532"/>
      <c r="E316" s="531"/>
      <c r="F316" s="530"/>
      <c r="G316" s="529" t="s">
        <v>651</v>
      </c>
      <c r="H316" s="528"/>
      <c r="I316" s="528"/>
      <c r="J316" s="528"/>
      <c r="K316" s="527"/>
    </row>
    <row r="317" spans="1:11" ht="13.7" customHeight="1">
      <c r="A317" s="745"/>
      <c r="B317" s="740"/>
      <c r="C317" s="526"/>
      <c r="D317" s="525"/>
      <c r="E317" s="524"/>
      <c r="F317" s="523" t="s">
        <v>651</v>
      </c>
      <c r="G317" s="518" t="s">
        <v>651</v>
      </c>
      <c r="H317" s="517"/>
      <c r="I317" s="517"/>
      <c r="J317" s="517"/>
      <c r="K317" s="516"/>
    </row>
    <row r="318" spans="1:11" ht="13.7" customHeight="1">
      <c r="A318" s="739" t="s">
        <v>652</v>
      </c>
      <c r="B318" s="740"/>
      <c r="C318" s="522" t="s">
        <v>242</v>
      </c>
      <c r="D318" s="521">
        <v>1</v>
      </c>
      <c r="E318" s="520"/>
      <c r="F318" s="519"/>
      <c r="G318" s="518" t="s">
        <v>651</v>
      </c>
      <c r="H318" s="517"/>
      <c r="I318" s="517"/>
      <c r="J318" s="517"/>
      <c r="K318" s="516"/>
    </row>
    <row r="319" spans="1:11" ht="13.7" customHeight="1">
      <c r="A319" s="741"/>
      <c r="B319" s="742"/>
      <c r="C319" s="515"/>
      <c r="D319" s="514"/>
      <c r="E319" s="513"/>
      <c r="F319" s="512"/>
      <c r="G319" s="511" t="s">
        <v>651</v>
      </c>
      <c r="H319" s="510"/>
      <c r="I319" s="510"/>
      <c r="J319" s="510"/>
      <c r="K319" s="509"/>
    </row>
    <row r="320" spans="1:11" ht="13.7" customHeight="1">
      <c r="A320" s="743" t="s">
        <v>651</v>
      </c>
      <c r="B320" s="744"/>
      <c r="C320" s="533"/>
      <c r="D320" s="532"/>
      <c r="E320" s="531"/>
      <c r="F320" s="530"/>
      <c r="G320" s="529" t="s">
        <v>651</v>
      </c>
      <c r="H320" s="528"/>
      <c r="I320" s="528"/>
      <c r="J320" s="528"/>
      <c r="K320" s="527"/>
    </row>
    <row r="321" spans="1:11" ht="13.7" customHeight="1">
      <c r="A321" s="745"/>
      <c r="B321" s="740"/>
      <c r="C321" s="526"/>
      <c r="D321" s="525"/>
      <c r="E321" s="524"/>
      <c r="F321" s="523" t="s">
        <v>651</v>
      </c>
      <c r="G321" s="518" t="s">
        <v>651</v>
      </c>
      <c r="H321" s="517"/>
      <c r="I321" s="517"/>
      <c r="J321" s="517"/>
      <c r="K321" s="516"/>
    </row>
    <row r="322" spans="1:11" ht="13.7" customHeight="1">
      <c r="A322" s="739" t="s">
        <v>681</v>
      </c>
      <c r="B322" s="740"/>
      <c r="C322" s="522" t="s">
        <v>242</v>
      </c>
      <c r="D322" s="521">
        <v>1</v>
      </c>
      <c r="E322" s="520" t="s">
        <v>1002</v>
      </c>
      <c r="F322" s="519"/>
      <c r="G322" s="518" t="s">
        <v>651</v>
      </c>
      <c r="H322" s="517"/>
      <c r="I322" s="517"/>
      <c r="J322" s="517"/>
      <c r="K322" s="516"/>
    </row>
    <row r="323" spans="1:11" ht="13.7" customHeight="1">
      <c r="A323" s="741"/>
      <c r="B323" s="742"/>
      <c r="C323" s="515"/>
      <c r="D323" s="514"/>
      <c r="E323" s="513"/>
      <c r="F323" s="512"/>
      <c r="G323" s="511" t="s">
        <v>651</v>
      </c>
      <c r="H323" s="510"/>
      <c r="I323" s="510"/>
      <c r="J323" s="510"/>
      <c r="K323" s="509"/>
    </row>
    <row r="324" spans="1:11" ht="13.7" customHeight="1"/>
    <row r="325" spans="1:11" ht="13.7" customHeight="1"/>
    <row r="326" spans="1:11" ht="13.7" customHeight="1"/>
    <row r="327" spans="1:11" ht="13.7" customHeight="1"/>
    <row r="328" spans="1:11" ht="13.7" customHeight="1"/>
    <row r="329" spans="1:11" ht="13.7" customHeight="1"/>
    <row r="330" spans="1:11" ht="13.7" customHeight="1"/>
    <row r="331" spans="1:11" ht="13.7" customHeight="1"/>
    <row r="332" spans="1:11" ht="13.7" customHeight="1"/>
    <row r="333" spans="1:11" ht="13.7" customHeight="1"/>
    <row r="334" spans="1:11" ht="6.2" customHeight="1"/>
    <row r="335" spans="1:11" ht="14.1" customHeight="1">
      <c r="A335" s="543" t="s">
        <v>1556</v>
      </c>
      <c r="B335" s="540" t="s">
        <v>668</v>
      </c>
      <c r="C335" s="540"/>
      <c r="D335" s="540"/>
      <c r="E335" s="540"/>
      <c r="F335" s="540"/>
      <c r="G335" s="542" t="s">
        <v>617</v>
      </c>
      <c r="H335" s="541" t="s">
        <v>980</v>
      </c>
      <c r="I335" s="540" t="s">
        <v>1007</v>
      </c>
      <c r="J335" s="540"/>
      <c r="K335" s="539"/>
    </row>
    <row r="336" spans="1:11" ht="24" customHeight="1">
      <c r="A336" s="538" t="s">
        <v>651</v>
      </c>
      <c r="B336" s="537" t="s">
        <v>651</v>
      </c>
      <c r="C336" s="537"/>
      <c r="D336" s="537"/>
      <c r="E336" s="537"/>
      <c r="F336" s="537"/>
      <c r="G336" s="751">
        <v>1</v>
      </c>
      <c r="H336" s="751"/>
      <c r="I336" s="751"/>
      <c r="J336" s="536" t="s">
        <v>242</v>
      </c>
      <c r="K336" s="535" t="s">
        <v>618</v>
      </c>
    </row>
    <row r="337" spans="1:11" ht="17.100000000000001" customHeight="1">
      <c r="A337" s="746" t="s">
        <v>1006</v>
      </c>
      <c r="B337" s="747"/>
      <c r="C337" s="534" t="s">
        <v>309</v>
      </c>
      <c r="D337" s="534" t="s">
        <v>619</v>
      </c>
      <c r="E337" s="534" t="s">
        <v>620</v>
      </c>
      <c r="F337" s="534" t="s">
        <v>659</v>
      </c>
      <c r="G337" s="748" t="s">
        <v>1005</v>
      </c>
      <c r="H337" s="749"/>
      <c r="I337" s="749"/>
      <c r="J337" s="749"/>
      <c r="K337" s="750"/>
    </row>
    <row r="338" spans="1:11" ht="13.7" customHeight="1">
      <c r="A338" s="743" t="s">
        <v>1549</v>
      </c>
      <c r="B338" s="744"/>
      <c r="C338" s="533"/>
      <c r="D338" s="532"/>
      <c r="E338" s="531"/>
      <c r="F338" s="530"/>
      <c r="G338" s="529" t="s">
        <v>1555</v>
      </c>
      <c r="H338" s="528"/>
      <c r="I338" s="528"/>
      <c r="J338" s="528"/>
      <c r="K338" s="527"/>
    </row>
    <row r="339" spans="1:11" ht="13.7" customHeight="1">
      <c r="A339" s="745"/>
      <c r="B339" s="740"/>
      <c r="C339" s="526"/>
      <c r="D339" s="525"/>
      <c r="E339" s="524"/>
      <c r="F339" s="523" t="s">
        <v>651</v>
      </c>
      <c r="G339" s="518" t="s">
        <v>651</v>
      </c>
      <c r="H339" s="517"/>
      <c r="I339" s="517"/>
      <c r="J339" s="517"/>
      <c r="K339" s="516"/>
    </row>
    <row r="340" spans="1:11" ht="13.7" customHeight="1">
      <c r="A340" s="739" t="s">
        <v>1548</v>
      </c>
      <c r="B340" s="740"/>
      <c r="C340" s="522" t="s">
        <v>1541</v>
      </c>
      <c r="D340" s="521">
        <v>3</v>
      </c>
      <c r="E340" s="520"/>
      <c r="F340" s="519"/>
      <c r="G340" s="518" t="s">
        <v>651</v>
      </c>
      <c r="H340" s="517"/>
      <c r="I340" s="517"/>
      <c r="J340" s="517"/>
      <c r="K340" s="516"/>
    </row>
    <row r="341" spans="1:11" ht="13.7" customHeight="1">
      <c r="A341" s="741"/>
      <c r="B341" s="742"/>
      <c r="C341" s="515"/>
      <c r="D341" s="514"/>
      <c r="E341" s="513"/>
      <c r="F341" s="512"/>
      <c r="G341" s="511" t="s">
        <v>651</v>
      </c>
      <c r="H341" s="510"/>
      <c r="I341" s="510"/>
      <c r="J341" s="510"/>
      <c r="K341" s="509"/>
    </row>
    <row r="342" spans="1:11" ht="13.7" customHeight="1">
      <c r="A342" s="743" t="s">
        <v>1531</v>
      </c>
      <c r="B342" s="744"/>
      <c r="C342" s="533"/>
      <c r="D342" s="532"/>
      <c r="E342" s="531"/>
      <c r="F342" s="530"/>
      <c r="G342" s="529" t="s">
        <v>1554</v>
      </c>
      <c r="H342" s="528"/>
      <c r="I342" s="528"/>
      <c r="J342" s="528"/>
      <c r="K342" s="527"/>
    </row>
    <row r="343" spans="1:11" ht="13.7" customHeight="1">
      <c r="A343" s="745"/>
      <c r="B343" s="740"/>
      <c r="C343" s="526"/>
      <c r="D343" s="525"/>
      <c r="E343" s="524"/>
      <c r="F343" s="523" t="s">
        <v>651</v>
      </c>
      <c r="G343" s="518" t="s">
        <v>651</v>
      </c>
      <c r="H343" s="517"/>
      <c r="I343" s="517"/>
      <c r="J343" s="517"/>
      <c r="K343" s="516"/>
    </row>
    <row r="344" spans="1:11" ht="13.7" customHeight="1">
      <c r="A344" s="739" t="s">
        <v>651</v>
      </c>
      <c r="B344" s="740"/>
      <c r="C344" s="522" t="s">
        <v>1421</v>
      </c>
      <c r="D344" s="521">
        <v>3</v>
      </c>
      <c r="E344" s="520"/>
      <c r="F344" s="519"/>
      <c r="G344" s="518" t="s">
        <v>651</v>
      </c>
      <c r="H344" s="517"/>
      <c r="I344" s="517"/>
      <c r="J344" s="517"/>
      <c r="K344" s="516"/>
    </row>
    <row r="345" spans="1:11" ht="13.7" customHeight="1">
      <c r="A345" s="741"/>
      <c r="B345" s="742"/>
      <c r="C345" s="515"/>
      <c r="D345" s="514"/>
      <c r="E345" s="513"/>
      <c r="F345" s="512"/>
      <c r="G345" s="511" t="s">
        <v>651</v>
      </c>
      <c r="H345" s="510"/>
      <c r="I345" s="510"/>
      <c r="J345" s="510"/>
      <c r="K345" s="509"/>
    </row>
    <row r="346" spans="1:11" ht="13.7" customHeight="1">
      <c r="A346" s="743" t="s">
        <v>1422</v>
      </c>
      <c r="B346" s="744"/>
      <c r="C346" s="533"/>
      <c r="D346" s="532"/>
      <c r="E346" s="531"/>
      <c r="F346" s="530"/>
      <c r="G346" s="529" t="s">
        <v>1553</v>
      </c>
      <c r="H346" s="528"/>
      <c r="I346" s="528"/>
      <c r="J346" s="528"/>
      <c r="K346" s="527"/>
    </row>
    <row r="347" spans="1:11" ht="13.7" customHeight="1">
      <c r="A347" s="745"/>
      <c r="B347" s="740"/>
      <c r="C347" s="526"/>
      <c r="D347" s="525"/>
      <c r="E347" s="524"/>
      <c r="F347" s="523" t="s">
        <v>651</v>
      </c>
      <c r="G347" s="518" t="s">
        <v>651</v>
      </c>
      <c r="H347" s="517"/>
      <c r="I347" s="517"/>
      <c r="J347" s="517"/>
      <c r="K347" s="516"/>
    </row>
    <row r="348" spans="1:11" ht="13.7" customHeight="1">
      <c r="A348" s="739" t="s">
        <v>651</v>
      </c>
      <c r="B348" s="740"/>
      <c r="C348" s="522" t="s">
        <v>1421</v>
      </c>
      <c r="D348" s="521">
        <v>3</v>
      </c>
      <c r="E348" s="520"/>
      <c r="F348" s="519"/>
      <c r="G348" s="518" t="s">
        <v>651</v>
      </c>
      <c r="H348" s="517"/>
      <c r="I348" s="517"/>
      <c r="J348" s="517"/>
      <c r="K348" s="516"/>
    </row>
    <row r="349" spans="1:11" ht="13.7" customHeight="1">
      <c r="A349" s="741"/>
      <c r="B349" s="742"/>
      <c r="C349" s="515"/>
      <c r="D349" s="514"/>
      <c r="E349" s="513"/>
      <c r="F349" s="512"/>
      <c r="G349" s="511" t="s">
        <v>651</v>
      </c>
      <c r="H349" s="510"/>
      <c r="I349" s="510"/>
      <c r="J349" s="510"/>
      <c r="K349" s="509"/>
    </row>
    <row r="350" spans="1:11" ht="13.7" customHeight="1">
      <c r="A350" s="743" t="s">
        <v>1419</v>
      </c>
      <c r="B350" s="744"/>
      <c r="C350" s="533"/>
      <c r="D350" s="532"/>
      <c r="E350" s="531"/>
      <c r="F350" s="530"/>
      <c r="G350" s="529" t="s">
        <v>1552</v>
      </c>
      <c r="H350" s="528"/>
      <c r="I350" s="528"/>
      <c r="J350" s="528"/>
      <c r="K350" s="527"/>
    </row>
    <row r="351" spans="1:11" ht="13.7" customHeight="1">
      <c r="A351" s="745"/>
      <c r="B351" s="740"/>
      <c r="C351" s="526"/>
      <c r="D351" s="525"/>
      <c r="E351" s="524"/>
      <c r="F351" s="523" t="s">
        <v>651</v>
      </c>
      <c r="G351" s="518" t="s">
        <v>651</v>
      </c>
      <c r="H351" s="517"/>
      <c r="I351" s="517"/>
      <c r="J351" s="517"/>
      <c r="K351" s="516"/>
    </row>
    <row r="352" spans="1:11" ht="13.7" customHeight="1">
      <c r="A352" s="739" t="s">
        <v>651</v>
      </c>
      <c r="B352" s="740"/>
      <c r="C352" s="522" t="s">
        <v>242</v>
      </c>
      <c r="D352" s="521">
        <v>1</v>
      </c>
      <c r="E352" s="520"/>
      <c r="F352" s="519"/>
      <c r="G352" s="518" t="s">
        <v>651</v>
      </c>
      <c r="H352" s="517"/>
      <c r="I352" s="517"/>
      <c r="J352" s="517"/>
      <c r="K352" s="516"/>
    </row>
    <row r="353" spans="1:11" ht="13.7" customHeight="1">
      <c r="A353" s="741"/>
      <c r="B353" s="742"/>
      <c r="C353" s="515"/>
      <c r="D353" s="514"/>
      <c r="E353" s="513"/>
      <c r="F353" s="512"/>
      <c r="G353" s="511" t="s">
        <v>651</v>
      </c>
      <c r="H353" s="510"/>
      <c r="I353" s="510"/>
      <c r="J353" s="510"/>
      <c r="K353" s="509"/>
    </row>
    <row r="354" spans="1:11" ht="13.7" customHeight="1">
      <c r="A354" s="743" t="s">
        <v>1354</v>
      </c>
      <c r="B354" s="744"/>
      <c r="C354" s="533"/>
      <c r="D354" s="532"/>
      <c r="E354" s="531"/>
      <c r="F354" s="530"/>
      <c r="G354" s="529" t="s">
        <v>1551</v>
      </c>
      <c r="H354" s="528"/>
      <c r="I354" s="528"/>
      <c r="J354" s="528"/>
      <c r="K354" s="527"/>
    </row>
    <row r="355" spans="1:11" ht="13.7" customHeight="1">
      <c r="A355" s="745"/>
      <c r="B355" s="740"/>
      <c r="C355" s="526"/>
      <c r="D355" s="525"/>
      <c r="E355" s="524"/>
      <c r="F355" s="523" t="s">
        <v>651</v>
      </c>
      <c r="G355" s="518" t="s">
        <v>651</v>
      </c>
      <c r="H355" s="517"/>
      <c r="I355" s="517"/>
      <c r="J355" s="517"/>
      <c r="K355" s="516"/>
    </row>
    <row r="356" spans="1:11" ht="13.7" customHeight="1">
      <c r="A356" s="739" t="s">
        <v>651</v>
      </c>
      <c r="B356" s="740"/>
      <c r="C356" s="522" t="s">
        <v>242</v>
      </c>
      <c r="D356" s="521">
        <v>1</v>
      </c>
      <c r="E356" s="520"/>
      <c r="F356" s="519"/>
      <c r="G356" s="518" t="s">
        <v>651</v>
      </c>
      <c r="H356" s="517"/>
      <c r="I356" s="517"/>
      <c r="J356" s="517"/>
      <c r="K356" s="516"/>
    </row>
    <row r="357" spans="1:11" ht="13.7" customHeight="1">
      <c r="A357" s="741"/>
      <c r="B357" s="742"/>
      <c r="C357" s="515"/>
      <c r="D357" s="514"/>
      <c r="E357" s="513"/>
      <c r="F357" s="512"/>
      <c r="G357" s="511" t="s">
        <v>651</v>
      </c>
      <c r="H357" s="510"/>
      <c r="I357" s="510"/>
      <c r="J357" s="510"/>
      <c r="K357" s="509"/>
    </row>
    <row r="358" spans="1:11" ht="13.7" customHeight="1">
      <c r="A358" s="743" t="s">
        <v>651</v>
      </c>
      <c r="B358" s="744"/>
      <c r="C358" s="533"/>
      <c r="D358" s="532"/>
      <c r="E358" s="531"/>
      <c r="F358" s="530"/>
      <c r="G358" s="529" t="s">
        <v>651</v>
      </c>
      <c r="H358" s="528"/>
      <c r="I358" s="528"/>
      <c r="J358" s="528"/>
      <c r="K358" s="527"/>
    </row>
    <row r="359" spans="1:11" ht="13.7" customHeight="1">
      <c r="A359" s="745"/>
      <c r="B359" s="740"/>
      <c r="C359" s="526"/>
      <c r="D359" s="525"/>
      <c r="E359" s="524"/>
      <c r="F359" s="523" t="s">
        <v>651</v>
      </c>
      <c r="G359" s="518" t="s">
        <v>651</v>
      </c>
      <c r="H359" s="517"/>
      <c r="I359" s="517"/>
      <c r="J359" s="517"/>
      <c r="K359" s="516"/>
    </row>
    <row r="360" spans="1:11" ht="13.7" customHeight="1">
      <c r="A360" s="739" t="s">
        <v>652</v>
      </c>
      <c r="B360" s="740"/>
      <c r="C360" s="522" t="s">
        <v>242</v>
      </c>
      <c r="D360" s="521">
        <v>1</v>
      </c>
      <c r="E360" s="520"/>
      <c r="F360" s="519"/>
      <c r="G360" s="518" t="s">
        <v>651</v>
      </c>
      <c r="H360" s="517"/>
      <c r="I360" s="517"/>
      <c r="J360" s="517"/>
      <c r="K360" s="516"/>
    </row>
    <row r="361" spans="1:11" ht="13.7" customHeight="1">
      <c r="A361" s="741"/>
      <c r="B361" s="742"/>
      <c r="C361" s="515"/>
      <c r="D361" s="514"/>
      <c r="E361" s="513"/>
      <c r="F361" s="512"/>
      <c r="G361" s="511" t="s">
        <v>651</v>
      </c>
      <c r="H361" s="510"/>
      <c r="I361" s="510"/>
      <c r="J361" s="510"/>
      <c r="K361" s="509"/>
    </row>
    <row r="362" spans="1:11" ht="13.7" customHeight="1">
      <c r="A362" s="743" t="s">
        <v>651</v>
      </c>
      <c r="B362" s="744"/>
      <c r="C362" s="533"/>
      <c r="D362" s="532"/>
      <c r="E362" s="531"/>
      <c r="F362" s="530"/>
      <c r="G362" s="529" t="s">
        <v>651</v>
      </c>
      <c r="H362" s="528"/>
      <c r="I362" s="528"/>
      <c r="J362" s="528"/>
      <c r="K362" s="527"/>
    </row>
    <row r="363" spans="1:11" ht="13.7" customHeight="1">
      <c r="A363" s="745"/>
      <c r="B363" s="740"/>
      <c r="C363" s="526"/>
      <c r="D363" s="525"/>
      <c r="E363" s="524"/>
      <c r="F363" s="523" t="s">
        <v>651</v>
      </c>
      <c r="G363" s="518" t="s">
        <v>651</v>
      </c>
      <c r="H363" s="517"/>
      <c r="I363" s="517"/>
      <c r="J363" s="517"/>
      <c r="K363" s="516"/>
    </row>
    <row r="364" spans="1:11" ht="13.7" customHeight="1">
      <c r="A364" s="739" t="s">
        <v>681</v>
      </c>
      <c r="B364" s="740"/>
      <c r="C364" s="522" t="s">
        <v>242</v>
      </c>
      <c r="D364" s="521">
        <v>1</v>
      </c>
      <c r="E364" s="520" t="s">
        <v>1002</v>
      </c>
      <c r="F364" s="519"/>
      <c r="G364" s="518" t="s">
        <v>651</v>
      </c>
      <c r="H364" s="517"/>
      <c r="I364" s="517"/>
      <c r="J364" s="517"/>
      <c r="K364" s="516"/>
    </row>
    <row r="365" spans="1:11" ht="13.7" customHeight="1">
      <c r="A365" s="741"/>
      <c r="B365" s="742"/>
      <c r="C365" s="515"/>
      <c r="D365" s="514"/>
      <c r="E365" s="513"/>
      <c r="F365" s="512"/>
      <c r="G365" s="511" t="s">
        <v>651</v>
      </c>
      <c r="H365" s="510"/>
      <c r="I365" s="510"/>
      <c r="J365" s="510"/>
      <c r="K365" s="509"/>
    </row>
    <row r="366" spans="1:11" ht="13.7" customHeight="1"/>
    <row r="367" spans="1:11" ht="13.7" customHeight="1"/>
    <row r="368" spans="1:11" ht="13.7" customHeight="1"/>
    <row r="369" spans="1:11" ht="13.7" customHeight="1"/>
    <row r="370" spans="1:11" ht="13.7" customHeight="1"/>
    <row r="371" spans="1:11" ht="13.7" customHeight="1"/>
    <row r="372" spans="1:11" ht="6.2" customHeight="1"/>
    <row r="373" spans="1:11" ht="14.1" customHeight="1">
      <c r="A373" s="543" t="s">
        <v>1550</v>
      </c>
      <c r="B373" s="540" t="s">
        <v>1549</v>
      </c>
      <c r="C373" s="540"/>
      <c r="D373" s="540"/>
      <c r="E373" s="540"/>
      <c r="F373" s="540"/>
      <c r="G373" s="542" t="s">
        <v>617</v>
      </c>
      <c r="H373" s="541" t="s">
        <v>977</v>
      </c>
      <c r="I373" s="540" t="s">
        <v>1007</v>
      </c>
      <c r="J373" s="540"/>
      <c r="K373" s="539"/>
    </row>
    <row r="374" spans="1:11" ht="24" customHeight="1">
      <c r="A374" s="538" t="s">
        <v>651</v>
      </c>
      <c r="B374" s="537" t="s">
        <v>1548</v>
      </c>
      <c r="C374" s="537"/>
      <c r="D374" s="537"/>
      <c r="E374" s="537"/>
      <c r="F374" s="537"/>
      <c r="G374" s="751">
        <v>1</v>
      </c>
      <c r="H374" s="751"/>
      <c r="I374" s="751"/>
      <c r="J374" s="536" t="s">
        <v>1541</v>
      </c>
      <c r="K374" s="535" t="s">
        <v>618</v>
      </c>
    </row>
    <row r="375" spans="1:11" ht="17.100000000000001" customHeight="1">
      <c r="A375" s="746" t="s">
        <v>1006</v>
      </c>
      <c r="B375" s="747"/>
      <c r="C375" s="534" t="s">
        <v>309</v>
      </c>
      <c r="D375" s="534" t="s">
        <v>619</v>
      </c>
      <c r="E375" s="534" t="s">
        <v>620</v>
      </c>
      <c r="F375" s="534" t="s">
        <v>659</v>
      </c>
      <c r="G375" s="748" t="s">
        <v>1005</v>
      </c>
      <c r="H375" s="749"/>
      <c r="I375" s="749"/>
      <c r="J375" s="749"/>
      <c r="K375" s="750"/>
    </row>
    <row r="376" spans="1:11" ht="13.7" customHeight="1">
      <c r="A376" s="743" t="s">
        <v>1547</v>
      </c>
      <c r="B376" s="744"/>
      <c r="C376" s="533"/>
      <c r="D376" s="532"/>
      <c r="E376" s="531"/>
      <c r="F376" s="530"/>
      <c r="G376" s="529" t="s">
        <v>651</v>
      </c>
      <c r="H376" s="528"/>
      <c r="I376" s="528"/>
      <c r="J376" s="528"/>
      <c r="K376" s="527"/>
    </row>
    <row r="377" spans="1:11" ht="13.7" customHeight="1">
      <c r="A377" s="745"/>
      <c r="B377" s="740"/>
      <c r="C377" s="526"/>
      <c r="D377" s="525"/>
      <c r="E377" s="524"/>
      <c r="F377" s="523" t="s">
        <v>651</v>
      </c>
      <c r="G377" s="518" t="s">
        <v>651</v>
      </c>
      <c r="H377" s="517"/>
      <c r="I377" s="517"/>
      <c r="J377" s="517"/>
      <c r="K377" s="516"/>
    </row>
    <row r="378" spans="1:11" ht="13.7" customHeight="1">
      <c r="A378" s="739" t="s">
        <v>651</v>
      </c>
      <c r="B378" s="740"/>
      <c r="C378" s="522" t="s">
        <v>240</v>
      </c>
      <c r="D378" s="521">
        <v>3</v>
      </c>
      <c r="E378" s="520"/>
      <c r="F378" s="519"/>
      <c r="G378" s="518" t="s">
        <v>651</v>
      </c>
      <c r="H378" s="517"/>
      <c r="I378" s="517"/>
      <c r="J378" s="517"/>
      <c r="K378" s="516"/>
    </row>
    <row r="379" spans="1:11" ht="13.7" customHeight="1">
      <c r="A379" s="741"/>
      <c r="B379" s="742"/>
      <c r="C379" s="515"/>
      <c r="D379" s="514"/>
      <c r="E379" s="513"/>
      <c r="F379" s="512"/>
      <c r="G379" s="511" t="s">
        <v>651</v>
      </c>
      <c r="H379" s="510"/>
      <c r="I379" s="510"/>
      <c r="J379" s="510"/>
      <c r="K379" s="509"/>
    </row>
    <row r="380" spans="1:11" ht="13.7" customHeight="1">
      <c r="A380" s="743" t="s">
        <v>1546</v>
      </c>
      <c r="B380" s="744"/>
      <c r="C380" s="533"/>
      <c r="D380" s="532"/>
      <c r="E380" s="531"/>
      <c r="F380" s="530"/>
      <c r="G380" s="529" t="s">
        <v>651</v>
      </c>
      <c r="H380" s="528"/>
      <c r="I380" s="528"/>
      <c r="J380" s="528"/>
      <c r="K380" s="527"/>
    </row>
    <row r="381" spans="1:11" ht="13.7" customHeight="1">
      <c r="A381" s="745"/>
      <c r="B381" s="740"/>
      <c r="C381" s="526"/>
      <c r="D381" s="525"/>
      <c r="E381" s="524"/>
      <c r="F381" s="523" t="s">
        <v>651</v>
      </c>
      <c r="G381" s="518" t="s">
        <v>651</v>
      </c>
      <c r="H381" s="517"/>
      <c r="I381" s="517"/>
      <c r="J381" s="517"/>
      <c r="K381" s="516"/>
    </row>
    <row r="382" spans="1:11" ht="13.7" customHeight="1">
      <c r="A382" s="739" t="s">
        <v>651</v>
      </c>
      <c r="B382" s="740"/>
      <c r="C382" s="522" t="s">
        <v>240</v>
      </c>
      <c r="D382" s="521">
        <v>6</v>
      </c>
      <c r="E382" s="520"/>
      <c r="F382" s="519"/>
      <c r="G382" s="518" t="s">
        <v>651</v>
      </c>
      <c r="H382" s="517"/>
      <c r="I382" s="517"/>
      <c r="J382" s="517"/>
      <c r="K382" s="516"/>
    </row>
    <row r="383" spans="1:11" ht="13.7" customHeight="1">
      <c r="A383" s="741"/>
      <c r="B383" s="742"/>
      <c r="C383" s="515"/>
      <c r="D383" s="514"/>
      <c r="E383" s="513"/>
      <c r="F383" s="512"/>
      <c r="G383" s="511" t="s">
        <v>651</v>
      </c>
      <c r="H383" s="510"/>
      <c r="I383" s="510"/>
      <c r="J383" s="510"/>
      <c r="K383" s="509"/>
    </row>
    <row r="384" spans="1:11" ht="13.7" customHeight="1">
      <c r="A384" s="743" t="s">
        <v>1545</v>
      </c>
      <c r="B384" s="744"/>
      <c r="C384" s="533"/>
      <c r="D384" s="532"/>
      <c r="E384" s="531"/>
      <c r="F384" s="530"/>
      <c r="G384" s="529" t="s">
        <v>651</v>
      </c>
      <c r="H384" s="528"/>
      <c r="I384" s="528"/>
      <c r="J384" s="528"/>
      <c r="K384" s="527"/>
    </row>
    <row r="385" spans="1:11" ht="13.7" customHeight="1">
      <c r="A385" s="745"/>
      <c r="B385" s="740"/>
      <c r="C385" s="526"/>
      <c r="D385" s="525"/>
      <c r="E385" s="524"/>
      <c r="F385" s="523" t="s">
        <v>651</v>
      </c>
      <c r="G385" s="518" t="s">
        <v>651</v>
      </c>
      <c r="H385" s="517"/>
      <c r="I385" s="517"/>
      <c r="J385" s="517"/>
      <c r="K385" s="516"/>
    </row>
    <row r="386" spans="1:11" ht="13.7" customHeight="1">
      <c r="A386" s="739" t="s">
        <v>651</v>
      </c>
      <c r="B386" s="740"/>
      <c r="C386" s="522" t="s">
        <v>240</v>
      </c>
      <c r="D386" s="521">
        <v>6</v>
      </c>
      <c r="E386" s="520"/>
      <c r="F386" s="519"/>
      <c r="G386" s="518" t="s">
        <v>651</v>
      </c>
      <c r="H386" s="517"/>
      <c r="I386" s="517"/>
      <c r="J386" s="517"/>
      <c r="K386" s="516"/>
    </row>
    <row r="387" spans="1:11" ht="13.7" customHeight="1">
      <c r="A387" s="741"/>
      <c r="B387" s="742"/>
      <c r="C387" s="515"/>
      <c r="D387" s="514"/>
      <c r="E387" s="513"/>
      <c r="F387" s="512"/>
      <c r="G387" s="511" t="s">
        <v>651</v>
      </c>
      <c r="H387" s="510"/>
      <c r="I387" s="510"/>
      <c r="J387" s="510"/>
      <c r="K387" s="509"/>
    </row>
    <row r="388" spans="1:11" ht="13.7" customHeight="1">
      <c r="A388" s="743" t="s">
        <v>1544</v>
      </c>
      <c r="B388" s="744"/>
      <c r="C388" s="533"/>
      <c r="D388" s="532"/>
      <c r="E388" s="531"/>
      <c r="F388" s="530"/>
      <c r="G388" s="529" t="s">
        <v>651</v>
      </c>
      <c r="H388" s="528"/>
      <c r="I388" s="528"/>
      <c r="J388" s="528"/>
      <c r="K388" s="527"/>
    </row>
    <row r="389" spans="1:11" ht="13.7" customHeight="1">
      <c r="A389" s="745"/>
      <c r="B389" s="740"/>
      <c r="C389" s="526"/>
      <c r="D389" s="525"/>
      <c r="E389" s="524"/>
      <c r="F389" s="523" t="s">
        <v>651</v>
      </c>
      <c r="G389" s="518" t="s">
        <v>651</v>
      </c>
      <c r="H389" s="517"/>
      <c r="I389" s="517"/>
      <c r="J389" s="517"/>
      <c r="K389" s="516"/>
    </row>
    <row r="390" spans="1:11" ht="13.7" customHeight="1">
      <c r="A390" s="739" t="s">
        <v>651</v>
      </c>
      <c r="B390" s="740"/>
      <c r="C390" s="522" t="s">
        <v>240</v>
      </c>
      <c r="D390" s="521">
        <v>8</v>
      </c>
      <c r="E390" s="520"/>
      <c r="F390" s="519"/>
      <c r="G390" s="518" t="s">
        <v>651</v>
      </c>
      <c r="H390" s="517"/>
      <c r="I390" s="517"/>
      <c r="J390" s="517"/>
      <c r="K390" s="516"/>
    </row>
    <row r="391" spans="1:11" ht="13.7" customHeight="1">
      <c r="A391" s="741"/>
      <c r="B391" s="742"/>
      <c r="C391" s="515"/>
      <c r="D391" s="514"/>
      <c r="E391" s="513"/>
      <c r="F391" s="512"/>
      <c r="G391" s="511" t="s">
        <v>651</v>
      </c>
      <c r="H391" s="510"/>
      <c r="I391" s="510"/>
      <c r="J391" s="510"/>
      <c r="K391" s="509"/>
    </row>
    <row r="392" spans="1:11" ht="13.7" customHeight="1">
      <c r="A392" s="743" t="s">
        <v>1543</v>
      </c>
      <c r="B392" s="744"/>
      <c r="C392" s="533"/>
      <c r="D392" s="532"/>
      <c r="E392" s="531"/>
      <c r="F392" s="530"/>
      <c r="G392" s="529" t="s">
        <v>651</v>
      </c>
      <c r="H392" s="528"/>
      <c r="I392" s="528"/>
      <c r="J392" s="528"/>
      <c r="K392" s="527"/>
    </row>
    <row r="393" spans="1:11" ht="13.7" customHeight="1">
      <c r="A393" s="745"/>
      <c r="B393" s="740"/>
      <c r="C393" s="526"/>
      <c r="D393" s="525"/>
      <c r="E393" s="524"/>
      <c r="F393" s="523" t="s">
        <v>651</v>
      </c>
      <c r="G393" s="518" t="s">
        <v>651</v>
      </c>
      <c r="H393" s="517"/>
      <c r="I393" s="517"/>
      <c r="J393" s="517"/>
      <c r="K393" s="516"/>
    </row>
    <row r="394" spans="1:11" ht="13.7" customHeight="1">
      <c r="A394" s="739" t="s">
        <v>651</v>
      </c>
      <c r="B394" s="740"/>
      <c r="C394" s="522" t="s">
        <v>242</v>
      </c>
      <c r="D394" s="521">
        <v>1</v>
      </c>
      <c r="E394" s="520"/>
      <c r="F394" s="519"/>
      <c r="G394" s="518" t="s">
        <v>651</v>
      </c>
      <c r="H394" s="517"/>
      <c r="I394" s="517"/>
      <c r="J394" s="517"/>
      <c r="K394" s="516"/>
    </row>
    <row r="395" spans="1:11" ht="13.7" customHeight="1">
      <c r="A395" s="741"/>
      <c r="B395" s="742"/>
      <c r="C395" s="515"/>
      <c r="D395" s="514"/>
      <c r="E395" s="513"/>
      <c r="F395" s="512"/>
      <c r="G395" s="511" t="s">
        <v>651</v>
      </c>
      <c r="H395" s="510"/>
      <c r="I395" s="510"/>
      <c r="J395" s="510"/>
      <c r="K395" s="509"/>
    </row>
    <row r="396" spans="1:11" ht="13.7" customHeight="1">
      <c r="A396" s="743" t="s">
        <v>1542</v>
      </c>
      <c r="B396" s="744"/>
      <c r="C396" s="533"/>
      <c r="D396" s="532"/>
      <c r="E396" s="531"/>
      <c r="F396" s="530"/>
      <c r="G396" s="529" t="s">
        <v>651</v>
      </c>
      <c r="H396" s="528"/>
      <c r="I396" s="528"/>
      <c r="J396" s="528"/>
      <c r="K396" s="527"/>
    </row>
    <row r="397" spans="1:11" ht="13.7" customHeight="1">
      <c r="A397" s="745"/>
      <c r="B397" s="740"/>
      <c r="C397" s="526"/>
      <c r="D397" s="525"/>
      <c r="E397" s="524"/>
      <c r="F397" s="523" t="s">
        <v>651</v>
      </c>
      <c r="G397" s="518" t="s">
        <v>651</v>
      </c>
      <c r="H397" s="517"/>
      <c r="I397" s="517"/>
      <c r="J397" s="517"/>
      <c r="K397" s="516"/>
    </row>
    <row r="398" spans="1:11" ht="13.7" customHeight="1">
      <c r="A398" s="739" t="s">
        <v>651</v>
      </c>
      <c r="B398" s="740"/>
      <c r="C398" s="522" t="s">
        <v>242</v>
      </c>
      <c r="D398" s="521">
        <v>1</v>
      </c>
      <c r="E398" s="520"/>
      <c r="F398" s="519"/>
      <c r="G398" s="518" t="s">
        <v>651</v>
      </c>
      <c r="H398" s="517"/>
      <c r="I398" s="517"/>
      <c r="J398" s="517"/>
      <c r="K398" s="516"/>
    </row>
    <row r="399" spans="1:11" ht="13.7" customHeight="1">
      <c r="A399" s="741"/>
      <c r="B399" s="742"/>
      <c r="C399" s="515"/>
      <c r="D399" s="514"/>
      <c r="E399" s="513"/>
      <c r="F399" s="512"/>
      <c r="G399" s="511" t="s">
        <v>651</v>
      </c>
      <c r="H399" s="510"/>
      <c r="I399" s="510"/>
      <c r="J399" s="510"/>
      <c r="K399" s="509"/>
    </row>
    <row r="400" spans="1:11" ht="13.7" customHeight="1">
      <c r="A400" s="743" t="s">
        <v>651</v>
      </c>
      <c r="B400" s="744"/>
      <c r="C400" s="533"/>
      <c r="D400" s="532"/>
      <c r="E400" s="531"/>
      <c r="F400" s="530"/>
      <c r="G400" s="529" t="s">
        <v>651</v>
      </c>
      <c r="H400" s="528"/>
      <c r="I400" s="528"/>
      <c r="J400" s="528"/>
      <c r="K400" s="527"/>
    </row>
    <row r="401" spans="1:11" ht="13.7" customHeight="1">
      <c r="A401" s="745"/>
      <c r="B401" s="740"/>
      <c r="C401" s="526"/>
      <c r="D401" s="525"/>
      <c r="E401" s="524"/>
      <c r="F401" s="523" t="s">
        <v>651</v>
      </c>
      <c r="G401" s="518" t="s">
        <v>651</v>
      </c>
      <c r="H401" s="517"/>
      <c r="I401" s="517"/>
      <c r="J401" s="517"/>
      <c r="K401" s="516"/>
    </row>
    <row r="402" spans="1:11" ht="13.7" customHeight="1">
      <c r="A402" s="739" t="s">
        <v>652</v>
      </c>
      <c r="B402" s="740"/>
      <c r="C402" s="522" t="s">
        <v>1541</v>
      </c>
      <c r="D402" s="521">
        <v>1</v>
      </c>
      <c r="E402" s="520"/>
      <c r="F402" s="519"/>
      <c r="G402" s="518" t="s">
        <v>651</v>
      </c>
      <c r="H402" s="517"/>
      <c r="I402" s="517"/>
      <c r="J402" s="517"/>
      <c r="K402" s="516"/>
    </row>
    <row r="403" spans="1:11" ht="13.7" customHeight="1">
      <c r="A403" s="741"/>
      <c r="B403" s="742"/>
      <c r="C403" s="515"/>
      <c r="D403" s="514"/>
      <c r="E403" s="513"/>
      <c r="F403" s="512"/>
      <c r="G403" s="511" t="s">
        <v>651</v>
      </c>
      <c r="H403" s="510"/>
      <c r="I403" s="510"/>
      <c r="J403" s="510"/>
      <c r="K403" s="509"/>
    </row>
    <row r="404" spans="1:11" ht="13.7" customHeight="1">
      <c r="A404" s="743" t="s">
        <v>651</v>
      </c>
      <c r="B404" s="744"/>
      <c r="C404" s="533"/>
      <c r="D404" s="532"/>
      <c r="E404" s="531"/>
      <c r="F404" s="530"/>
      <c r="G404" s="529" t="s">
        <v>651</v>
      </c>
      <c r="H404" s="528"/>
      <c r="I404" s="528"/>
      <c r="J404" s="528"/>
      <c r="K404" s="527"/>
    </row>
    <row r="405" spans="1:11" ht="13.7" customHeight="1">
      <c r="A405" s="745"/>
      <c r="B405" s="740"/>
      <c r="C405" s="526"/>
      <c r="D405" s="525"/>
      <c r="E405" s="524"/>
      <c r="F405" s="523" t="s">
        <v>651</v>
      </c>
      <c r="G405" s="518" t="s">
        <v>651</v>
      </c>
      <c r="H405" s="517"/>
      <c r="I405" s="517"/>
      <c r="J405" s="517"/>
      <c r="K405" s="516"/>
    </row>
    <row r="406" spans="1:11" ht="13.7" customHeight="1">
      <c r="A406" s="739" t="s">
        <v>681</v>
      </c>
      <c r="B406" s="740"/>
      <c r="C406" s="522" t="s">
        <v>1541</v>
      </c>
      <c r="D406" s="521">
        <v>1</v>
      </c>
      <c r="E406" s="520" t="s">
        <v>1002</v>
      </c>
      <c r="F406" s="519"/>
      <c r="G406" s="518" t="s">
        <v>651</v>
      </c>
      <c r="H406" s="517"/>
      <c r="I406" s="517"/>
      <c r="J406" s="517"/>
      <c r="K406" s="516"/>
    </row>
    <row r="407" spans="1:11" ht="13.7" customHeight="1">
      <c r="A407" s="741"/>
      <c r="B407" s="742"/>
      <c r="C407" s="515"/>
      <c r="D407" s="514"/>
      <c r="E407" s="513"/>
      <c r="F407" s="512"/>
      <c r="G407" s="511" t="s">
        <v>651</v>
      </c>
      <c r="H407" s="510"/>
      <c r="I407" s="510"/>
      <c r="J407" s="510"/>
      <c r="K407" s="509"/>
    </row>
    <row r="408" spans="1:11" ht="13.7" customHeight="1"/>
    <row r="409" spans="1:11" ht="13.7" customHeight="1"/>
    <row r="410" spans="1:11" ht="6.2" customHeight="1"/>
    <row r="411" spans="1:11" ht="14.1" customHeight="1">
      <c r="A411" s="543" t="s">
        <v>1532</v>
      </c>
      <c r="B411" s="540" t="s">
        <v>1531</v>
      </c>
      <c r="C411" s="540"/>
      <c r="D411" s="540"/>
      <c r="E411" s="540"/>
      <c r="F411" s="540"/>
      <c r="G411" s="542" t="s">
        <v>617</v>
      </c>
      <c r="H411" s="541" t="s">
        <v>974</v>
      </c>
      <c r="I411" s="540" t="s">
        <v>1007</v>
      </c>
      <c r="J411" s="540"/>
      <c r="K411" s="539"/>
    </row>
    <row r="412" spans="1:11" ht="24" customHeight="1">
      <c r="A412" s="538" t="s">
        <v>651</v>
      </c>
      <c r="B412" s="537" t="s">
        <v>651</v>
      </c>
      <c r="C412" s="537"/>
      <c r="D412" s="537"/>
      <c r="E412" s="537"/>
      <c r="F412" s="537"/>
      <c r="G412" s="751">
        <v>1</v>
      </c>
      <c r="H412" s="751"/>
      <c r="I412" s="751"/>
      <c r="J412" s="536" t="s">
        <v>1421</v>
      </c>
      <c r="K412" s="535" t="s">
        <v>618</v>
      </c>
    </row>
    <row r="413" spans="1:11" ht="17.100000000000001" customHeight="1">
      <c r="A413" s="746" t="s">
        <v>1006</v>
      </c>
      <c r="B413" s="747"/>
      <c r="C413" s="534" t="s">
        <v>309</v>
      </c>
      <c r="D413" s="534" t="s">
        <v>619</v>
      </c>
      <c r="E413" s="534" t="s">
        <v>620</v>
      </c>
      <c r="F413" s="534" t="s">
        <v>659</v>
      </c>
      <c r="G413" s="748" t="s">
        <v>1005</v>
      </c>
      <c r="H413" s="749"/>
      <c r="I413" s="749"/>
      <c r="J413" s="749"/>
      <c r="K413" s="750"/>
    </row>
    <row r="414" spans="1:11" ht="13.7" customHeight="1">
      <c r="A414" s="743" t="s">
        <v>1526</v>
      </c>
      <c r="B414" s="744"/>
      <c r="C414" s="533"/>
      <c r="D414" s="532"/>
      <c r="E414" s="531"/>
      <c r="F414" s="530"/>
      <c r="G414" s="529" t="s">
        <v>1540</v>
      </c>
      <c r="H414" s="528"/>
      <c r="I414" s="528"/>
      <c r="J414" s="528"/>
      <c r="K414" s="527"/>
    </row>
    <row r="415" spans="1:11" ht="13.7" customHeight="1">
      <c r="A415" s="745"/>
      <c r="B415" s="740"/>
      <c r="C415" s="526"/>
      <c r="D415" s="525"/>
      <c r="E415" s="524"/>
      <c r="F415" s="523" t="s">
        <v>651</v>
      </c>
      <c r="G415" s="518" t="s">
        <v>651</v>
      </c>
      <c r="H415" s="517"/>
      <c r="I415" s="517"/>
      <c r="J415" s="517"/>
      <c r="K415" s="516"/>
    </row>
    <row r="416" spans="1:11" ht="13.7" customHeight="1">
      <c r="A416" s="739" t="s">
        <v>651</v>
      </c>
      <c r="B416" s="740"/>
      <c r="C416" s="522" t="s">
        <v>242</v>
      </c>
      <c r="D416" s="521">
        <v>1</v>
      </c>
      <c r="E416" s="520"/>
      <c r="F416" s="519"/>
      <c r="G416" s="518" t="s">
        <v>651</v>
      </c>
      <c r="H416" s="517"/>
      <c r="I416" s="517"/>
      <c r="J416" s="517"/>
      <c r="K416" s="516"/>
    </row>
    <row r="417" spans="1:11" ht="13.7" customHeight="1">
      <c r="A417" s="741"/>
      <c r="B417" s="742"/>
      <c r="C417" s="515"/>
      <c r="D417" s="514"/>
      <c r="E417" s="513"/>
      <c r="F417" s="512"/>
      <c r="G417" s="511" t="s">
        <v>651</v>
      </c>
      <c r="H417" s="510"/>
      <c r="I417" s="510"/>
      <c r="J417" s="510"/>
      <c r="K417" s="509"/>
    </row>
    <row r="418" spans="1:11" ht="13.7" customHeight="1">
      <c r="A418" s="743" t="s">
        <v>1524</v>
      </c>
      <c r="B418" s="744"/>
      <c r="C418" s="533"/>
      <c r="D418" s="532"/>
      <c r="E418" s="531"/>
      <c r="F418" s="530"/>
      <c r="G418" s="529" t="s">
        <v>1539</v>
      </c>
      <c r="H418" s="528"/>
      <c r="I418" s="528"/>
      <c r="J418" s="528"/>
      <c r="K418" s="527"/>
    </row>
    <row r="419" spans="1:11" ht="13.7" customHeight="1">
      <c r="A419" s="745"/>
      <c r="B419" s="740"/>
      <c r="C419" s="526"/>
      <c r="D419" s="525"/>
      <c r="E419" s="524"/>
      <c r="F419" s="523" t="s">
        <v>651</v>
      </c>
      <c r="G419" s="518" t="s">
        <v>651</v>
      </c>
      <c r="H419" s="517"/>
      <c r="I419" s="517"/>
      <c r="J419" s="517"/>
      <c r="K419" s="516"/>
    </row>
    <row r="420" spans="1:11" ht="13.7" customHeight="1">
      <c r="A420" s="739" t="s">
        <v>651</v>
      </c>
      <c r="B420" s="740"/>
      <c r="C420" s="522" t="s">
        <v>242</v>
      </c>
      <c r="D420" s="521">
        <v>1</v>
      </c>
      <c r="E420" s="520"/>
      <c r="F420" s="519"/>
      <c r="G420" s="518" t="s">
        <v>651</v>
      </c>
      <c r="H420" s="517"/>
      <c r="I420" s="517"/>
      <c r="J420" s="517"/>
      <c r="K420" s="516"/>
    </row>
    <row r="421" spans="1:11" ht="13.7" customHeight="1">
      <c r="A421" s="741"/>
      <c r="B421" s="742"/>
      <c r="C421" s="515"/>
      <c r="D421" s="514"/>
      <c r="E421" s="513"/>
      <c r="F421" s="512"/>
      <c r="G421" s="511" t="s">
        <v>651</v>
      </c>
      <c r="H421" s="510"/>
      <c r="I421" s="510"/>
      <c r="J421" s="510"/>
      <c r="K421" s="509"/>
    </row>
    <row r="422" spans="1:11" ht="13.7" customHeight="1">
      <c r="A422" s="743" t="s">
        <v>1514</v>
      </c>
      <c r="B422" s="744"/>
      <c r="C422" s="533"/>
      <c r="D422" s="532"/>
      <c r="E422" s="531"/>
      <c r="F422" s="530"/>
      <c r="G422" s="529" t="s">
        <v>1538</v>
      </c>
      <c r="H422" s="528"/>
      <c r="I422" s="528"/>
      <c r="J422" s="528"/>
      <c r="K422" s="527"/>
    </row>
    <row r="423" spans="1:11" ht="13.7" customHeight="1">
      <c r="A423" s="745"/>
      <c r="B423" s="740"/>
      <c r="C423" s="526"/>
      <c r="D423" s="525"/>
      <c r="E423" s="524"/>
      <c r="F423" s="523" t="s">
        <v>651</v>
      </c>
      <c r="G423" s="518" t="s">
        <v>651</v>
      </c>
      <c r="H423" s="517"/>
      <c r="I423" s="517"/>
      <c r="J423" s="517"/>
      <c r="K423" s="516"/>
    </row>
    <row r="424" spans="1:11" ht="13.7" customHeight="1">
      <c r="A424" s="739" t="s">
        <v>651</v>
      </c>
      <c r="B424" s="740"/>
      <c r="C424" s="522" t="s">
        <v>242</v>
      </c>
      <c r="D424" s="521">
        <v>1</v>
      </c>
      <c r="E424" s="520"/>
      <c r="F424" s="519"/>
      <c r="G424" s="518" t="s">
        <v>651</v>
      </c>
      <c r="H424" s="517"/>
      <c r="I424" s="517"/>
      <c r="J424" s="517"/>
      <c r="K424" s="516"/>
    </row>
    <row r="425" spans="1:11" ht="13.7" customHeight="1">
      <c r="A425" s="741"/>
      <c r="B425" s="742"/>
      <c r="C425" s="515"/>
      <c r="D425" s="514"/>
      <c r="E425" s="513"/>
      <c r="F425" s="512"/>
      <c r="G425" s="511" t="s">
        <v>651</v>
      </c>
      <c r="H425" s="510"/>
      <c r="I425" s="510"/>
      <c r="J425" s="510"/>
      <c r="K425" s="509"/>
    </row>
    <row r="426" spans="1:11" ht="13.7" customHeight="1">
      <c r="A426" s="743" t="s">
        <v>1491</v>
      </c>
      <c r="B426" s="744"/>
      <c r="C426" s="533"/>
      <c r="D426" s="532"/>
      <c r="E426" s="531"/>
      <c r="F426" s="530"/>
      <c r="G426" s="529" t="s">
        <v>1537</v>
      </c>
      <c r="H426" s="528"/>
      <c r="I426" s="528"/>
      <c r="J426" s="528"/>
      <c r="K426" s="527"/>
    </row>
    <row r="427" spans="1:11" ht="13.7" customHeight="1">
      <c r="A427" s="745"/>
      <c r="B427" s="740"/>
      <c r="C427" s="526"/>
      <c r="D427" s="525"/>
      <c r="E427" s="524"/>
      <c r="F427" s="523" t="s">
        <v>651</v>
      </c>
      <c r="G427" s="518" t="s">
        <v>651</v>
      </c>
      <c r="H427" s="517"/>
      <c r="I427" s="517"/>
      <c r="J427" s="517"/>
      <c r="K427" s="516"/>
    </row>
    <row r="428" spans="1:11" ht="13.7" customHeight="1">
      <c r="A428" s="739" t="s">
        <v>651</v>
      </c>
      <c r="B428" s="740"/>
      <c r="C428" s="522" t="s">
        <v>242</v>
      </c>
      <c r="D428" s="521">
        <v>1</v>
      </c>
      <c r="E428" s="520"/>
      <c r="F428" s="519"/>
      <c r="G428" s="518" t="s">
        <v>651</v>
      </c>
      <c r="H428" s="517"/>
      <c r="I428" s="517"/>
      <c r="J428" s="517"/>
      <c r="K428" s="516"/>
    </row>
    <row r="429" spans="1:11" ht="13.7" customHeight="1">
      <c r="A429" s="741"/>
      <c r="B429" s="742"/>
      <c r="C429" s="515"/>
      <c r="D429" s="514"/>
      <c r="E429" s="513"/>
      <c r="F429" s="512"/>
      <c r="G429" s="511" t="s">
        <v>651</v>
      </c>
      <c r="H429" s="510"/>
      <c r="I429" s="510"/>
      <c r="J429" s="510"/>
      <c r="K429" s="509"/>
    </row>
    <row r="430" spans="1:11" ht="13.7" customHeight="1">
      <c r="A430" s="743" t="s">
        <v>1489</v>
      </c>
      <c r="B430" s="744"/>
      <c r="C430" s="533"/>
      <c r="D430" s="532"/>
      <c r="E430" s="531"/>
      <c r="F430" s="530"/>
      <c r="G430" s="529" t="s">
        <v>1536</v>
      </c>
      <c r="H430" s="528"/>
      <c r="I430" s="528"/>
      <c r="J430" s="528"/>
      <c r="K430" s="527"/>
    </row>
    <row r="431" spans="1:11" ht="13.7" customHeight="1">
      <c r="A431" s="745"/>
      <c r="B431" s="740"/>
      <c r="C431" s="526"/>
      <c r="D431" s="525"/>
      <c r="E431" s="524"/>
      <c r="F431" s="523" t="s">
        <v>651</v>
      </c>
      <c r="G431" s="518" t="s">
        <v>651</v>
      </c>
      <c r="H431" s="517"/>
      <c r="I431" s="517"/>
      <c r="J431" s="517"/>
      <c r="K431" s="516"/>
    </row>
    <row r="432" spans="1:11" ht="13.7" customHeight="1">
      <c r="A432" s="739" t="s">
        <v>651</v>
      </c>
      <c r="B432" s="740"/>
      <c r="C432" s="522" t="s">
        <v>242</v>
      </c>
      <c r="D432" s="521">
        <v>1</v>
      </c>
      <c r="E432" s="520"/>
      <c r="F432" s="519"/>
      <c r="G432" s="518" t="s">
        <v>651</v>
      </c>
      <c r="H432" s="517"/>
      <c r="I432" s="517"/>
      <c r="J432" s="517"/>
      <c r="K432" s="516"/>
    </row>
    <row r="433" spans="1:11" ht="13.7" customHeight="1">
      <c r="A433" s="741"/>
      <c r="B433" s="742"/>
      <c r="C433" s="515"/>
      <c r="D433" s="514"/>
      <c r="E433" s="513"/>
      <c r="F433" s="512"/>
      <c r="G433" s="511" t="s">
        <v>651</v>
      </c>
      <c r="H433" s="510"/>
      <c r="I433" s="510"/>
      <c r="J433" s="510"/>
      <c r="K433" s="509"/>
    </row>
    <row r="434" spans="1:11" ht="13.7" customHeight="1">
      <c r="A434" s="743" t="s">
        <v>1486</v>
      </c>
      <c r="B434" s="744"/>
      <c r="C434" s="533"/>
      <c r="D434" s="532"/>
      <c r="E434" s="531"/>
      <c r="F434" s="530"/>
      <c r="G434" s="529" t="s">
        <v>1535</v>
      </c>
      <c r="H434" s="528"/>
      <c r="I434" s="528"/>
      <c r="J434" s="528"/>
      <c r="K434" s="527"/>
    </row>
    <row r="435" spans="1:11" ht="13.7" customHeight="1">
      <c r="A435" s="745"/>
      <c r="B435" s="740"/>
      <c r="C435" s="526"/>
      <c r="D435" s="525"/>
      <c r="E435" s="524"/>
      <c r="F435" s="523" t="s">
        <v>651</v>
      </c>
      <c r="G435" s="518" t="s">
        <v>651</v>
      </c>
      <c r="H435" s="517"/>
      <c r="I435" s="517"/>
      <c r="J435" s="517"/>
      <c r="K435" s="516"/>
    </row>
    <row r="436" spans="1:11" ht="13.7" customHeight="1">
      <c r="A436" s="739" t="s">
        <v>651</v>
      </c>
      <c r="B436" s="740"/>
      <c r="C436" s="522" t="s">
        <v>242</v>
      </c>
      <c r="D436" s="521">
        <v>1</v>
      </c>
      <c r="E436" s="520"/>
      <c r="F436" s="519"/>
      <c r="G436" s="518" t="s">
        <v>651</v>
      </c>
      <c r="H436" s="517"/>
      <c r="I436" s="517"/>
      <c r="J436" s="517"/>
      <c r="K436" s="516"/>
    </row>
    <row r="437" spans="1:11" ht="13.7" customHeight="1">
      <c r="A437" s="741"/>
      <c r="B437" s="742"/>
      <c r="C437" s="515"/>
      <c r="D437" s="514"/>
      <c r="E437" s="513"/>
      <c r="F437" s="512"/>
      <c r="G437" s="511" t="s">
        <v>651</v>
      </c>
      <c r="H437" s="510"/>
      <c r="I437" s="510"/>
      <c r="J437" s="510"/>
      <c r="K437" s="509"/>
    </row>
    <row r="438" spans="1:11" ht="13.7" customHeight="1">
      <c r="A438" s="743" t="s">
        <v>1484</v>
      </c>
      <c r="B438" s="744"/>
      <c r="C438" s="533"/>
      <c r="D438" s="532"/>
      <c r="E438" s="531"/>
      <c r="F438" s="530"/>
      <c r="G438" s="529" t="s">
        <v>1534</v>
      </c>
      <c r="H438" s="528"/>
      <c r="I438" s="528"/>
      <c r="J438" s="528"/>
      <c r="K438" s="527"/>
    </row>
    <row r="439" spans="1:11" ht="13.7" customHeight="1">
      <c r="A439" s="745"/>
      <c r="B439" s="740"/>
      <c r="C439" s="526"/>
      <c r="D439" s="525"/>
      <c r="E439" s="524"/>
      <c r="F439" s="523" t="s">
        <v>651</v>
      </c>
      <c r="G439" s="518" t="s">
        <v>651</v>
      </c>
      <c r="H439" s="517"/>
      <c r="I439" s="517"/>
      <c r="J439" s="517"/>
      <c r="K439" s="516"/>
    </row>
    <row r="440" spans="1:11" ht="13.7" customHeight="1">
      <c r="A440" s="739" t="s">
        <v>651</v>
      </c>
      <c r="B440" s="740"/>
      <c r="C440" s="522" t="s">
        <v>242</v>
      </c>
      <c r="D440" s="521">
        <v>1</v>
      </c>
      <c r="E440" s="520"/>
      <c r="F440" s="519"/>
      <c r="G440" s="518" t="s">
        <v>651</v>
      </c>
      <c r="H440" s="517"/>
      <c r="I440" s="517"/>
      <c r="J440" s="517"/>
      <c r="K440" s="516"/>
    </row>
    <row r="441" spans="1:11" ht="13.7" customHeight="1">
      <c r="A441" s="741"/>
      <c r="B441" s="742"/>
      <c r="C441" s="515"/>
      <c r="D441" s="514"/>
      <c r="E441" s="513"/>
      <c r="F441" s="512"/>
      <c r="G441" s="511" t="s">
        <v>651</v>
      </c>
      <c r="H441" s="510"/>
      <c r="I441" s="510"/>
      <c r="J441" s="510"/>
      <c r="K441" s="509"/>
    </row>
    <row r="442" spans="1:11" ht="13.7" customHeight="1">
      <c r="A442" s="743" t="s">
        <v>1479</v>
      </c>
      <c r="B442" s="744"/>
      <c r="C442" s="533"/>
      <c r="D442" s="532"/>
      <c r="E442" s="531"/>
      <c r="F442" s="530"/>
      <c r="G442" s="529" t="s">
        <v>1533</v>
      </c>
      <c r="H442" s="528"/>
      <c r="I442" s="528"/>
      <c r="J442" s="528"/>
      <c r="K442" s="527"/>
    </row>
    <row r="443" spans="1:11" ht="13.7" customHeight="1">
      <c r="A443" s="745"/>
      <c r="B443" s="740"/>
      <c r="C443" s="526"/>
      <c r="D443" s="525"/>
      <c r="E443" s="524"/>
      <c r="F443" s="523" t="s">
        <v>651</v>
      </c>
      <c r="G443" s="518" t="s">
        <v>651</v>
      </c>
      <c r="H443" s="517"/>
      <c r="I443" s="517"/>
      <c r="J443" s="517"/>
      <c r="K443" s="516"/>
    </row>
    <row r="444" spans="1:11" ht="13.7" customHeight="1">
      <c r="A444" s="739" t="s">
        <v>651</v>
      </c>
      <c r="B444" s="740"/>
      <c r="C444" s="522" t="s">
        <v>242</v>
      </c>
      <c r="D444" s="521">
        <v>1</v>
      </c>
      <c r="E444" s="520"/>
      <c r="F444" s="519"/>
      <c r="G444" s="518" t="s">
        <v>651</v>
      </c>
      <c r="H444" s="517"/>
      <c r="I444" s="517"/>
      <c r="J444" s="517"/>
      <c r="K444" s="516"/>
    </row>
    <row r="445" spans="1:11" ht="13.7" customHeight="1">
      <c r="A445" s="741"/>
      <c r="B445" s="742"/>
      <c r="C445" s="515"/>
      <c r="D445" s="514"/>
      <c r="E445" s="513"/>
      <c r="F445" s="512"/>
      <c r="G445" s="511" t="s">
        <v>651</v>
      </c>
      <c r="H445" s="510"/>
      <c r="I445" s="510"/>
      <c r="J445" s="510"/>
      <c r="K445" s="509"/>
    </row>
    <row r="446" spans="1:11" ht="13.7" customHeight="1"/>
    <row r="447" spans="1:11" ht="13.7" customHeight="1"/>
    <row r="448" spans="1:11" ht="6.2" customHeight="1"/>
    <row r="449" spans="1:11" ht="14.1" customHeight="1">
      <c r="A449" s="543" t="s">
        <v>1532</v>
      </c>
      <c r="B449" s="540" t="s">
        <v>1531</v>
      </c>
      <c r="C449" s="540"/>
      <c r="D449" s="540"/>
      <c r="E449" s="540"/>
      <c r="F449" s="540"/>
      <c r="G449" s="542" t="s">
        <v>617</v>
      </c>
      <c r="H449" s="541" t="s">
        <v>974</v>
      </c>
      <c r="I449" s="540" t="s">
        <v>1007</v>
      </c>
      <c r="J449" s="540"/>
      <c r="K449" s="539"/>
    </row>
    <row r="450" spans="1:11" ht="24" customHeight="1">
      <c r="A450" s="538" t="s">
        <v>651</v>
      </c>
      <c r="B450" s="537" t="s">
        <v>651</v>
      </c>
      <c r="C450" s="537"/>
      <c r="D450" s="537"/>
      <c r="E450" s="537"/>
      <c r="F450" s="537"/>
      <c r="G450" s="751">
        <v>1</v>
      </c>
      <c r="H450" s="751"/>
      <c r="I450" s="751"/>
      <c r="J450" s="536" t="s">
        <v>1421</v>
      </c>
      <c r="K450" s="535" t="s">
        <v>618</v>
      </c>
    </row>
    <row r="451" spans="1:11" ht="17.100000000000001" customHeight="1">
      <c r="A451" s="746" t="s">
        <v>1006</v>
      </c>
      <c r="B451" s="747"/>
      <c r="C451" s="534" t="s">
        <v>309</v>
      </c>
      <c r="D451" s="534" t="s">
        <v>619</v>
      </c>
      <c r="E451" s="534" t="s">
        <v>620</v>
      </c>
      <c r="F451" s="534" t="s">
        <v>659</v>
      </c>
      <c r="G451" s="748" t="s">
        <v>1005</v>
      </c>
      <c r="H451" s="749"/>
      <c r="I451" s="749"/>
      <c r="J451" s="749"/>
      <c r="K451" s="750"/>
    </row>
    <row r="452" spans="1:11" ht="13.7" customHeight="1">
      <c r="A452" s="743" t="s">
        <v>1468</v>
      </c>
      <c r="B452" s="744"/>
      <c r="C452" s="533"/>
      <c r="D452" s="532"/>
      <c r="E452" s="531"/>
      <c r="F452" s="530"/>
      <c r="G452" s="529" t="s">
        <v>1530</v>
      </c>
      <c r="H452" s="528"/>
      <c r="I452" s="528"/>
      <c r="J452" s="528"/>
      <c r="K452" s="527"/>
    </row>
    <row r="453" spans="1:11" ht="13.7" customHeight="1">
      <c r="A453" s="745"/>
      <c r="B453" s="740"/>
      <c r="C453" s="526"/>
      <c r="D453" s="525"/>
      <c r="E453" s="524"/>
      <c r="F453" s="523" t="s">
        <v>651</v>
      </c>
      <c r="G453" s="518" t="s">
        <v>651</v>
      </c>
      <c r="H453" s="517"/>
      <c r="I453" s="517"/>
      <c r="J453" s="517"/>
      <c r="K453" s="516"/>
    </row>
    <row r="454" spans="1:11" ht="13.7" customHeight="1">
      <c r="A454" s="739" t="s">
        <v>651</v>
      </c>
      <c r="B454" s="740"/>
      <c r="C454" s="522" t="s">
        <v>242</v>
      </c>
      <c r="D454" s="521">
        <v>1</v>
      </c>
      <c r="E454" s="520"/>
      <c r="F454" s="519"/>
      <c r="G454" s="518" t="s">
        <v>651</v>
      </c>
      <c r="H454" s="517"/>
      <c r="I454" s="517"/>
      <c r="J454" s="517"/>
      <c r="K454" s="516"/>
    </row>
    <row r="455" spans="1:11" ht="13.7" customHeight="1">
      <c r="A455" s="741"/>
      <c r="B455" s="742"/>
      <c r="C455" s="515"/>
      <c r="D455" s="514"/>
      <c r="E455" s="513"/>
      <c r="F455" s="512"/>
      <c r="G455" s="511" t="s">
        <v>651</v>
      </c>
      <c r="H455" s="510"/>
      <c r="I455" s="510"/>
      <c r="J455" s="510"/>
      <c r="K455" s="509"/>
    </row>
    <row r="456" spans="1:11" ht="13.7" customHeight="1">
      <c r="A456" s="743" t="s">
        <v>1435</v>
      </c>
      <c r="B456" s="744"/>
      <c r="C456" s="533"/>
      <c r="D456" s="532"/>
      <c r="E456" s="531"/>
      <c r="F456" s="530"/>
      <c r="G456" s="529" t="s">
        <v>1529</v>
      </c>
      <c r="H456" s="528"/>
      <c r="I456" s="528"/>
      <c r="J456" s="528"/>
      <c r="K456" s="527"/>
    </row>
    <row r="457" spans="1:11" ht="13.7" customHeight="1">
      <c r="A457" s="745"/>
      <c r="B457" s="740"/>
      <c r="C457" s="526"/>
      <c r="D457" s="525"/>
      <c r="E457" s="524"/>
      <c r="F457" s="523" t="s">
        <v>651</v>
      </c>
      <c r="G457" s="518" t="s">
        <v>651</v>
      </c>
      <c r="H457" s="517"/>
      <c r="I457" s="517"/>
      <c r="J457" s="517"/>
      <c r="K457" s="516"/>
    </row>
    <row r="458" spans="1:11" ht="13.7" customHeight="1">
      <c r="A458" s="739" t="s">
        <v>651</v>
      </c>
      <c r="B458" s="740"/>
      <c r="C458" s="522" t="s">
        <v>242</v>
      </c>
      <c r="D458" s="521">
        <v>1</v>
      </c>
      <c r="E458" s="520"/>
      <c r="F458" s="519"/>
      <c r="G458" s="518" t="s">
        <v>651</v>
      </c>
      <c r="H458" s="517"/>
      <c r="I458" s="517"/>
      <c r="J458" s="517"/>
      <c r="K458" s="516"/>
    </row>
    <row r="459" spans="1:11" ht="13.7" customHeight="1">
      <c r="A459" s="741"/>
      <c r="B459" s="742"/>
      <c r="C459" s="515"/>
      <c r="D459" s="514"/>
      <c r="E459" s="513"/>
      <c r="F459" s="512"/>
      <c r="G459" s="511" t="s">
        <v>651</v>
      </c>
      <c r="H459" s="510"/>
      <c r="I459" s="510"/>
      <c r="J459" s="510"/>
      <c r="K459" s="509"/>
    </row>
    <row r="460" spans="1:11" ht="13.7" customHeight="1">
      <c r="A460" s="743" t="s">
        <v>1433</v>
      </c>
      <c r="B460" s="744"/>
      <c r="C460" s="533"/>
      <c r="D460" s="532"/>
      <c r="E460" s="531"/>
      <c r="F460" s="530"/>
      <c r="G460" s="529" t="s">
        <v>1528</v>
      </c>
      <c r="H460" s="528"/>
      <c r="I460" s="528"/>
      <c r="J460" s="528"/>
      <c r="K460" s="527"/>
    </row>
    <row r="461" spans="1:11" ht="13.7" customHeight="1">
      <c r="A461" s="745"/>
      <c r="B461" s="740"/>
      <c r="C461" s="526"/>
      <c r="D461" s="525"/>
      <c r="E461" s="524"/>
      <c r="F461" s="523" t="s">
        <v>651</v>
      </c>
      <c r="G461" s="518" t="s">
        <v>651</v>
      </c>
      <c r="H461" s="517"/>
      <c r="I461" s="517"/>
      <c r="J461" s="517"/>
      <c r="K461" s="516"/>
    </row>
    <row r="462" spans="1:11" ht="13.7" customHeight="1">
      <c r="A462" s="739" t="s">
        <v>651</v>
      </c>
      <c r="B462" s="740"/>
      <c r="C462" s="522" t="s">
        <v>242</v>
      </c>
      <c r="D462" s="521">
        <v>1</v>
      </c>
      <c r="E462" s="520"/>
      <c r="F462" s="519"/>
      <c r="G462" s="518" t="s">
        <v>651</v>
      </c>
      <c r="H462" s="517"/>
      <c r="I462" s="517"/>
      <c r="J462" s="517"/>
      <c r="K462" s="516"/>
    </row>
    <row r="463" spans="1:11" ht="13.7" customHeight="1">
      <c r="A463" s="741"/>
      <c r="B463" s="742"/>
      <c r="C463" s="515"/>
      <c r="D463" s="514"/>
      <c r="E463" s="513"/>
      <c r="F463" s="512"/>
      <c r="G463" s="511" t="s">
        <v>651</v>
      </c>
      <c r="H463" s="510"/>
      <c r="I463" s="510"/>
      <c r="J463" s="510"/>
      <c r="K463" s="509"/>
    </row>
    <row r="464" spans="1:11" ht="13.7" customHeight="1">
      <c r="A464" s="743" t="s">
        <v>651</v>
      </c>
      <c r="B464" s="744"/>
      <c r="C464" s="533"/>
      <c r="D464" s="532"/>
      <c r="E464" s="531"/>
      <c r="F464" s="530"/>
      <c r="G464" s="529" t="s">
        <v>651</v>
      </c>
      <c r="H464" s="528"/>
      <c r="I464" s="528"/>
      <c r="J464" s="528"/>
      <c r="K464" s="527"/>
    </row>
    <row r="465" spans="1:11" ht="13.7" customHeight="1">
      <c r="A465" s="745"/>
      <c r="B465" s="740"/>
      <c r="C465" s="526"/>
      <c r="D465" s="525"/>
      <c r="E465" s="524"/>
      <c r="F465" s="523" t="s">
        <v>651</v>
      </c>
      <c r="G465" s="518" t="s">
        <v>651</v>
      </c>
      <c r="H465" s="517"/>
      <c r="I465" s="517"/>
      <c r="J465" s="517"/>
      <c r="K465" s="516"/>
    </row>
    <row r="466" spans="1:11" ht="13.7" customHeight="1">
      <c r="A466" s="739" t="s">
        <v>652</v>
      </c>
      <c r="B466" s="740"/>
      <c r="C466" s="522" t="s">
        <v>1421</v>
      </c>
      <c r="D466" s="521">
        <v>1</v>
      </c>
      <c r="E466" s="520"/>
      <c r="F466" s="519"/>
      <c r="G466" s="518" t="s">
        <v>651</v>
      </c>
      <c r="H466" s="517"/>
      <c r="I466" s="517"/>
      <c r="J466" s="517"/>
      <c r="K466" s="516"/>
    </row>
    <row r="467" spans="1:11" ht="13.7" customHeight="1">
      <c r="A467" s="741"/>
      <c r="B467" s="742"/>
      <c r="C467" s="515"/>
      <c r="D467" s="514"/>
      <c r="E467" s="513"/>
      <c r="F467" s="512"/>
      <c r="G467" s="511" t="s">
        <v>651</v>
      </c>
      <c r="H467" s="510"/>
      <c r="I467" s="510"/>
      <c r="J467" s="510"/>
      <c r="K467" s="509"/>
    </row>
    <row r="468" spans="1:11" ht="13.7" customHeight="1">
      <c r="A468" s="743" t="s">
        <v>651</v>
      </c>
      <c r="B468" s="744"/>
      <c r="C468" s="533"/>
      <c r="D468" s="532"/>
      <c r="E468" s="531"/>
      <c r="F468" s="530"/>
      <c r="G468" s="529" t="s">
        <v>651</v>
      </c>
      <c r="H468" s="528"/>
      <c r="I468" s="528"/>
      <c r="J468" s="528"/>
      <c r="K468" s="527"/>
    </row>
    <row r="469" spans="1:11" ht="13.7" customHeight="1">
      <c r="A469" s="745"/>
      <c r="B469" s="740"/>
      <c r="C469" s="526"/>
      <c r="D469" s="525"/>
      <c r="E469" s="524"/>
      <c r="F469" s="523" t="s">
        <v>651</v>
      </c>
      <c r="G469" s="518" t="s">
        <v>651</v>
      </c>
      <c r="H469" s="517"/>
      <c r="I469" s="517"/>
      <c r="J469" s="517"/>
      <c r="K469" s="516"/>
    </row>
    <row r="470" spans="1:11" ht="13.7" customHeight="1">
      <c r="A470" s="739" t="s">
        <v>681</v>
      </c>
      <c r="B470" s="740"/>
      <c r="C470" s="522" t="s">
        <v>1421</v>
      </c>
      <c r="D470" s="521">
        <v>1</v>
      </c>
      <c r="E470" s="520" t="s">
        <v>1002</v>
      </c>
      <c r="F470" s="519"/>
      <c r="G470" s="518" t="s">
        <v>651</v>
      </c>
      <c r="H470" s="517"/>
      <c r="I470" s="517"/>
      <c r="J470" s="517"/>
      <c r="K470" s="516"/>
    </row>
    <row r="471" spans="1:11" ht="13.7" customHeight="1">
      <c r="A471" s="741"/>
      <c r="B471" s="742"/>
      <c r="C471" s="515"/>
      <c r="D471" s="514"/>
      <c r="E471" s="513"/>
      <c r="F471" s="512"/>
      <c r="G471" s="511" t="s">
        <v>651</v>
      </c>
      <c r="H471" s="510"/>
      <c r="I471" s="510"/>
      <c r="J471" s="510"/>
      <c r="K471" s="509"/>
    </row>
    <row r="472" spans="1:11" ht="13.7" customHeight="1"/>
    <row r="473" spans="1:11" ht="13.7" customHeight="1"/>
    <row r="474" spans="1:11" ht="13.7" customHeight="1"/>
    <row r="475" spans="1:11" ht="13.7" customHeight="1"/>
    <row r="476" spans="1:11" ht="13.7" customHeight="1"/>
    <row r="477" spans="1:11" ht="13.7" customHeight="1"/>
    <row r="478" spans="1:11" ht="13.7" customHeight="1"/>
    <row r="479" spans="1:11" ht="13.7" customHeight="1"/>
    <row r="480" spans="1:11" ht="13.7" customHeight="1"/>
    <row r="481" spans="1:11" ht="13.7" customHeight="1"/>
    <row r="482" spans="1:11" ht="13.7" customHeight="1"/>
    <row r="483" spans="1:11" ht="13.7" customHeight="1"/>
    <row r="484" spans="1:11" ht="13.7" customHeight="1"/>
    <row r="485" spans="1:11" ht="13.7" customHeight="1"/>
    <row r="486" spans="1:11" ht="6.2" customHeight="1"/>
    <row r="487" spans="1:11" ht="14.1" customHeight="1">
      <c r="A487" s="543" t="s">
        <v>1527</v>
      </c>
      <c r="B487" s="540" t="s">
        <v>1526</v>
      </c>
      <c r="C487" s="540"/>
      <c r="D487" s="540"/>
      <c r="E487" s="540"/>
      <c r="F487" s="540"/>
      <c r="G487" s="542" t="s">
        <v>617</v>
      </c>
      <c r="H487" s="541" t="s">
        <v>972</v>
      </c>
      <c r="I487" s="540" t="s">
        <v>1007</v>
      </c>
      <c r="J487" s="540"/>
      <c r="K487" s="539"/>
    </row>
    <row r="488" spans="1:11" ht="24" customHeight="1">
      <c r="A488" s="538" t="s">
        <v>651</v>
      </c>
      <c r="B488" s="537" t="s">
        <v>651</v>
      </c>
      <c r="C488" s="537"/>
      <c r="D488" s="537"/>
      <c r="E488" s="537"/>
      <c r="F488" s="537"/>
      <c r="G488" s="751">
        <v>1</v>
      </c>
      <c r="H488" s="751"/>
      <c r="I488" s="751"/>
      <c r="J488" s="536" t="s">
        <v>242</v>
      </c>
      <c r="K488" s="535" t="s">
        <v>618</v>
      </c>
    </row>
    <row r="489" spans="1:11" ht="17.100000000000001" customHeight="1">
      <c r="A489" s="746" t="s">
        <v>1006</v>
      </c>
      <c r="B489" s="747"/>
      <c r="C489" s="534" t="s">
        <v>309</v>
      </c>
      <c r="D489" s="534" t="s">
        <v>619</v>
      </c>
      <c r="E489" s="534" t="s">
        <v>620</v>
      </c>
      <c r="F489" s="534" t="s">
        <v>659</v>
      </c>
      <c r="G489" s="748" t="s">
        <v>1005</v>
      </c>
      <c r="H489" s="749"/>
      <c r="I489" s="749"/>
      <c r="J489" s="749"/>
      <c r="K489" s="750"/>
    </row>
    <row r="490" spans="1:11" ht="13.7" customHeight="1">
      <c r="A490" s="743" t="s">
        <v>1697</v>
      </c>
      <c r="B490" s="744"/>
      <c r="C490" s="533"/>
      <c r="D490" s="532"/>
      <c r="E490" s="531"/>
      <c r="F490" s="530"/>
      <c r="G490" s="529" t="s">
        <v>651</v>
      </c>
      <c r="H490" s="528"/>
      <c r="I490" s="528"/>
      <c r="J490" s="528"/>
      <c r="K490" s="527"/>
    </row>
    <row r="491" spans="1:11" ht="13.7" customHeight="1">
      <c r="A491" s="745"/>
      <c r="B491" s="740"/>
      <c r="C491" s="526"/>
      <c r="D491" s="525"/>
      <c r="E491" s="524"/>
      <c r="F491" s="523" t="s">
        <v>651</v>
      </c>
      <c r="G491" s="518" t="s">
        <v>651</v>
      </c>
      <c r="H491" s="517"/>
      <c r="I491" s="517"/>
      <c r="J491" s="517"/>
      <c r="K491" s="516"/>
    </row>
    <row r="492" spans="1:11" ht="13.7" customHeight="1">
      <c r="A492" s="739" t="s">
        <v>651</v>
      </c>
      <c r="B492" s="740"/>
      <c r="C492" s="522" t="s">
        <v>248</v>
      </c>
      <c r="D492" s="521"/>
      <c r="E492" s="520"/>
      <c r="F492" s="519"/>
      <c r="G492" s="518" t="s">
        <v>651</v>
      </c>
      <c r="H492" s="517"/>
      <c r="I492" s="517"/>
      <c r="J492" s="517"/>
      <c r="K492" s="516"/>
    </row>
    <row r="493" spans="1:11" ht="13.7" customHeight="1">
      <c r="A493" s="741"/>
      <c r="B493" s="742"/>
      <c r="C493" s="515"/>
      <c r="D493" s="514"/>
      <c r="E493" s="513"/>
      <c r="F493" s="512"/>
      <c r="G493" s="511" t="s">
        <v>651</v>
      </c>
      <c r="H493" s="510"/>
      <c r="I493" s="510"/>
      <c r="J493" s="510"/>
      <c r="K493" s="509"/>
    </row>
    <row r="494" spans="1:11" ht="13.7" customHeight="1">
      <c r="A494" s="743" t="s">
        <v>1476</v>
      </c>
      <c r="B494" s="744"/>
      <c r="C494" s="533"/>
      <c r="D494" s="532"/>
      <c r="E494" s="531"/>
      <c r="F494" s="530"/>
      <c r="G494" s="529" t="s">
        <v>651</v>
      </c>
      <c r="H494" s="528"/>
      <c r="I494" s="528"/>
      <c r="J494" s="528"/>
      <c r="K494" s="527"/>
    </row>
    <row r="495" spans="1:11" ht="13.7" customHeight="1">
      <c r="A495" s="745"/>
      <c r="B495" s="740"/>
      <c r="C495" s="526"/>
      <c r="D495" s="525"/>
      <c r="E495" s="524"/>
      <c r="F495" s="523" t="s">
        <v>651</v>
      </c>
      <c r="G495" s="518" t="s">
        <v>651</v>
      </c>
      <c r="H495" s="517"/>
      <c r="I495" s="517"/>
      <c r="J495" s="517"/>
      <c r="K495" s="516"/>
    </row>
    <row r="496" spans="1:11" ht="13.7" customHeight="1">
      <c r="A496" s="739" t="s">
        <v>651</v>
      </c>
      <c r="B496" s="740"/>
      <c r="C496" s="522" t="s">
        <v>248</v>
      </c>
      <c r="D496" s="521"/>
      <c r="E496" s="520"/>
      <c r="F496" s="519"/>
      <c r="G496" s="518" t="s">
        <v>651</v>
      </c>
      <c r="H496" s="517"/>
      <c r="I496" s="517"/>
      <c r="J496" s="517"/>
      <c r="K496" s="516"/>
    </row>
    <row r="497" spans="1:11" ht="13.7" customHeight="1">
      <c r="A497" s="741"/>
      <c r="B497" s="742"/>
      <c r="C497" s="515"/>
      <c r="D497" s="514"/>
      <c r="E497" s="513"/>
      <c r="F497" s="512"/>
      <c r="G497" s="511" t="s">
        <v>651</v>
      </c>
      <c r="H497" s="510"/>
      <c r="I497" s="510"/>
      <c r="J497" s="510"/>
      <c r="K497" s="509"/>
    </row>
    <row r="498" spans="1:11" ht="13.7" customHeight="1">
      <c r="A498" s="743" t="s">
        <v>1475</v>
      </c>
      <c r="B498" s="744"/>
      <c r="C498" s="533"/>
      <c r="D498" s="532"/>
      <c r="E498" s="531"/>
      <c r="F498" s="530"/>
      <c r="G498" s="529" t="s">
        <v>651</v>
      </c>
      <c r="H498" s="528"/>
      <c r="I498" s="528"/>
      <c r="J498" s="528"/>
      <c r="K498" s="527"/>
    </row>
    <row r="499" spans="1:11" ht="13.7" customHeight="1">
      <c r="A499" s="745"/>
      <c r="B499" s="740"/>
      <c r="C499" s="526"/>
      <c r="D499" s="525"/>
      <c r="E499" s="524"/>
      <c r="F499" s="523" t="s">
        <v>651</v>
      </c>
      <c r="G499" s="518" t="s">
        <v>651</v>
      </c>
      <c r="H499" s="517"/>
      <c r="I499" s="517"/>
      <c r="J499" s="517"/>
      <c r="K499" s="516"/>
    </row>
    <row r="500" spans="1:11" ht="13.7" customHeight="1">
      <c r="A500" s="739" t="s">
        <v>651</v>
      </c>
      <c r="B500" s="740"/>
      <c r="C500" s="522" t="s">
        <v>248</v>
      </c>
      <c r="D500" s="521"/>
      <c r="E500" s="520"/>
      <c r="F500" s="519"/>
      <c r="G500" s="518" t="s">
        <v>651</v>
      </c>
      <c r="H500" s="517"/>
      <c r="I500" s="517"/>
      <c r="J500" s="517"/>
      <c r="K500" s="516"/>
    </row>
    <row r="501" spans="1:11" ht="13.7" customHeight="1">
      <c r="A501" s="741"/>
      <c r="B501" s="742"/>
      <c r="C501" s="515"/>
      <c r="D501" s="514"/>
      <c r="E501" s="513"/>
      <c r="F501" s="512"/>
      <c r="G501" s="511" t="s">
        <v>651</v>
      </c>
      <c r="H501" s="510"/>
      <c r="I501" s="510"/>
      <c r="J501" s="510"/>
      <c r="K501" s="509"/>
    </row>
    <row r="502" spans="1:11" ht="13.7" customHeight="1">
      <c r="A502" s="743" t="s">
        <v>1474</v>
      </c>
      <c r="B502" s="744"/>
      <c r="C502" s="533"/>
      <c r="D502" s="532"/>
      <c r="E502" s="531"/>
      <c r="F502" s="530"/>
      <c r="G502" s="529" t="s">
        <v>651</v>
      </c>
      <c r="H502" s="528"/>
      <c r="I502" s="528"/>
      <c r="J502" s="528"/>
      <c r="K502" s="527"/>
    </row>
    <row r="503" spans="1:11" ht="13.7" customHeight="1">
      <c r="A503" s="745"/>
      <c r="B503" s="740"/>
      <c r="C503" s="526"/>
      <c r="D503" s="525"/>
      <c r="E503" s="524"/>
      <c r="F503" s="523" t="s">
        <v>651</v>
      </c>
      <c r="G503" s="518" t="s">
        <v>651</v>
      </c>
      <c r="H503" s="517"/>
      <c r="I503" s="517"/>
      <c r="J503" s="517"/>
      <c r="K503" s="516"/>
    </row>
    <row r="504" spans="1:11" ht="13.7" customHeight="1">
      <c r="A504" s="739" t="s">
        <v>651</v>
      </c>
      <c r="B504" s="740"/>
      <c r="C504" s="522" t="s">
        <v>248</v>
      </c>
      <c r="D504" s="521"/>
      <c r="E504" s="520"/>
      <c r="F504" s="519"/>
      <c r="G504" s="518" t="s">
        <v>651</v>
      </c>
      <c r="H504" s="517"/>
      <c r="I504" s="517"/>
      <c r="J504" s="517"/>
      <c r="K504" s="516"/>
    </row>
    <row r="505" spans="1:11" ht="13.7" customHeight="1">
      <c r="A505" s="741"/>
      <c r="B505" s="742"/>
      <c r="C505" s="515"/>
      <c r="D505" s="514"/>
      <c r="E505" s="513"/>
      <c r="F505" s="512"/>
      <c r="G505" s="511" t="s">
        <v>651</v>
      </c>
      <c r="H505" s="510"/>
      <c r="I505" s="510"/>
      <c r="J505" s="510"/>
      <c r="K505" s="509"/>
    </row>
    <row r="506" spans="1:11" ht="13.7" customHeight="1">
      <c r="A506" s="743" t="s">
        <v>651</v>
      </c>
      <c r="B506" s="744"/>
      <c r="C506" s="533"/>
      <c r="D506" s="532"/>
      <c r="E506" s="531"/>
      <c r="F506" s="530"/>
      <c r="G506" s="529" t="s">
        <v>651</v>
      </c>
      <c r="H506" s="528"/>
      <c r="I506" s="528"/>
      <c r="J506" s="528"/>
      <c r="K506" s="527"/>
    </row>
    <row r="507" spans="1:11" ht="13.7" customHeight="1">
      <c r="A507" s="745"/>
      <c r="B507" s="740"/>
      <c r="C507" s="526"/>
      <c r="D507" s="525"/>
      <c r="E507" s="524"/>
      <c r="F507" s="523" t="s">
        <v>651</v>
      </c>
      <c r="G507" s="518" t="s">
        <v>651</v>
      </c>
      <c r="H507" s="517"/>
      <c r="I507" s="517"/>
      <c r="J507" s="517"/>
      <c r="K507" s="516"/>
    </row>
    <row r="508" spans="1:11" ht="13.7" customHeight="1">
      <c r="A508" s="739" t="s">
        <v>652</v>
      </c>
      <c r="B508" s="740"/>
      <c r="C508" s="522" t="s">
        <v>242</v>
      </c>
      <c r="D508" s="521">
        <v>1</v>
      </c>
      <c r="E508" s="520"/>
      <c r="F508" s="519"/>
      <c r="G508" s="518" t="s">
        <v>651</v>
      </c>
      <c r="H508" s="517"/>
      <c r="I508" s="517"/>
      <c r="J508" s="517"/>
      <c r="K508" s="516"/>
    </row>
    <row r="509" spans="1:11" ht="13.7" customHeight="1">
      <c r="A509" s="741"/>
      <c r="B509" s="742"/>
      <c r="C509" s="515"/>
      <c r="D509" s="514"/>
      <c r="E509" s="513"/>
      <c r="F509" s="512"/>
      <c r="G509" s="511" t="s">
        <v>651</v>
      </c>
      <c r="H509" s="510"/>
      <c r="I509" s="510"/>
      <c r="J509" s="510"/>
      <c r="K509" s="509"/>
    </row>
    <row r="510" spans="1:11" ht="13.7" customHeight="1">
      <c r="A510" s="743" t="s">
        <v>651</v>
      </c>
      <c r="B510" s="744"/>
      <c r="C510" s="533"/>
      <c r="D510" s="532"/>
      <c r="E510" s="531"/>
      <c r="F510" s="530"/>
      <c r="G510" s="529" t="s">
        <v>651</v>
      </c>
      <c r="H510" s="528"/>
      <c r="I510" s="528"/>
      <c r="J510" s="528"/>
      <c r="K510" s="527"/>
    </row>
    <row r="511" spans="1:11" ht="13.7" customHeight="1">
      <c r="A511" s="745"/>
      <c r="B511" s="740"/>
      <c r="C511" s="526"/>
      <c r="D511" s="525"/>
      <c r="E511" s="524"/>
      <c r="F511" s="523" t="s">
        <v>651</v>
      </c>
      <c r="G511" s="518" t="s">
        <v>651</v>
      </c>
      <c r="H511" s="517"/>
      <c r="I511" s="517"/>
      <c r="J511" s="517"/>
      <c r="K511" s="516"/>
    </row>
    <row r="512" spans="1:11" ht="13.7" customHeight="1">
      <c r="A512" s="739" t="s">
        <v>681</v>
      </c>
      <c r="B512" s="740"/>
      <c r="C512" s="522" t="s">
        <v>242</v>
      </c>
      <c r="D512" s="521">
        <v>1</v>
      </c>
      <c r="E512" s="520" t="s">
        <v>1002</v>
      </c>
      <c r="F512" s="519"/>
      <c r="G512" s="518" t="s">
        <v>651</v>
      </c>
      <c r="H512" s="517"/>
      <c r="I512" s="517"/>
      <c r="J512" s="517"/>
      <c r="K512" s="516"/>
    </row>
    <row r="513" spans="1:11" ht="13.7" customHeight="1">
      <c r="A513" s="741"/>
      <c r="B513" s="742"/>
      <c r="C513" s="515"/>
      <c r="D513" s="514"/>
      <c r="E513" s="513"/>
      <c r="F513" s="512"/>
      <c r="G513" s="511" t="s">
        <v>651</v>
      </c>
      <c r="H513" s="510"/>
      <c r="I513" s="510"/>
      <c r="J513" s="510"/>
      <c r="K513" s="509"/>
    </row>
    <row r="514" spans="1:11" ht="13.7" customHeight="1"/>
    <row r="515" spans="1:11" ht="13.7" customHeight="1"/>
    <row r="516" spans="1:11" ht="13.7" customHeight="1"/>
    <row r="517" spans="1:11" ht="13.7" customHeight="1"/>
    <row r="518" spans="1:11" ht="13.7" customHeight="1"/>
    <row r="519" spans="1:11" ht="13.7" customHeight="1"/>
    <row r="520" spans="1:11" ht="13.7" customHeight="1"/>
    <row r="521" spans="1:11" ht="13.7" customHeight="1"/>
    <row r="522" spans="1:11" ht="13.7" customHeight="1"/>
    <row r="523" spans="1:11" ht="13.7" customHeight="1"/>
    <row r="524" spans="1:11" ht="6.2" customHeight="1"/>
    <row r="525" spans="1:11" ht="14.1" customHeight="1">
      <c r="A525" s="543" t="s">
        <v>1525</v>
      </c>
      <c r="B525" s="540" t="s">
        <v>1524</v>
      </c>
      <c r="C525" s="540"/>
      <c r="D525" s="540"/>
      <c r="E525" s="540"/>
      <c r="F525" s="540"/>
      <c r="G525" s="542" t="s">
        <v>617</v>
      </c>
      <c r="H525" s="541" t="s">
        <v>968</v>
      </c>
      <c r="I525" s="540" t="s">
        <v>1007</v>
      </c>
      <c r="J525" s="540"/>
      <c r="K525" s="539"/>
    </row>
    <row r="526" spans="1:11" ht="24" customHeight="1">
      <c r="A526" s="538" t="s">
        <v>651</v>
      </c>
      <c r="B526" s="537" t="s">
        <v>651</v>
      </c>
      <c r="C526" s="537"/>
      <c r="D526" s="537"/>
      <c r="E526" s="537"/>
      <c r="F526" s="537"/>
      <c r="G526" s="751">
        <v>1</v>
      </c>
      <c r="H526" s="751"/>
      <c r="I526" s="751"/>
      <c r="J526" s="536" t="s">
        <v>242</v>
      </c>
      <c r="K526" s="535" t="s">
        <v>618</v>
      </c>
    </row>
    <row r="527" spans="1:11" ht="17.100000000000001" customHeight="1">
      <c r="A527" s="746" t="s">
        <v>1006</v>
      </c>
      <c r="B527" s="747"/>
      <c r="C527" s="534" t="s">
        <v>309</v>
      </c>
      <c r="D527" s="534" t="s">
        <v>619</v>
      </c>
      <c r="E527" s="534" t="s">
        <v>620</v>
      </c>
      <c r="F527" s="534" t="s">
        <v>659</v>
      </c>
      <c r="G527" s="748" t="s">
        <v>1005</v>
      </c>
      <c r="H527" s="749"/>
      <c r="I527" s="749"/>
      <c r="J527" s="749"/>
      <c r="K527" s="750"/>
    </row>
    <row r="528" spans="1:11" ht="13.7" customHeight="1">
      <c r="A528" s="743" t="s">
        <v>1523</v>
      </c>
      <c r="B528" s="744"/>
      <c r="C528" s="533"/>
      <c r="D528" s="532"/>
      <c r="E528" s="531"/>
      <c r="F528" s="530"/>
      <c r="G528" s="529" t="s">
        <v>651</v>
      </c>
      <c r="H528" s="528"/>
      <c r="I528" s="528"/>
      <c r="J528" s="528"/>
      <c r="K528" s="527"/>
    </row>
    <row r="529" spans="1:11" ht="13.7" customHeight="1">
      <c r="A529" s="745"/>
      <c r="B529" s="740"/>
      <c r="C529" s="526"/>
      <c r="D529" s="525"/>
      <c r="E529" s="524"/>
      <c r="F529" s="523" t="s">
        <v>651</v>
      </c>
      <c r="G529" s="518" t="s">
        <v>651</v>
      </c>
      <c r="H529" s="517"/>
      <c r="I529" s="517"/>
      <c r="J529" s="517"/>
      <c r="K529" s="516"/>
    </row>
    <row r="530" spans="1:11" ht="13.7" customHeight="1">
      <c r="A530" s="739" t="s">
        <v>1522</v>
      </c>
      <c r="B530" s="740"/>
      <c r="C530" s="522" t="s">
        <v>240</v>
      </c>
      <c r="D530" s="521">
        <v>15.2</v>
      </c>
      <c r="E530" s="520"/>
      <c r="F530" s="519"/>
      <c r="G530" s="518" t="s">
        <v>651</v>
      </c>
      <c r="H530" s="517"/>
      <c r="I530" s="517"/>
      <c r="J530" s="517"/>
      <c r="K530" s="516"/>
    </row>
    <row r="531" spans="1:11" ht="13.7" customHeight="1">
      <c r="A531" s="741"/>
      <c r="B531" s="742"/>
      <c r="C531" s="515"/>
      <c r="D531" s="514"/>
      <c r="E531" s="513"/>
      <c r="F531" s="512"/>
      <c r="G531" s="511" t="s">
        <v>651</v>
      </c>
      <c r="H531" s="510"/>
      <c r="I531" s="510"/>
      <c r="J531" s="510"/>
      <c r="K531" s="509"/>
    </row>
    <row r="532" spans="1:11" ht="13.7" customHeight="1">
      <c r="A532" s="743" t="s">
        <v>1521</v>
      </c>
      <c r="B532" s="744"/>
      <c r="C532" s="533"/>
      <c r="D532" s="532"/>
      <c r="E532" s="531"/>
      <c r="F532" s="530"/>
      <c r="G532" s="529" t="s">
        <v>651</v>
      </c>
      <c r="H532" s="528"/>
      <c r="I532" s="528"/>
      <c r="J532" s="528"/>
      <c r="K532" s="527"/>
    </row>
    <row r="533" spans="1:11" ht="13.7" customHeight="1">
      <c r="A533" s="745"/>
      <c r="B533" s="740"/>
      <c r="C533" s="526"/>
      <c r="D533" s="525"/>
      <c r="E533" s="524"/>
      <c r="F533" s="523" t="s">
        <v>651</v>
      </c>
      <c r="G533" s="518" t="s">
        <v>651</v>
      </c>
      <c r="H533" s="517"/>
      <c r="I533" s="517"/>
      <c r="J533" s="517"/>
      <c r="K533" s="516"/>
    </row>
    <row r="534" spans="1:11" ht="13.7" customHeight="1">
      <c r="A534" s="739" t="s">
        <v>1520</v>
      </c>
      <c r="B534" s="740"/>
      <c r="C534" s="522" t="s">
        <v>240</v>
      </c>
      <c r="D534" s="521">
        <v>9.8000000000000007</v>
      </c>
      <c r="E534" s="520"/>
      <c r="F534" s="519"/>
      <c r="G534" s="518" t="s">
        <v>651</v>
      </c>
      <c r="H534" s="517"/>
      <c r="I534" s="517"/>
      <c r="J534" s="517"/>
      <c r="K534" s="516"/>
    </row>
    <row r="535" spans="1:11" ht="13.7" customHeight="1">
      <c r="A535" s="741"/>
      <c r="B535" s="742"/>
      <c r="C535" s="515"/>
      <c r="D535" s="514"/>
      <c r="E535" s="513"/>
      <c r="F535" s="512"/>
      <c r="G535" s="511" t="s">
        <v>651</v>
      </c>
      <c r="H535" s="510"/>
      <c r="I535" s="510"/>
      <c r="J535" s="510"/>
      <c r="K535" s="509"/>
    </row>
    <row r="536" spans="1:11" ht="13.7" customHeight="1">
      <c r="A536" s="743" t="s">
        <v>1519</v>
      </c>
      <c r="B536" s="744"/>
      <c r="C536" s="533"/>
      <c r="D536" s="532"/>
      <c r="E536" s="531"/>
      <c r="F536" s="530"/>
      <c r="G536" s="529" t="s">
        <v>651</v>
      </c>
      <c r="H536" s="528"/>
      <c r="I536" s="528"/>
      <c r="J536" s="528"/>
      <c r="K536" s="527"/>
    </row>
    <row r="537" spans="1:11" ht="13.7" customHeight="1">
      <c r="A537" s="745"/>
      <c r="B537" s="740"/>
      <c r="C537" s="526"/>
      <c r="D537" s="525"/>
      <c r="E537" s="524"/>
      <c r="F537" s="523" t="s">
        <v>651</v>
      </c>
      <c r="G537" s="518" t="s">
        <v>651</v>
      </c>
      <c r="H537" s="517"/>
      <c r="I537" s="517"/>
      <c r="J537" s="517"/>
      <c r="K537" s="516"/>
    </row>
    <row r="538" spans="1:11" ht="13.7" customHeight="1">
      <c r="A538" s="739" t="s">
        <v>1518</v>
      </c>
      <c r="B538" s="740"/>
      <c r="C538" s="522" t="s">
        <v>193</v>
      </c>
      <c r="D538" s="521">
        <v>3.09</v>
      </c>
      <c r="E538" s="520"/>
      <c r="F538" s="519"/>
      <c r="G538" s="518" t="s">
        <v>651</v>
      </c>
      <c r="H538" s="517"/>
      <c r="I538" s="517"/>
      <c r="J538" s="517"/>
      <c r="K538" s="516"/>
    </row>
    <row r="539" spans="1:11" ht="13.7" customHeight="1">
      <c r="A539" s="741"/>
      <c r="B539" s="742"/>
      <c r="C539" s="515"/>
      <c r="D539" s="514"/>
      <c r="E539" s="513"/>
      <c r="F539" s="512"/>
      <c r="G539" s="511" t="s">
        <v>651</v>
      </c>
      <c r="H539" s="510"/>
      <c r="I539" s="510"/>
      <c r="J539" s="510"/>
      <c r="K539" s="509"/>
    </row>
    <row r="540" spans="1:11" ht="13.7" customHeight="1">
      <c r="A540" s="743" t="s">
        <v>1517</v>
      </c>
      <c r="B540" s="744"/>
      <c r="C540" s="533"/>
      <c r="D540" s="532"/>
      <c r="E540" s="531"/>
      <c r="F540" s="530"/>
      <c r="G540" s="529" t="s">
        <v>651</v>
      </c>
      <c r="H540" s="528"/>
      <c r="I540" s="528"/>
      <c r="J540" s="528"/>
      <c r="K540" s="527"/>
    </row>
    <row r="541" spans="1:11" ht="13.7" customHeight="1">
      <c r="A541" s="745"/>
      <c r="B541" s="740"/>
      <c r="C541" s="526"/>
      <c r="D541" s="525"/>
      <c r="E541" s="524"/>
      <c r="F541" s="523" t="s">
        <v>651</v>
      </c>
      <c r="G541" s="518" t="s">
        <v>651</v>
      </c>
      <c r="H541" s="517"/>
      <c r="I541" s="517"/>
      <c r="J541" s="517"/>
      <c r="K541" s="516"/>
    </row>
    <row r="542" spans="1:11" ht="13.7" customHeight="1">
      <c r="A542" s="739" t="s">
        <v>1516</v>
      </c>
      <c r="B542" s="740"/>
      <c r="C542" s="522" t="s">
        <v>246</v>
      </c>
      <c r="D542" s="521">
        <v>1</v>
      </c>
      <c r="E542" s="520"/>
      <c r="F542" s="519"/>
      <c r="G542" s="518" t="s">
        <v>651</v>
      </c>
      <c r="H542" s="517"/>
      <c r="I542" s="517"/>
      <c r="J542" s="517"/>
      <c r="K542" s="516"/>
    </row>
    <row r="543" spans="1:11" ht="13.7" customHeight="1">
      <c r="A543" s="741"/>
      <c r="B543" s="742"/>
      <c r="C543" s="515"/>
      <c r="D543" s="514"/>
      <c r="E543" s="513"/>
      <c r="F543" s="512"/>
      <c r="G543" s="511" t="s">
        <v>651</v>
      </c>
      <c r="H543" s="510"/>
      <c r="I543" s="510"/>
      <c r="J543" s="510"/>
      <c r="K543" s="509"/>
    </row>
    <row r="544" spans="1:11" ht="13.7" customHeight="1">
      <c r="A544" s="743" t="s">
        <v>651</v>
      </c>
      <c r="B544" s="744"/>
      <c r="C544" s="533"/>
      <c r="D544" s="532"/>
      <c r="E544" s="531"/>
      <c r="F544" s="530"/>
      <c r="G544" s="529" t="s">
        <v>651</v>
      </c>
      <c r="H544" s="528"/>
      <c r="I544" s="528"/>
      <c r="J544" s="528"/>
      <c r="K544" s="527"/>
    </row>
    <row r="545" spans="1:11" ht="13.7" customHeight="1">
      <c r="A545" s="745"/>
      <c r="B545" s="740"/>
      <c r="C545" s="526"/>
      <c r="D545" s="525"/>
      <c r="E545" s="524"/>
      <c r="F545" s="523" t="s">
        <v>651</v>
      </c>
      <c r="G545" s="518" t="s">
        <v>651</v>
      </c>
      <c r="H545" s="517"/>
      <c r="I545" s="517"/>
      <c r="J545" s="517"/>
      <c r="K545" s="516"/>
    </row>
    <row r="546" spans="1:11" ht="13.7" customHeight="1">
      <c r="A546" s="739" t="s">
        <v>652</v>
      </c>
      <c r="B546" s="740"/>
      <c r="C546" s="522" t="s">
        <v>242</v>
      </c>
      <c r="D546" s="521">
        <v>1</v>
      </c>
      <c r="E546" s="520"/>
      <c r="F546" s="519"/>
      <c r="G546" s="518" t="s">
        <v>651</v>
      </c>
      <c r="H546" s="517"/>
      <c r="I546" s="517"/>
      <c r="J546" s="517"/>
      <c r="K546" s="516"/>
    </row>
    <row r="547" spans="1:11" ht="13.7" customHeight="1">
      <c r="A547" s="741"/>
      <c r="B547" s="742"/>
      <c r="C547" s="515"/>
      <c r="D547" s="514"/>
      <c r="E547" s="513"/>
      <c r="F547" s="512"/>
      <c r="G547" s="511" t="s">
        <v>651</v>
      </c>
      <c r="H547" s="510"/>
      <c r="I547" s="510"/>
      <c r="J547" s="510"/>
      <c r="K547" s="509"/>
    </row>
    <row r="548" spans="1:11" ht="13.7" customHeight="1">
      <c r="A548" s="743" t="s">
        <v>651</v>
      </c>
      <c r="B548" s="744"/>
      <c r="C548" s="533"/>
      <c r="D548" s="532"/>
      <c r="E548" s="531"/>
      <c r="F548" s="530"/>
      <c r="G548" s="529" t="s">
        <v>651</v>
      </c>
      <c r="H548" s="528"/>
      <c r="I548" s="528"/>
      <c r="J548" s="528"/>
      <c r="K548" s="527"/>
    </row>
    <row r="549" spans="1:11" ht="13.7" customHeight="1">
      <c r="A549" s="745"/>
      <c r="B549" s="740"/>
      <c r="C549" s="526"/>
      <c r="D549" s="525"/>
      <c r="E549" s="524"/>
      <c r="F549" s="523" t="s">
        <v>651</v>
      </c>
      <c r="G549" s="518" t="s">
        <v>651</v>
      </c>
      <c r="H549" s="517"/>
      <c r="I549" s="517"/>
      <c r="J549" s="517"/>
      <c r="K549" s="516"/>
    </row>
    <row r="550" spans="1:11" ht="13.7" customHeight="1">
      <c r="A550" s="739" t="s">
        <v>681</v>
      </c>
      <c r="B550" s="740"/>
      <c r="C550" s="522" t="s">
        <v>242</v>
      </c>
      <c r="D550" s="521">
        <v>1</v>
      </c>
      <c r="E550" s="520" t="s">
        <v>1002</v>
      </c>
      <c r="F550" s="519"/>
      <c r="G550" s="518" t="s">
        <v>651</v>
      </c>
      <c r="H550" s="517"/>
      <c r="I550" s="517"/>
      <c r="J550" s="517"/>
      <c r="K550" s="516"/>
    </row>
    <row r="551" spans="1:11" ht="13.7" customHeight="1">
      <c r="A551" s="741"/>
      <c r="B551" s="742"/>
      <c r="C551" s="515"/>
      <c r="D551" s="514"/>
      <c r="E551" s="513"/>
      <c r="F551" s="512"/>
      <c r="G551" s="511" t="s">
        <v>651</v>
      </c>
      <c r="H551" s="510"/>
      <c r="I551" s="510"/>
      <c r="J551" s="510"/>
      <c r="K551" s="509"/>
    </row>
    <row r="552" spans="1:11" ht="13.7" customHeight="1"/>
    <row r="553" spans="1:11" ht="13.7" customHeight="1"/>
    <row r="554" spans="1:11" ht="13.7" customHeight="1"/>
    <row r="555" spans="1:11" ht="13.7" customHeight="1"/>
    <row r="556" spans="1:11" ht="13.7" customHeight="1"/>
    <row r="557" spans="1:11" ht="13.7" customHeight="1"/>
    <row r="558" spans="1:11" ht="13.7" customHeight="1"/>
    <row r="559" spans="1:11" ht="13.7" customHeight="1"/>
    <row r="560" spans="1:11" ht="13.7" customHeight="1"/>
    <row r="561" spans="1:11" ht="13.7" customHeight="1"/>
    <row r="562" spans="1:11" ht="6.2" customHeight="1"/>
    <row r="563" spans="1:11" ht="14.1" customHeight="1">
      <c r="A563" s="543" t="s">
        <v>1515</v>
      </c>
      <c r="B563" s="540" t="s">
        <v>1514</v>
      </c>
      <c r="C563" s="540"/>
      <c r="D563" s="540"/>
      <c r="E563" s="540"/>
      <c r="F563" s="540"/>
      <c r="G563" s="542" t="s">
        <v>617</v>
      </c>
      <c r="H563" s="541" t="s">
        <v>966</v>
      </c>
      <c r="I563" s="540" t="s">
        <v>1007</v>
      </c>
      <c r="J563" s="540"/>
      <c r="K563" s="539"/>
    </row>
    <row r="564" spans="1:11" ht="24" customHeight="1">
      <c r="A564" s="538" t="s">
        <v>651</v>
      </c>
      <c r="B564" s="537" t="s">
        <v>651</v>
      </c>
      <c r="C564" s="537"/>
      <c r="D564" s="537"/>
      <c r="E564" s="537"/>
      <c r="F564" s="537"/>
      <c r="G564" s="751">
        <v>1</v>
      </c>
      <c r="H564" s="751"/>
      <c r="I564" s="751"/>
      <c r="J564" s="536" t="s">
        <v>242</v>
      </c>
      <c r="K564" s="535" t="s">
        <v>618</v>
      </c>
    </row>
    <row r="565" spans="1:11" ht="17.100000000000001" customHeight="1">
      <c r="A565" s="746" t="s">
        <v>1006</v>
      </c>
      <c r="B565" s="747"/>
      <c r="C565" s="534" t="s">
        <v>309</v>
      </c>
      <c r="D565" s="534" t="s">
        <v>619</v>
      </c>
      <c r="E565" s="534" t="s">
        <v>620</v>
      </c>
      <c r="F565" s="534" t="s">
        <v>659</v>
      </c>
      <c r="G565" s="748" t="s">
        <v>1005</v>
      </c>
      <c r="H565" s="749"/>
      <c r="I565" s="749"/>
      <c r="J565" s="749"/>
      <c r="K565" s="750"/>
    </row>
    <row r="566" spans="1:11" ht="13.7" customHeight="1">
      <c r="A566" s="743" t="s">
        <v>1497</v>
      </c>
      <c r="B566" s="744"/>
      <c r="C566" s="533"/>
      <c r="D566" s="532"/>
      <c r="E566" s="531"/>
      <c r="F566" s="530"/>
      <c r="G566" s="529" t="s">
        <v>1513</v>
      </c>
      <c r="H566" s="528"/>
      <c r="I566" s="528"/>
      <c r="J566" s="528"/>
      <c r="K566" s="527"/>
    </row>
    <row r="567" spans="1:11" ht="13.7" customHeight="1">
      <c r="A567" s="745"/>
      <c r="B567" s="740"/>
      <c r="C567" s="526"/>
      <c r="D567" s="525"/>
      <c r="E567" s="524"/>
      <c r="F567" s="523" t="s">
        <v>651</v>
      </c>
      <c r="G567" s="518" t="s">
        <v>651</v>
      </c>
      <c r="H567" s="517"/>
      <c r="I567" s="517"/>
      <c r="J567" s="517"/>
      <c r="K567" s="516"/>
    </row>
    <row r="568" spans="1:11" ht="13.7" customHeight="1">
      <c r="A568" s="739" t="s">
        <v>651</v>
      </c>
      <c r="B568" s="740"/>
      <c r="C568" s="522" t="s">
        <v>240</v>
      </c>
      <c r="D568" s="521">
        <v>24</v>
      </c>
      <c r="E568" s="520"/>
      <c r="F568" s="519"/>
      <c r="G568" s="518" t="s">
        <v>651</v>
      </c>
      <c r="H568" s="517"/>
      <c r="I568" s="517"/>
      <c r="J568" s="517"/>
      <c r="K568" s="516"/>
    </row>
    <row r="569" spans="1:11" ht="13.7" customHeight="1">
      <c r="A569" s="741"/>
      <c r="B569" s="742"/>
      <c r="C569" s="515"/>
      <c r="D569" s="514"/>
      <c r="E569" s="513"/>
      <c r="F569" s="512"/>
      <c r="G569" s="511" t="s">
        <v>651</v>
      </c>
      <c r="H569" s="510"/>
      <c r="I569" s="510"/>
      <c r="J569" s="510"/>
      <c r="K569" s="509"/>
    </row>
    <row r="570" spans="1:11" ht="13.7" customHeight="1">
      <c r="A570" s="743" t="s">
        <v>1512</v>
      </c>
      <c r="B570" s="744"/>
      <c r="C570" s="533"/>
      <c r="D570" s="532"/>
      <c r="E570" s="531"/>
      <c r="F570" s="530"/>
      <c r="G570" s="529" t="s">
        <v>651</v>
      </c>
      <c r="H570" s="528"/>
      <c r="I570" s="528"/>
      <c r="J570" s="528"/>
      <c r="K570" s="527"/>
    </row>
    <row r="571" spans="1:11" ht="13.7" customHeight="1">
      <c r="A571" s="745"/>
      <c r="B571" s="740"/>
      <c r="C571" s="526"/>
      <c r="D571" s="525"/>
      <c r="E571" s="524"/>
      <c r="F571" s="523" t="s">
        <v>651</v>
      </c>
      <c r="G571" s="518" t="s">
        <v>651</v>
      </c>
      <c r="H571" s="517"/>
      <c r="I571" s="517"/>
      <c r="J571" s="517"/>
      <c r="K571" s="516"/>
    </row>
    <row r="572" spans="1:11" ht="13.7" customHeight="1">
      <c r="A572" s="739" t="s">
        <v>1511</v>
      </c>
      <c r="B572" s="740"/>
      <c r="C572" s="522" t="s">
        <v>240</v>
      </c>
      <c r="D572" s="521">
        <v>0.3</v>
      </c>
      <c r="E572" s="520"/>
      <c r="F572" s="519"/>
      <c r="G572" s="518" t="s">
        <v>651</v>
      </c>
      <c r="H572" s="517"/>
      <c r="I572" s="517"/>
      <c r="J572" s="517"/>
      <c r="K572" s="516"/>
    </row>
    <row r="573" spans="1:11" ht="13.7" customHeight="1">
      <c r="A573" s="741"/>
      <c r="B573" s="742"/>
      <c r="C573" s="515"/>
      <c r="D573" s="514"/>
      <c r="E573" s="513"/>
      <c r="F573" s="512"/>
      <c r="G573" s="511" t="s">
        <v>651</v>
      </c>
      <c r="H573" s="510"/>
      <c r="I573" s="510"/>
      <c r="J573" s="510"/>
      <c r="K573" s="509"/>
    </row>
    <row r="574" spans="1:11" ht="13.7" customHeight="1">
      <c r="A574" s="743" t="s">
        <v>1495</v>
      </c>
      <c r="B574" s="744"/>
      <c r="C574" s="533"/>
      <c r="D574" s="532"/>
      <c r="E574" s="531"/>
      <c r="F574" s="530"/>
      <c r="G574" s="529" t="s">
        <v>1510</v>
      </c>
      <c r="H574" s="528"/>
      <c r="I574" s="528"/>
      <c r="J574" s="528"/>
      <c r="K574" s="527"/>
    </row>
    <row r="575" spans="1:11" ht="13.7" customHeight="1">
      <c r="A575" s="745"/>
      <c r="B575" s="740"/>
      <c r="C575" s="526"/>
      <c r="D575" s="525"/>
      <c r="E575" s="524"/>
      <c r="F575" s="523" t="s">
        <v>651</v>
      </c>
      <c r="G575" s="518" t="s">
        <v>651</v>
      </c>
      <c r="H575" s="517"/>
      <c r="I575" s="517"/>
      <c r="J575" s="517"/>
      <c r="K575" s="516"/>
    </row>
    <row r="576" spans="1:11" ht="13.7" customHeight="1">
      <c r="A576" s="739" t="s">
        <v>651</v>
      </c>
      <c r="B576" s="740"/>
      <c r="C576" s="522" t="s">
        <v>242</v>
      </c>
      <c r="D576" s="521">
        <v>1</v>
      </c>
      <c r="E576" s="520"/>
      <c r="F576" s="519"/>
      <c r="G576" s="518" t="s">
        <v>651</v>
      </c>
      <c r="H576" s="517"/>
      <c r="I576" s="517"/>
      <c r="J576" s="517"/>
      <c r="K576" s="516"/>
    </row>
    <row r="577" spans="1:11" ht="13.7" customHeight="1">
      <c r="A577" s="741"/>
      <c r="B577" s="742"/>
      <c r="C577" s="515"/>
      <c r="D577" s="514"/>
      <c r="E577" s="513"/>
      <c r="F577" s="512"/>
      <c r="G577" s="511" t="s">
        <v>651</v>
      </c>
      <c r="H577" s="510"/>
      <c r="I577" s="510"/>
      <c r="J577" s="510"/>
      <c r="K577" s="509"/>
    </row>
    <row r="578" spans="1:11" ht="13.7" customHeight="1">
      <c r="A578" s="743" t="s">
        <v>651</v>
      </c>
      <c r="B578" s="744"/>
      <c r="C578" s="533"/>
      <c r="D578" s="532"/>
      <c r="E578" s="531"/>
      <c r="F578" s="530"/>
      <c r="G578" s="529" t="s">
        <v>651</v>
      </c>
      <c r="H578" s="528"/>
      <c r="I578" s="528"/>
      <c r="J578" s="528"/>
      <c r="K578" s="527"/>
    </row>
    <row r="579" spans="1:11" ht="13.7" customHeight="1">
      <c r="A579" s="745"/>
      <c r="B579" s="740"/>
      <c r="C579" s="526"/>
      <c r="D579" s="525"/>
      <c r="E579" s="524"/>
      <c r="F579" s="523" t="s">
        <v>651</v>
      </c>
      <c r="G579" s="518" t="s">
        <v>651</v>
      </c>
      <c r="H579" s="517"/>
      <c r="I579" s="517"/>
      <c r="J579" s="517"/>
      <c r="K579" s="516"/>
    </row>
    <row r="580" spans="1:11" ht="13.7" customHeight="1">
      <c r="A580" s="739" t="s">
        <v>652</v>
      </c>
      <c r="B580" s="740"/>
      <c r="C580" s="522" t="s">
        <v>242</v>
      </c>
      <c r="D580" s="521">
        <v>1</v>
      </c>
      <c r="E580" s="520"/>
      <c r="F580" s="519"/>
      <c r="G580" s="518" t="s">
        <v>651</v>
      </c>
      <c r="H580" s="517"/>
      <c r="I580" s="517"/>
      <c r="J580" s="517"/>
      <c r="K580" s="516"/>
    </row>
    <row r="581" spans="1:11" ht="13.7" customHeight="1">
      <c r="A581" s="741"/>
      <c r="B581" s="742"/>
      <c r="C581" s="515"/>
      <c r="D581" s="514"/>
      <c r="E581" s="513"/>
      <c r="F581" s="512"/>
      <c r="G581" s="511" t="s">
        <v>651</v>
      </c>
      <c r="H581" s="510"/>
      <c r="I581" s="510"/>
      <c r="J581" s="510"/>
      <c r="K581" s="509"/>
    </row>
    <row r="582" spans="1:11" ht="13.7" customHeight="1">
      <c r="A582" s="743" t="s">
        <v>651</v>
      </c>
      <c r="B582" s="744"/>
      <c r="C582" s="533"/>
      <c r="D582" s="532"/>
      <c r="E582" s="531"/>
      <c r="F582" s="530"/>
      <c r="G582" s="529" t="s">
        <v>651</v>
      </c>
      <c r="H582" s="528"/>
      <c r="I582" s="528"/>
      <c r="J582" s="528"/>
      <c r="K582" s="527"/>
    </row>
    <row r="583" spans="1:11" ht="13.7" customHeight="1">
      <c r="A583" s="745"/>
      <c r="B583" s="740"/>
      <c r="C583" s="526"/>
      <c r="D583" s="525"/>
      <c r="E583" s="524"/>
      <c r="F583" s="523" t="s">
        <v>651</v>
      </c>
      <c r="G583" s="518" t="s">
        <v>651</v>
      </c>
      <c r="H583" s="517"/>
      <c r="I583" s="517"/>
      <c r="J583" s="517"/>
      <c r="K583" s="516"/>
    </row>
    <row r="584" spans="1:11" ht="13.7" customHeight="1">
      <c r="A584" s="739" t="s">
        <v>681</v>
      </c>
      <c r="B584" s="740"/>
      <c r="C584" s="522" t="s">
        <v>242</v>
      </c>
      <c r="D584" s="521">
        <v>1</v>
      </c>
      <c r="E584" s="520" t="s">
        <v>1002</v>
      </c>
      <c r="F584" s="519"/>
      <c r="G584" s="518" t="s">
        <v>651</v>
      </c>
      <c r="H584" s="517"/>
      <c r="I584" s="517"/>
      <c r="J584" s="517"/>
      <c r="K584" s="516"/>
    </row>
    <row r="585" spans="1:11" ht="13.7" customHeight="1">
      <c r="A585" s="741"/>
      <c r="B585" s="742"/>
      <c r="C585" s="515"/>
      <c r="D585" s="514"/>
      <c r="E585" s="513"/>
      <c r="F585" s="512"/>
      <c r="G585" s="511" t="s">
        <v>651</v>
      </c>
      <c r="H585" s="510"/>
      <c r="I585" s="510"/>
      <c r="J585" s="510"/>
      <c r="K585" s="509"/>
    </row>
    <row r="586" spans="1:11" ht="13.7" customHeight="1"/>
    <row r="587" spans="1:11" ht="13.7" customHeight="1"/>
    <row r="588" spans="1:11" ht="13.7" customHeight="1"/>
    <row r="589" spans="1:11" ht="13.7" customHeight="1"/>
    <row r="590" spans="1:11" ht="13.7" customHeight="1"/>
    <row r="591" spans="1:11" ht="13.7" customHeight="1"/>
    <row r="592" spans="1:11" ht="13.7" customHeight="1"/>
    <row r="593" spans="1:11" ht="13.7" customHeight="1"/>
    <row r="594" spans="1:11" ht="13.7" customHeight="1"/>
    <row r="595" spans="1:11" ht="13.7" customHeight="1"/>
    <row r="596" spans="1:11" ht="13.7" customHeight="1"/>
    <row r="597" spans="1:11" ht="13.7" customHeight="1"/>
    <row r="598" spans="1:11" ht="13.7" customHeight="1"/>
    <row r="599" spans="1:11" ht="13.7" customHeight="1"/>
    <row r="600" spans="1:11" ht="6.2" customHeight="1"/>
    <row r="601" spans="1:11" ht="14.1" customHeight="1">
      <c r="A601" s="543" t="s">
        <v>1498</v>
      </c>
      <c r="B601" s="540" t="s">
        <v>1497</v>
      </c>
      <c r="C601" s="540"/>
      <c r="D601" s="540"/>
      <c r="E601" s="540"/>
      <c r="F601" s="540"/>
      <c r="G601" s="542" t="s">
        <v>617</v>
      </c>
      <c r="H601" s="541" t="s">
        <v>963</v>
      </c>
      <c r="I601" s="540" t="s">
        <v>1007</v>
      </c>
      <c r="J601" s="540"/>
      <c r="K601" s="539"/>
    </row>
    <row r="602" spans="1:11" ht="24" customHeight="1">
      <c r="A602" s="538" t="s">
        <v>651</v>
      </c>
      <c r="B602" s="537" t="s">
        <v>651</v>
      </c>
      <c r="C602" s="537"/>
      <c r="D602" s="537"/>
      <c r="E602" s="537"/>
      <c r="F602" s="537"/>
      <c r="G602" s="751">
        <v>1</v>
      </c>
      <c r="H602" s="751"/>
      <c r="I602" s="751"/>
      <c r="J602" s="536" t="s">
        <v>240</v>
      </c>
      <c r="K602" s="535" t="s">
        <v>618</v>
      </c>
    </row>
    <row r="603" spans="1:11" ht="17.100000000000001" customHeight="1">
      <c r="A603" s="746" t="s">
        <v>1006</v>
      </c>
      <c r="B603" s="747"/>
      <c r="C603" s="534" t="s">
        <v>309</v>
      </c>
      <c r="D603" s="534" t="s">
        <v>619</v>
      </c>
      <c r="E603" s="534" t="s">
        <v>620</v>
      </c>
      <c r="F603" s="534" t="s">
        <v>659</v>
      </c>
      <c r="G603" s="748" t="s">
        <v>1005</v>
      </c>
      <c r="H603" s="749"/>
      <c r="I603" s="749"/>
      <c r="J603" s="749"/>
      <c r="K603" s="750"/>
    </row>
    <row r="604" spans="1:11" ht="13.7" customHeight="1">
      <c r="A604" s="743" t="s">
        <v>1508</v>
      </c>
      <c r="B604" s="744"/>
      <c r="C604" s="533"/>
      <c r="D604" s="532"/>
      <c r="E604" s="531"/>
      <c r="F604" s="530"/>
      <c r="G604" s="529" t="s">
        <v>651</v>
      </c>
      <c r="H604" s="528"/>
      <c r="I604" s="528"/>
      <c r="J604" s="528"/>
      <c r="K604" s="527"/>
    </row>
    <row r="605" spans="1:11" ht="13.7" customHeight="1">
      <c r="A605" s="745"/>
      <c r="B605" s="740"/>
      <c r="C605" s="526"/>
      <c r="D605" s="525"/>
      <c r="E605" s="524"/>
      <c r="F605" s="523" t="s">
        <v>651</v>
      </c>
      <c r="G605" s="518" t="s">
        <v>651</v>
      </c>
      <c r="H605" s="517"/>
      <c r="I605" s="517"/>
      <c r="J605" s="517"/>
      <c r="K605" s="516"/>
    </row>
    <row r="606" spans="1:11" ht="13.7" customHeight="1">
      <c r="A606" s="739" t="s">
        <v>1509</v>
      </c>
      <c r="B606" s="740"/>
      <c r="C606" s="522" t="s">
        <v>1506</v>
      </c>
      <c r="D606" s="521">
        <v>1.4999999999999999E-2</v>
      </c>
      <c r="E606" s="520"/>
      <c r="F606" s="519"/>
      <c r="G606" s="518" t="s">
        <v>651</v>
      </c>
      <c r="H606" s="517"/>
      <c r="I606" s="517"/>
      <c r="J606" s="517"/>
      <c r="K606" s="516"/>
    </row>
    <row r="607" spans="1:11" ht="13.7" customHeight="1">
      <c r="A607" s="741"/>
      <c r="B607" s="742"/>
      <c r="C607" s="515"/>
      <c r="D607" s="514"/>
      <c r="E607" s="513"/>
      <c r="F607" s="512"/>
      <c r="G607" s="511" t="s">
        <v>651</v>
      </c>
      <c r="H607" s="510"/>
      <c r="I607" s="510"/>
      <c r="J607" s="510"/>
      <c r="K607" s="509"/>
    </row>
    <row r="608" spans="1:11" ht="13.7" customHeight="1">
      <c r="A608" s="743" t="s">
        <v>1508</v>
      </c>
      <c r="B608" s="744"/>
      <c r="C608" s="533"/>
      <c r="D608" s="532"/>
      <c r="E608" s="531"/>
      <c r="F608" s="530"/>
      <c r="G608" s="529" t="s">
        <v>651</v>
      </c>
      <c r="H608" s="528"/>
      <c r="I608" s="528"/>
      <c r="J608" s="528"/>
      <c r="K608" s="527"/>
    </row>
    <row r="609" spans="1:11" ht="13.7" customHeight="1">
      <c r="A609" s="745"/>
      <c r="B609" s="740"/>
      <c r="C609" s="526"/>
      <c r="D609" s="525"/>
      <c r="E609" s="524"/>
      <c r="F609" s="523" t="s">
        <v>651</v>
      </c>
      <c r="G609" s="518" t="s">
        <v>651</v>
      </c>
      <c r="H609" s="517"/>
      <c r="I609" s="517"/>
      <c r="J609" s="517"/>
      <c r="K609" s="516"/>
    </row>
    <row r="610" spans="1:11" ht="13.7" customHeight="1">
      <c r="A610" s="739" t="s">
        <v>1507</v>
      </c>
      <c r="B610" s="740"/>
      <c r="C610" s="522" t="s">
        <v>1506</v>
      </c>
      <c r="D610" s="521">
        <v>3.0000000000000001E-3</v>
      </c>
      <c r="E610" s="520"/>
      <c r="F610" s="519"/>
      <c r="G610" s="518" t="s">
        <v>651</v>
      </c>
      <c r="H610" s="517"/>
      <c r="I610" s="517"/>
      <c r="J610" s="517"/>
      <c r="K610" s="516"/>
    </row>
    <row r="611" spans="1:11" ht="13.7" customHeight="1">
      <c r="A611" s="741"/>
      <c r="B611" s="742"/>
      <c r="C611" s="515"/>
      <c r="D611" s="514"/>
      <c r="E611" s="513"/>
      <c r="F611" s="512"/>
      <c r="G611" s="511" t="s">
        <v>651</v>
      </c>
      <c r="H611" s="510"/>
      <c r="I611" s="510"/>
      <c r="J611" s="510"/>
      <c r="K611" s="509"/>
    </row>
    <row r="612" spans="1:11" ht="13.7" customHeight="1">
      <c r="A612" s="743" t="s">
        <v>1505</v>
      </c>
      <c r="B612" s="744"/>
      <c r="C612" s="533"/>
      <c r="D612" s="532"/>
      <c r="E612" s="531"/>
      <c r="F612" s="530"/>
      <c r="G612" s="529" t="s">
        <v>651</v>
      </c>
      <c r="H612" s="528"/>
      <c r="I612" s="528"/>
      <c r="J612" s="528"/>
      <c r="K612" s="527"/>
    </row>
    <row r="613" spans="1:11" ht="13.7" customHeight="1">
      <c r="A613" s="745"/>
      <c r="B613" s="740"/>
      <c r="C613" s="526"/>
      <c r="D613" s="525"/>
      <c r="E613" s="524"/>
      <c r="F613" s="523" t="s">
        <v>651</v>
      </c>
      <c r="G613" s="518" t="s">
        <v>651</v>
      </c>
      <c r="H613" s="517"/>
      <c r="I613" s="517"/>
      <c r="J613" s="517"/>
      <c r="K613" s="516"/>
    </row>
    <row r="614" spans="1:11" ht="13.7" customHeight="1">
      <c r="A614" s="739" t="s">
        <v>651</v>
      </c>
      <c r="B614" s="740"/>
      <c r="C614" s="522" t="s">
        <v>1504</v>
      </c>
      <c r="D614" s="521">
        <v>0.12</v>
      </c>
      <c r="E614" s="520"/>
      <c r="F614" s="519"/>
      <c r="G614" s="518" t="s">
        <v>651</v>
      </c>
      <c r="H614" s="517"/>
      <c r="I614" s="517"/>
      <c r="J614" s="517"/>
      <c r="K614" s="516"/>
    </row>
    <row r="615" spans="1:11" ht="13.7" customHeight="1">
      <c r="A615" s="741"/>
      <c r="B615" s="742"/>
      <c r="C615" s="515"/>
      <c r="D615" s="514"/>
      <c r="E615" s="513"/>
      <c r="F615" s="512"/>
      <c r="G615" s="511" t="s">
        <v>651</v>
      </c>
      <c r="H615" s="510"/>
      <c r="I615" s="510"/>
      <c r="J615" s="510"/>
      <c r="K615" s="509"/>
    </row>
    <row r="616" spans="1:11" ht="13.7" customHeight="1">
      <c r="A616" s="743" t="s">
        <v>1503</v>
      </c>
      <c r="B616" s="744"/>
      <c r="C616" s="533"/>
      <c r="D616" s="532"/>
      <c r="E616" s="531"/>
      <c r="F616" s="530"/>
      <c r="G616" s="529" t="s">
        <v>651</v>
      </c>
      <c r="H616" s="528"/>
      <c r="I616" s="528"/>
      <c r="J616" s="528"/>
      <c r="K616" s="527"/>
    </row>
    <row r="617" spans="1:11" ht="13.7" customHeight="1">
      <c r="A617" s="745"/>
      <c r="B617" s="740"/>
      <c r="C617" s="526"/>
      <c r="D617" s="525"/>
      <c r="E617" s="524"/>
      <c r="F617" s="523" t="s">
        <v>651</v>
      </c>
      <c r="G617" s="518" t="s">
        <v>651</v>
      </c>
      <c r="H617" s="517"/>
      <c r="I617" s="517"/>
      <c r="J617" s="517"/>
      <c r="K617" s="516"/>
    </row>
    <row r="618" spans="1:11" ht="13.7" customHeight="1">
      <c r="A618" s="739" t="s">
        <v>1502</v>
      </c>
      <c r="B618" s="740"/>
      <c r="C618" s="522" t="s">
        <v>314</v>
      </c>
      <c r="D618" s="521">
        <v>59</v>
      </c>
      <c r="E618" s="520"/>
      <c r="F618" s="519"/>
      <c r="G618" s="518" t="s">
        <v>651</v>
      </c>
      <c r="H618" s="517"/>
      <c r="I618" s="517"/>
      <c r="J618" s="517"/>
      <c r="K618" s="516"/>
    </row>
    <row r="619" spans="1:11" ht="13.7" customHeight="1">
      <c r="A619" s="741"/>
      <c r="B619" s="742"/>
      <c r="C619" s="515"/>
      <c r="D619" s="514"/>
      <c r="E619" s="513"/>
      <c r="F619" s="512"/>
      <c r="G619" s="511" t="s">
        <v>651</v>
      </c>
      <c r="H619" s="510"/>
      <c r="I619" s="510"/>
      <c r="J619" s="510"/>
      <c r="K619" s="509"/>
    </row>
    <row r="620" spans="1:11" ht="13.7" customHeight="1">
      <c r="A620" s="743" t="s">
        <v>1501</v>
      </c>
      <c r="B620" s="744"/>
      <c r="C620" s="533"/>
      <c r="D620" s="532"/>
      <c r="E620" s="531"/>
      <c r="F620" s="530"/>
      <c r="G620" s="529" t="s">
        <v>651</v>
      </c>
      <c r="H620" s="528"/>
      <c r="I620" s="528"/>
      <c r="J620" s="528"/>
      <c r="K620" s="527"/>
    </row>
    <row r="621" spans="1:11" ht="13.7" customHeight="1">
      <c r="A621" s="745"/>
      <c r="B621" s="740"/>
      <c r="C621" s="526"/>
      <c r="D621" s="525"/>
      <c r="E621" s="524"/>
      <c r="F621" s="523" t="s">
        <v>651</v>
      </c>
      <c r="G621" s="518" t="s">
        <v>651</v>
      </c>
      <c r="H621" s="517"/>
      <c r="I621" s="517"/>
      <c r="J621" s="517"/>
      <c r="K621" s="516"/>
    </row>
    <row r="622" spans="1:11" ht="13.7" customHeight="1">
      <c r="A622" s="739" t="s">
        <v>651</v>
      </c>
      <c r="B622" s="740"/>
      <c r="C622" s="522" t="s">
        <v>242</v>
      </c>
      <c r="D622" s="521">
        <v>1</v>
      </c>
      <c r="E622" s="520"/>
      <c r="F622" s="519"/>
      <c r="G622" s="518" t="s">
        <v>651</v>
      </c>
      <c r="H622" s="517"/>
      <c r="I622" s="517"/>
      <c r="J622" s="517"/>
      <c r="K622" s="516"/>
    </row>
    <row r="623" spans="1:11" ht="13.7" customHeight="1">
      <c r="A623" s="741"/>
      <c r="B623" s="742"/>
      <c r="C623" s="515"/>
      <c r="D623" s="514"/>
      <c r="E623" s="513"/>
      <c r="F623" s="512"/>
      <c r="G623" s="511" t="s">
        <v>651</v>
      </c>
      <c r="H623" s="510"/>
      <c r="I623" s="510"/>
      <c r="J623" s="510"/>
      <c r="K623" s="509"/>
    </row>
    <row r="624" spans="1:11" ht="13.7" customHeight="1">
      <c r="A624" s="743" t="s">
        <v>1500</v>
      </c>
      <c r="B624" s="744"/>
      <c r="C624" s="533"/>
      <c r="D624" s="532"/>
      <c r="E624" s="531"/>
      <c r="F624" s="530"/>
      <c r="G624" s="529" t="s">
        <v>651</v>
      </c>
      <c r="H624" s="528"/>
      <c r="I624" s="528"/>
      <c r="J624" s="528"/>
      <c r="K624" s="527"/>
    </row>
    <row r="625" spans="1:11" ht="13.7" customHeight="1">
      <c r="A625" s="745"/>
      <c r="B625" s="740"/>
      <c r="C625" s="526"/>
      <c r="D625" s="525"/>
      <c r="E625" s="524"/>
      <c r="F625" s="523" t="s">
        <v>651</v>
      </c>
      <c r="G625" s="518" t="s">
        <v>651</v>
      </c>
      <c r="H625" s="517"/>
      <c r="I625" s="517"/>
      <c r="J625" s="517"/>
      <c r="K625" s="516"/>
    </row>
    <row r="626" spans="1:11" ht="13.7" customHeight="1">
      <c r="A626" s="739" t="s">
        <v>651</v>
      </c>
      <c r="B626" s="740"/>
      <c r="C626" s="522" t="s">
        <v>242</v>
      </c>
      <c r="D626" s="521">
        <v>1</v>
      </c>
      <c r="E626" s="520"/>
      <c r="F626" s="519"/>
      <c r="G626" s="518" t="s">
        <v>651</v>
      </c>
      <c r="H626" s="517"/>
      <c r="I626" s="517"/>
      <c r="J626" s="517"/>
      <c r="K626" s="516"/>
    </row>
    <row r="627" spans="1:11" ht="13.7" customHeight="1">
      <c r="A627" s="741"/>
      <c r="B627" s="742"/>
      <c r="C627" s="515"/>
      <c r="D627" s="514"/>
      <c r="E627" s="513"/>
      <c r="F627" s="512"/>
      <c r="G627" s="511" t="s">
        <v>651</v>
      </c>
      <c r="H627" s="510"/>
      <c r="I627" s="510"/>
      <c r="J627" s="510"/>
      <c r="K627" s="509"/>
    </row>
    <row r="628" spans="1:11" ht="13.7" customHeight="1">
      <c r="A628" s="743" t="s">
        <v>1499</v>
      </c>
      <c r="B628" s="744"/>
      <c r="C628" s="533"/>
      <c r="D628" s="532"/>
      <c r="E628" s="531"/>
      <c r="F628" s="530"/>
      <c r="G628" s="529" t="s">
        <v>651</v>
      </c>
      <c r="H628" s="528"/>
      <c r="I628" s="528"/>
      <c r="J628" s="528"/>
      <c r="K628" s="527"/>
    </row>
    <row r="629" spans="1:11" ht="13.7" customHeight="1">
      <c r="A629" s="745"/>
      <c r="B629" s="740"/>
      <c r="C629" s="526"/>
      <c r="D629" s="525"/>
      <c r="E629" s="524"/>
      <c r="F629" s="523" t="s">
        <v>651</v>
      </c>
      <c r="G629" s="518" t="s">
        <v>651</v>
      </c>
      <c r="H629" s="517"/>
      <c r="I629" s="517"/>
      <c r="J629" s="517"/>
      <c r="K629" s="516"/>
    </row>
    <row r="630" spans="1:11" ht="13.7" customHeight="1">
      <c r="A630" s="739" t="s">
        <v>651</v>
      </c>
      <c r="B630" s="740"/>
      <c r="C630" s="522" t="s">
        <v>242</v>
      </c>
      <c r="D630" s="521">
        <v>1</v>
      </c>
      <c r="E630" s="520"/>
      <c r="F630" s="519"/>
      <c r="G630" s="518" t="s">
        <v>651</v>
      </c>
      <c r="H630" s="517"/>
      <c r="I630" s="517"/>
      <c r="J630" s="517"/>
      <c r="K630" s="516"/>
    </row>
    <row r="631" spans="1:11" ht="13.7" customHeight="1">
      <c r="A631" s="741"/>
      <c r="B631" s="742"/>
      <c r="C631" s="515"/>
      <c r="D631" s="514"/>
      <c r="E631" s="513"/>
      <c r="F631" s="512"/>
      <c r="G631" s="511" t="s">
        <v>651</v>
      </c>
      <c r="H631" s="510"/>
      <c r="I631" s="510"/>
      <c r="J631" s="510"/>
      <c r="K631" s="509"/>
    </row>
    <row r="632" spans="1:11" ht="13.7" customHeight="1">
      <c r="A632" s="743" t="s">
        <v>651</v>
      </c>
      <c r="B632" s="744"/>
      <c r="C632" s="533"/>
      <c r="D632" s="532"/>
      <c r="E632" s="531"/>
      <c r="F632" s="530"/>
      <c r="G632" s="529" t="s">
        <v>651</v>
      </c>
      <c r="H632" s="528"/>
      <c r="I632" s="528"/>
      <c r="J632" s="528"/>
      <c r="K632" s="527"/>
    </row>
    <row r="633" spans="1:11" ht="13.7" customHeight="1">
      <c r="A633" s="745"/>
      <c r="B633" s="740"/>
      <c r="C633" s="526"/>
      <c r="D633" s="525"/>
      <c r="E633" s="524"/>
      <c r="F633" s="523" t="s">
        <v>651</v>
      </c>
      <c r="G633" s="518" t="s">
        <v>651</v>
      </c>
      <c r="H633" s="517"/>
      <c r="I633" s="517"/>
      <c r="J633" s="517"/>
      <c r="K633" s="516"/>
    </row>
    <row r="634" spans="1:11" ht="13.7" customHeight="1">
      <c r="A634" s="739" t="s">
        <v>652</v>
      </c>
      <c r="B634" s="740"/>
      <c r="C634" s="522" t="s">
        <v>240</v>
      </c>
      <c r="D634" s="521">
        <v>1</v>
      </c>
      <c r="E634" s="520"/>
      <c r="F634" s="519"/>
      <c r="G634" s="518" t="s">
        <v>651</v>
      </c>
      <c r="H634" s="517"/>
      <c r="I634" s="517"/>
      <c r="J634" s="517"/>
      <c r="K634" s="516"/>
    </row>
    <row r="635" spans="1:11" ht="13.7" customHeight="1">
      <c r="A635" s="741"/>
      <c r="B635" s="742"/>
      <c r="C635" s="515"/>
      <c r="D635" s="514"/>
      <c r="E635" s="513"/>
      <c r="F635" s="512"/>
      <c r="G635" s="511" t="s">
        <v>651</v>
      </c>
      <c r="H635" s="510"/>
      <c r="I635" s="510"/>
      <c r="J635" s="510"/>
      <c r="K635" s="509"/>
    </row>
    <row r="636" spans="1:11" ht="13.7" customHeight="1"/>
    <row r="637" spans="1:11" ht="13.7" customHeight="1"/>
    <row r="638" spans="1:11" ht="6.2" customHeight="1"/>
    <row r="639" spans="1:11" ht="14.1" customHeight="1">
      <c r="A639" s="543" t="s">
        <v>1498</v>
      </c>
      <c r="B639" s="540" t="s">
        <v>1497</v>
      </c>
      <c r="C639" s="540"/>
      <c r="D639" s="540"/>
      <c r="E639" s="540"/>
      <c r="F639" s="540"/>
      <c r="G639" s="542" t="s">
        <v>617</v>
      </c>
      <c r="H639" s="541" t="s">
        <v>963</v>
      </c>
      <c r="I639" s="540" t="s">
        <v>1007</v>
      </c>
      <c r="J639" s="540"/>
      <c r="K639" s="539"/>
    </row>
    <row r="640" spans="1:11" ht="24" customHeight="1">
      <c r="A640" s="538" t="s">
        <v>651</v>
      </c>
      <c r="B640" s="537" t="s">
        <v>651</v>
      </c>
      <c r="C640" s="537"/>
      <c r="D640" s="537"/>
      <c r="E640" s="537"/>
      <c r="F640" s="537"/>
      <c r="G640" s="751">
        <v>1</v>
      </c>
      <c r="H640" s="751"/>
      <c r="I640" s="751"/>
      <c r="J640" s="536" t="s">
        <v>240</v>
      </c>
      <c r="K640" s="535" t="s">
        <v>618</v>
      </c>
    </row>
    <row r="641" spans="1:11" ht="17.100000000000001" customHeight="1">
      <c r="A641" s="746" t="s">
        <v>1006</v>
      </c>
      <c r="B641" s="747"/>
      <c r="C641" s="534" t="s">
        <v>309</v>
      </c>
      <c r="D641" s="534" t="s">
        <v>619</v>
      </c>
      <c r="E641" s="534" t="s">
        <v>620</v>
      </c>
      <c r="F641" s="534" t="s">
        <v>659</v>
      </c>
      <c r="G641" s="748" t="s">
        <v>1005</v>
      </c>
      <c r="H641" s="749"/>
      <c r="I641" s="749"/>
      <c r="J641" s="749"/>
      <c r="K641" s="750"/>
    </row>
    <row r="642" spans="1:11" ht="13.7" customHeight="1">
      <c r="A642" s="743" t="s">
        <v>651</v>
      </c>
      <c r="B642" s="744"/>
      <c r="C642" s="533"/>
      <c r="D642" s="532"/>
      <c r="E642" s="531"/>
      <c r="F642" s="530"/>
      <c r="G642" s="529" t="s">
        <v>651</v>
      </c>
      <c r="H642" s="528"/>
      <c r="I642" s="528"/>
      <c r="J642" s="528"/>
      <c r="K642" s="527"/>
    </row>
    <row r="643" spans="1:11" ht="13.7" customHeight="1">
      <c r="A643" s="745"/>
      <c r="B643" s="740"/>
      <c r="C643" s="526"/>
      <c r="D643" s="525"/>
      <c r="E643" s="524"/>
      <c r="F643" s="523" t="s">
        <v>651</v>
      </c>
      <c r="G643" s="518" t="s">
        <v>651</v>
      </c>
      <c r="H643" s="517"/>
      <c r="I643" s="517"/>
      <c r="J643" s="517"/>
      <c r="K643" s="516"/>
    </row>
    <row r="644" spans="1:11" ht="13.7" customHeight="1">
      <c r="A644" s="739" t="s">
        <v>681</v>
      </c>
      <c r="B644" s="740"/>
      <c r="C644" s="522" t="s">
        <v>240</v>
      </c>
      <c r="D644" s="521">
        <v>1</v>
      </c>
      <c r="E644" s="520" t="s">
        <v>1002</v>
      </c>
      <c r="F644" s="519"/>
      <c r="G644" s="518" t="s">
        <v>651</v>
      </c>
      <c r="H644" s="517"/>
      <c r="I644" s="517"/>
      <c r="J644" s="517"/>
      <c r="K644" s="516"/>
    </row>
    <row r="645" spans="1:11" ht="13.7" customHeight="1">
      <c r="A645" s="741"/>
      <c r="B645" s="742"/>
      <c r="C645" s="515"/>
      <c r="D645" s="514"/>
      <c r="E645" s="513"/>
      <c r="F645" s="512"/>
      <c r="G645" s="511" t="s">
        <v>651</v>
      </c>
      <c r="H645" s="510"/>
      <c r="I645" s="510"/>
      <c r="J645" s="510"/>
      <c r="K645" s="509"/>
    </row>
    <row r="646" spans="1:11" ht="54.95" customHeight="1"/>
    <row r="647" spans="1:11" ht="14.1" customHeight="1">
      <c r="A647" s="543" t="s">
        <v>1496</v>
      </c>
      <c r="B647" s="540" t="s">
        <v>1495</v>
      </c>
      <c r="C647" s="540"/>
      <c r="D647" s="540"/>
      <c r="E647" s="540"/>
      <c r="F647" s="540"/>
      <c r="G647" s="542" t="s">
        <v>617</v>
      </c>
      <c r="H647" s="541" t="s">
        <v>960</v>
      </c>
      <c r="I647" s="540" t="s">
        <v>1007</v>
      </c>
      <c r="J647" s="540"/>
      <c r="K647" s="539"/>
    </row>
    <row r="648" spans="1:11" ht="24" customHeight="1">
      <c r="A648" s="538" t="s">
        <v>651</v>
      </c>
      <c r="B648" s="537" t="s">
        <v>651</v>
      </c>
      <c r="C648" s="537"/>
      <c r="D648" s="537"/>
      <c r="E648" s="537"/>
      <c r="F648" s="537"/>
      <c r="G648" s="751">
        <v>1</v>
      </c>
      <c r="H648" s="751"/>
      <c r="I648" s="751"/>
      <c r="J648" s="536" t="s">
        <v>242</v>
      </c>
      <c r="K648" s="535" t="s">
        <v>618</v>
      </c>
    </row>
    <row r="649" spans="1:11" ht="17.100000000000001" customHeight="1">
      <c r="A649" s="746" t="s">
        <v>1006</v>
      </c>
      <c r="B649" s="747"/>
      <c r="C649" s="534" t="s">
        <v>309</v>
      </c>
      <c r="D649" s="534" t="s">
        <v>619</v>
      </c>
      <c r="E649" s="534" t="s">
        <v>620</v>
      </c>
      <c r="F649" s="534" t="s">
        <v>659</v>
      </c>
      <c r="G649" s="748" t="s">
        <v>1005</v>
      </c>
      <c r="H649" s="749"/>
      <c r="I649" s="749"/>
      <c r="J649" s="749"/>
      <c r="K649" s="750"/>
    </row>
    <row r="650" spans="1:11" ht="13.7" customHeight="1">
      <c r="A650" s="743" t="s">
        <v>1701</v>
      </c>
      <c r="B650" s="744"/>
      <c r="C650" s="533"/>
      <c r="D650" s="532"/>
      <c r="E650" s="531"/>
      <c r="F650" s="530"/>
      <c r="G650" s="529" t="s">
        <v>651</v>
      </c>
      <c r="H650" s="528"/>
      <c r="I650" s="528"/>
      <c r="J650" s="528"/>
      <c r="K650" s="527"/>
    </row>
    <row r="651" spans="1:11" ht="13.7" customHeight="1">
      <c r="A651" s="745"/>
      <c r="B651" s="740"/>
      <c r="C651" s="526"/>
      <c r="D651" s="525"/>
      <c r="E651" s="524"/>
      <c r="F651" s="523" t="s">
        <v>651</v>
      </c>
      <c r="G651" s="518" t="s">
        <v>651</v>
      </c>
      <c r="H651" s="517"/>
      <c r="I651" s="517"/>
      <c r="J651" s="517"/>
      <c r="K651" s="516"/>
    </row>
    <row r="652" spans="1:11" ht="13.7" customHeight="1">
      <c r="A652" s="739" t="s">
        <v>1494</v>
      </c>
      <c r="B652" s="740"/>
      <c r="C652" s="522" t="s">
        <v>1493</v>
      </c>
      <c r="D652" s="521"/>
      <c r="E652" s="520"/>
      <c r="F652" s="519"/>
      <c r="G652" s="518" t="s">
        <v>651</v>
      </c>
      <c r="H652" s="517"/>
      <c r="I652" s="517"/>
      <c r="J652" s="517"/>
      <c r="K652" s="516"/>
    </row>
    <row r="653" spans="1:11" ht="13.7" customHeight="1">
      <c r="A653" s="741"/>
      <c r="B653" s="742"/>
      <c r="C653" s="515"/>
      <c r="D653" s="514"/>
      <c r="E653" s="513"/>
      <c r="F653" s="512"/>
      <c r="G653" s="511" t="s">
        <v>651</v>
      </c>
      <c r="H653" s="510"/>
      <c r="I653" s="510"/>
      <c r="J653" s="510"/>
      <c r="K653" s="509"/>
    </row>
    <row r="654" spans="1:11" ht="13.7" customHeight="1">
      <c r="A654" s="743" t="s">
        <v>651</v>
      </c>
      <c r="B654" s="744"/>
      <c r="C654" s="533"/>
      <c r="D654" s="532"/>
      <c r="E654" s="531"/>
      <c r="F654" s="530"/>
      <c r="G654" s="529" t="s">
        <v>651</v>
      </c>
      <c r="H654" s="528"/>
      <c r="I654" s="528"/>
      <c r="J654" s="528"/>
      <c r="K654" s="527"/>
    </row>
    <row r="655" spans="1:11" ht="13.7" customHeight="1">
      <c r="A655" s="745"/>
      <c r="B655" s="740"/>
      <c r="C655" s="526"/>
      <c r="D655" s="525"/>
      <c r="E655" s="524"/>
      <c r="F655" s="523" t="s">
        <v>651</v>
      </c>
      <c r="G655" s="518" t="s">
        <v>651</v>
      </c>
      <c r="H655" s="517"/>
      <c r="I655" s="517"/>
      <c r="J655" s="517"/>
      <c r="K655" s="516"/>
    </row>
    <row r="656" spans="1:11" ht="13.7" customHeight="1">
      <c r="A656" s="739" t="s">
        <v>652</v>
      </c>
      <c r="B656" s="740"/>
      <c r="C656" s="522" t="s">
        <v>242</v>
      </c>
      <c r="D656" s="521">
        <v>1</v>
      </c>
      <c r="E656" s="520"/>
      <c r="F656" s="519"/>
      <c r="G656" s="518" t="s">
        <v>651</v>
      </c>
      <c r="H656" s="517"/>
      <c r="I656" s="517"/>
      <c r="J656" s="517"/>
      <c r="K656" s="516"/>
    </row>
    <row r="657" spans="1:11" ht="13.7" customHeight="1">
      <c r="A657" s="741"/>
      <c r="B657" s="742"/>
      <c r="C657" s="515"/>
      <c r="D657" s="514"/>
      <c r="E657" s="513"/>
      <c r="F657" s="512"/>
      <c r="G657" s="511" t="s">
        <v>651</v>
      </c>
      <c r="H657" s="510"/>
      <c r="I657" s="510"/>
      <c r="J657" s="510"/>
      <c r="K657" s="509"/>
    </row>
    <row r="658" spans="1:11" ht="13.7" customHeight="1">
      <c r="A658" s="743" t="s">
        <v>651</v>
      </c>
      <c r="B658" s="744"/>
      <c r="C658" s="533"/>
      <c r="D658" s="532"/>
      <c r="E658" s="531"/>
      <c r="F658" s="530"/>
      <c r="G658" s="529" t="s">
        <v>651</v>
      </c>
      <c r="H658" s="528"/>
      <c r="I658" s="528"/>
      <c r="J658" s="528"/>
      <c r="K658" s="527"/>
    </row>
    <row r="659" spans="1:11" ht="13.7" customHeight="1">
      <c r="A659" s="745"/>
      <c r="B659" s="740"/>
      <c r="C659" s="526"/>
      <c r="D659" s="525"/>
      <c r="E659" s="524"/>
      <c r="F659" s="523" t="s">
        <v>651</v>
      </c>
      <c r="G659" s="518" t="s">
        <v>651</v>
      </c>
      <c r="H659" s="517"/>
      <c r="I659" s="517"/>
      <c r="J659" s="517"/>
      <c r="K659" s="516"/>
    </row>
    <row r="660" spans="1:11" ht="13.7" customHeight="1">
      <c r="A660" s="739" t="s">
        <v>681</v>
      </c>
      <c r="B660" s="740"/>
      <c r="C660" s="522" t="s">
        <v>242</v>
      </c>
      <c r="D660" s="521">
        <v>1</v>
      </c>
      <c r="E660" s="520" t="s">
        <v>1002</v>
      </c>
      <c r="F660" s="519"/>
      <c r="G660" s="518" t="s">
        <v>651</v>
      </c>
      <c r="H660" s="517"/>
      <c r="I660" s="517"/>
      <c r="J660" s="517"/>
      <c r="K660" s="516"/>
    </row>
    <row r="661" spans="1:11" ht="13.7" customHeight="1">
      <c r="A661" s="741"/>
      <c r="B661" s="742"/>
      <c r="C661" s="515"/>
      <c r="D661" s="514"/>
      <c r="E661" s="513"/>
      <c r="F661" s="512"/>
      <c r="G661" s="511" t="s">
        <v>651</v>
      </c>
      <c r="H661" s="510"/>
      <c r="I661" s="510"/>
      <c r="J661" s="510"/>
      <c r="K661" s="509"/>
    </row>
    <row r="662" spans="1:11" ht="13.7" customHeight="1"/>
    <row r="663" spans="1:11" ht="13.7" customHeight="1"/>
    <row r="664" spans="1:11" ht="13.7" customHeight="1"/>
    <row r="665" spans="1:11" ht="13.7" customHeight="1"/>
    <row r="666" spans="1:11" ht="13.7" customHeight="1"/>
    <row r="667" spans="1:11" ht="13.7" customHeight="1"/>
    <row r="668" spans="1:11" ht="13.7" customHeight="1"/>
    <row r="669" spans="1:11" ht="13.7" customHeight="1"/>
    <row r="670" spans="1:11" ht="13.7" customHeight="1"/>
    <row r="671" spans="1:11" ht="13.7" customHeight="1"/>
    <row r="672" spans="1:11" ht="6.2" customHeight="1"/>
    <row r="673" spans="1:11" ht="14.1" customHeight="1">
      <c r="A673" s="543" t="s">
        <v>1492</v>
      </c>
      <c r="B673" s="540" t="s">
        <v>1491</v>
      </c>
      <c r="C673" s="540"/>
      <c r="D673" s="540"/>
      <c r="E673" s="540"/>
      <c r="F673" s="540"/>
      <c r="G673" s="542" t="s">
        <v>617</v>
      </c>
      <c r="H673" s="541" t="s">
        <v>957</v>
      </c>
      <c r="I673" s="540" t="s">
        <v>1007</v>
      </c>
      <c r="J673" s="540"/>
      <c r="K673" s="539"/>
    </row>
    <row r="674" spans="1:11" ht="24" customHeight="1">
      <c r="A674" s="538" t="s">
        <v>651</v>
      </c>
      <c r="B674" s="537" t="s">
        <v>651</v>
      </c>
      <c r="C674" s="537"/>
      <c r="D674" s="537"/>
      <c r="E674" s="537"/>
      <c r="F674" s="537"/>
      <c r="G674" s="751">
        <v>1</v>
      </c>
      <c r="H674" s="751"/>
      <c r="I674" s="751"/>
      <c r="J674" s="536" t="s">
        <v>242</v>
      </c>
      <c r="K674" s="535" t="s">
        <v>618</v>
      </c>
    </row>
    <row r="675" spans="1:11" ht="17.100000000000001" customHeight="1">
      <c r="A675" s="746" t="s">
        <v>1006</v>
      </c>
      <c r="B675" s="747"/>
      <c r="C675" s="534" t="s">
        <v>309</v>
      </c>
      <c r="D675" s="534" t="s">
        <v>619</v>
      </c>
      <c r="E675" s="534" t="s">
        <v>620</v>
      </c>
      <c r="F675" s="534" t="s">
        <v>659</v>
      </c>
      <c r="G675" s="748" t="s">
        <v>1005</v>
      </c>
      <c r="H675" s="749"/>
      <c r="I675" s="749"/>
      <c r="J675" s="749"/>
      <c r="K675" s="750"/>
    </row>
    <row r="676" spans="1:11" ht="13.7" customHeight="1">
      <c r="A676" s="743" t="s">
        <v>1697</v>
      </c>
      <c r="B676" s="744"/>
      <c r="C676" s="533"/>
      <c r="D676" s="532"/>
      <c r="E676" s="531"/>
      <c r="F676" s="530"/>
      <c r="G676" s="529" t="s">
        <v>651</v>
      </c>
      <c r="H676" s="528"/>
      <c r="I676" s="528"/>
      <c r="J676" s="528"/>
      <c r="K676" s="527"/>
    </row>
    <row r="677" spans="1:11" ht="13.7" customHeight="1">
      <c r="A677" s="745"/>
      <c r="B677" s="740"/>
      <c r="C677" s="526"/>
      <c r="D677" s="525"/>
      <c r="E677" s="524"/>
      <c r="F677" s="523" t="s">
        <v>651</v>
      </c>
      <c r="G677" s="518" t="s">
        <v>651</v>
      </c>
      <c r="H677" s="517"/>
      <c r="I677" s="517"/>
      <c r="J677" s="517"/>
      <c r="K677" s="516"/>
    </row>
    <row r="678" spans="1:11" ht="13.7" customHeight="1">
      <c r="A678" s="739" t="s">
        <v>651</v>
      </c>
      <c r="B678" s="740"/>
      <c r="C678" s="522" t="s">
        <v>248</v>
      </c>
      <c r="D678" s="521"/>
      <c r="E678" s="520"/>
      <c r="F678" s="519"/>
      <c r="G678" s="518" t="s">
        <v>651</v>
      </c>
      <c r="H678" s="517"/>
      <c r="I678" s="517"/>
      <c r="J678" s="517"/>
      <c r="K678" s="516"/>
    </row>
    <row r="679" spans="1:11" ht="13.7" customHeight="1">
      <c r="A679" s="741"/>
      <c r="B679" s="742"/>
      <c r="C679" s="515"/>
      <c r="D679" s="514"/>
      <c r="E679" s="513"/>
      <c r="F679" s="512"/>
      <c r="G679" s="511" t="s">
        <v>651</v>
      </c>
      <c r="H679" s="510"/>
      <c r="I679" s="510"/>
      <c r="J679" s="510"/>
      <c r="K679" s="509"/>
    </row>
    <row r="680" spans="1:11" ht="13.7" customHeight="1">
      <c r="A680" s="743" t="s">
        <v>1476</v>
      </c>
      <c r="B680" s="744"/>
      <c r="C680" s="533"/>
      <c r="D680" s="532"/>
      <c r="E680" s="531"/>
      <c r="F680" s="530"/>
      <c r="G680" s="529" t="s">
        <v>651</v>
      </c>
      <c r="H680" s="528"/>
      <c r="I680" s="528"/>
      <c r="J680" s="528"/>
      <c r="K680" s="527"/>
    </row>
    <row r="681" spans="1:11" ht="13.7" customHeight="1">
      <c r="A681" s="745"/>
      <c r="B681" s="740"/>
      <c r="C681" s="526"/>
      <c r="D681" s="525"/>
      <c r="E681" s="524"/>
      <c r="F681" s="523" t="s">
        <v>651</v>
      </c>
      <c r="G681" s="518" t="s">
        <v>651</v>
      </c>
      <c r="H681" s="517"/>
      <c r="I681" s="517"/>
      <c r="J681" s="517"/>
      <c r="K681" s="516"/>
    </row>
    <row r="682" spans="1:11" ht="13.7" customHeight="1">
      <c r="A682" s="739" t="s">
        <v>651</v>
      </c>
      <c r="B682" s="740"/>
      <c r="C682" s="522" t="s">
        <v>248</v>
      </c>
      <c r="D682" s="521"/>
      <c r="E682" s="520"/>
      <c r="F682" s="519"/>
      <c r="G682" s="518" t="s">
        <v>651</v>
      </c>
      <c r="H682" s="517"/>
      <c r="I682" s="517"/>
      <c r="J682" s="517"/>
      <c r="K682" s="516"/>
    </row>
    <row r="683" spans="1:11" ht="13.7" customHeight="1">
      <c r="A683" s="741"/>
      <c r="B683" s="742"/>
      <c r="C683" s="515"/>
      <c r="D683" s="514"/>
      <c r="E683" s="513"/>
      <c r="F683" s="512"/>
      <c r="G683" s="511" t="s">
        <v>651</v>
      </c>
      <c r="H683" s="510"/>
      <c r="I683" s="510"/>
      <c r="J683" s="510"/>
      <c r="K683" s="509"/>
    </row>
    <row r="684" spans="1:11" ht="13.7" customHeight="1">
      <c r="A684" s="743" t="s">
        <v>1475</v>
      </c>
      <c r="B684" s="744"/>
      <c r="C684" s="533"/>
      <c r="D684" s="532"/>
      <c r="E684" s="531"/>
      <c r="F684" s="530"/>
      <c r="G684" s="529" t="s">
        <v>651</v>
      </c>
      <c r="H684" s="528"/>
      <c r="I684" s="528"/>
      <c r="J684" s="528"/>
      <c r="K684" s="527"/>
    </row>
    <row r="685" spans="1:11" ht="13.7" customHeight="1">
      <c r="A685" s="745"/>
      <c r="B685" s="740"/>
      <c r="C685" s="526"/>
      <c r="D685" s="525"/>
      <c r="E685" s="524"/>
      <c r="F685" s="523" t="s">
        <v>651</v>
      </c>
      <c r="G685" s="518" t="s">
        <v>651</v>
      </c>
      <c r="H685" s="517"/>
      <c r="I685" s="517"/>
      <c r="J685" s="517"/>
      <c r="K685" s="516"/>
    </row>
    <row r="686" spans="1:11" ht="13.7" customHeight="1">
      <c r="A686" s="739" t="s">
        <v>651</v>
      </c>
      <c r="B686" s="740"/>
      <c r="C686" s="522" t="s">
        <v>248</v>
      </c>
      <c r="D686" s="521"/>
      <c r="E686" s="520"/>
      <c r="F686" s="519"/>
      <c r="G686" s="518" t="s">
        <v>651</v>
      </c>
      <c r="H686" s="517"/>
      <c r="I686" s="517"/>
      <c r="J686" s="517"/>
      <c r="K686" s="516"/>
    </row>
    <row r="687" spans="1:11" ht="13.7" customHeight="1">
      <c r="A687" s="741"/>
      <c r="B687" s="742"/>
      <c r="C687" s="515"/>
      <c r="D687" s="514"/>
      <c r="E687" s="513"/>
      <c r="F687" s="512"/>
      <c r="G687" s="511" t="s">
        <v>651</v>
      </c>
      <c r="H687" s="510"/>
      <c r="I687" s="510"/>
      <c r="J687" s="510"/>
      <c r="K687" s="509"/>
    </row>
    <row r="688" spans="1:11" ht="13.7" customHeight="1">
      <c r="A688" s="743" t="s">
        <v>1474</v>
      </c>
      <c r="B688" s="744"/>
      <c r="C688" s="533"/>
      <c r="D688" s="532"/>
      <c r="E688" s="531"/>
      <c r="F688" s="530"/>
      <c r="G688" s="529" t="s">
        <v>651</v>
      </c>
      <c r="H688" s="528"/>
      <c r="I688" s="528"/>
      <c r="J688" s="528"/>
      <c r="K688" s="527"/>
    </row>
    <row r="689" spans="1:11" ht="13.7" customHeight="1">
      <c r="A689" s="745"/>
      <c r="B689" s="740"/>
      <c r="C689" s="526"/>
      <c r="D689" s="525"/>
      <c r="E689" s="524"/>
      <c r="F689" s="523" t="s">
        <v>651</v>
      </c>
      <c r="G689" s="518" t="s">
        <v>651</v>
      </c>
      <c r="H689" s="517"/>
      <c r="I689" s="517"/>
      <c r="J689" s="517"/>
      <c r="K689" s="516"/>
    </row>
    <row r="690" spans="1:11" ht="13.7" customHeight="1">
      <c r="A690" s="739" t="s">
        <v>651</v>
      </c>
      <c r="B690" s="740"/>
      <c r="C690" s="522" t="s">
        <v>248</v>
      </c>
      <c r="D690" s="521"/>
      <c r="E690" s="520"/>
      <c r="F690" s="519"/>
      <c r="G690" s="518" t="s">
        <v>651</v>
      </c>
      <c r="H690" s="517"/>
      <c r="I690" s="517"/>
      <c r="J690" s="517"/>
      <c r="K690" s="516"/>
    </row>
    <row r="691" spans="1:11" ht="13.7" customHeight="1">
      <c r="A691" s="741"/>
      <c r="B691" s="742"/>
      <c r="C691" s="515"/>
      <c r="D691" s="514"/>
      <c r="E691" s="513"/>
      <c r="F691" s="512"/>
      <c r="G691" s="511" t="s">
        <v>651</v>
      </c>
      <c r="H691" s="510"/>
      <c r="I691" s="510"/>
      <c r="J691" s="510"/>
      <c r="K691" s="509"/>
    </row>
    <row r="692" spans="1:11" ht="13.7" customHeight="1">
      <c r="A692" s="743" t="s">
        <v>651</v>
      </c>
      <c r="B692" s="744"/>
      <c r="C692" s="533"/>
      <c r="D692" s="532"/>
      <c r="E692" s="531"/>
      <c r="F692" s="530"/>
      <c r="G692" s="529" t="s">
        <v>651</v>
      </c>
      <c r="H692" s="528"/>
      <c r="I692" s="528"/>
      <c r="J692" s="528"/>
      <c r="K692" s="527"/>
    </row>
    <row r="693" spans="1:11" ht="13.7" customHeight="1">
      <c r="A693" s="745"/>
      <c r="B693" s="740"/>
      <c r="C693" s="526"/>
      <c r="D693" s="525"/>
      <c r="E693" s="524"/>
      <c r="F693" s="523" t="s">
        <v>651</v>
      </c>
      <c r="G693" s="518" t="s">
        <v>651</v>
      </c>
      <c r="H693" s="517"/>
      <c r="I693" s="517"/>
      <c r="J693" s="517"/>
      <c r="K693" s="516"/>
    </row>
    <row r="694" spans="1:11" ht="13.7" customHeight="1">
      <c r="A694" s="739" t="s">
        <v>652</v>
      </c>
      <c r="B694" s="740"/>
      <c r="C694" s="522" t="s">
        <v>242</v>
      </c>
      <c r="D694" s="521">
        <v>1</v>
      </c>
      <c r="E694" s="520"/>
      <c r="F694" s="519"/>
      <c r="G694" s="518" t="s">
        <v>651</v>
      </c>
      <c r="H694" s="517"/>
      <c r="I694" s="517"/>
      <c r="J694" s="517"/>
      <c r="K694" s="516"/>
    </row>
    <row r="695" spans="1:11" ht="13.7" customHeight="1">
      <c r="A695" s="741"/>
      <c r="B695" s="742"/>
      <c r="C695" s="515"/>
      <c r="D695" s="514"/>
      <c r="E695" s="513"/>
      <c r="F695" s="512"/>
      <c r="G695" s="511" t="s">
        <v>651</v>
      </c>
      <c r="H695" s="510"/>
      <c r="I695" s="510"/>
      <c r="J695" s="510"/>
      <c r="K695" s="509"/>
    </row>
    <row r="696" spans="1:11" ht="13.7" customHeight="1">
      <c r="A696" s="743" t="s">
        <v>651</v>
      </c>
      <c r="B696" s="744"/>
      <c r="C696" s="533"/>
      <c r="D696" s="532"/>
      <c r="E696" s="531"/>
      <c r="F696" s="530"/>
      <c r="G696" s="529" t="s">
        <v>651</v>
      </c>
      <c r="H696" s="528"/>
      <c r="I696" s="528"/>
      <c r="J696" s="528"/>
      <c r="K696" s="527"/>
    </row>
    <row r="697" spans="1:11" ht="13.7" customHeight="1">
      <c r="A697" s="745"/>
      <c r="B697" s="740"/>
      <c r="C697" s="526"/>
      <c r="D697" s="525"/>
      <c r="E697" s="524"/>
      <c r="F697" s="523" t="s">
        <v>651</v>
      </c>
      <c r="G697" s="518" t="s">
        <v>651</v>
      </c>
      <c r="H697" s="517"/>
      <c r="I697" s="517"/>
      <c r="J697" s="517"/>
      <c r="K697" s="516"/>
    </row>
    <row r="698" spans="1:11" ht="13.7" customHeight="1">
      <c r="A698" s="739" t="s">
        <v>681</v>
      </c>
      <c r="B698" s="740"/>
      <c r="C698" s="522" t="s">
        <v>242</v>
      </c>
      <c r="D698" s="521">
        <v>1</v>
      </c>
      <c r="E698" s="520" t="s">
        <v>1002</v>
      </c>
      <c r="F698" s="519"/>
      <c r="G698" s="518" t="s">
        <v>651</v>
      </c>
      <c r="H698" s="517"/>
      <c r="I698" s="517"/>
      <c r="J698" s="517"/>
      <c r="K698" s="516"/>
    </row>
    <row r="699" spans="1:11" ht="13.7" customHeight="1">
      <c r="A699" s="741"/>
      <c r="B699" s="742"/>
      <c r="C699" s="515"/>
      <c r="D699" s="514"/>
      <c r="E699" s="513"/>
      <c r="F699" s="512"/>
      <c r="G699" s="511" t="s">
        <v>651</v>
      </c>
      <c r="H699" s="510"/>
      <c r="I699" s="510"/>
      <c r="J699" s="510"/>
      <c r="K699" s="509"/>
    </row>
    <row r="700" spans="1:11" ht="13.7" customHeight="1"/>
    <row r="701" spans="1:11" ht="13.7" customHeight="1"/>
    <row r="702" spans="1:11" ht="13.7" customHeight="1"/>
    <row r="703" spans="1:11" ht="13.7" customHeight="1"/>
    <row r="704" spans="1:11" ht="13.7" customHeight="1"/>
    <row r="705" spans="1:11" ht="13.7" customHeight="1"/>
    <row r="706" spans="1:11" ht="13.7" customHeight="1"/>
    <row r="707" spans="1:11" ht="13.7" customHeight="1"/>
    <row r="708" spans="1:11" ht="13.7" customHeight="1"/>
    <row r="709" spans="1:11" ht="13.7" customHeight="1"/>
    <row r="710" spans="1:11" ht="6.2" customHeight="1"/>
    <row r="711" spans="1:11" ht="14.1" customHeight="1">
      <c r="A711" s="543" t="s">
        <v>1490</v>
      </c>
      <c r="B711" s="540" t="s">
        <v>1489</v>
      </c>
      <c r="C711" s="540"/>
      <c r="D711" s="540"/>
      <c r="E711" s="540"/>
      <c r="F711" s="540"/>
      <c r="G711" s="542" t="s">
        <v>617</v>
      </c>
      <c r="H711" s="541" t="s">
        <v>955</v>
      </c>
      <c r="I711" s="540" t="s">
        <v>1007</v>
      </c>
      <c r="J711" s="540"/>
      <c r="K711" s="539"/>
    </row>
    <row r="712" spans="1:11" ht="24" customHeight="1">
      <c r="A712" s="538" t="s">
        <v>651</v>
      </c>
      <c r="B712" s="537" t="s">
        <v>651</v>
      </c>
      <c r="C712" s="537"/>
      <c r="D712" s="537"/>
      <c r="E712" s="537"/>
      <c r="F712" s="537"/>
      <c r="G712" s="751">
        <v>1</v>
      </c>
      <c r="H712" s="751"/>
      <c r="I712" s="751"/>
      <c r="J712" s="536" t="s">
        <v>242</v>
      </c>
      <c r="K712" s="535" t="s">
        <v>618</v>
      </c>
    </row>
    <row r="713" spans="1:11" ht="17.100000000000001" customHeight="1">
      <c r="A713" s="746" t="s">
        <v>1006</v>
      </c>
      <c r="B713" s="747"/>
      <c r="C713" s="534" t="s">
        <v>309</v>
      </c>
      <c r="D713" s="534" t="s">
        <v>619</v>
      </c>
      <c r="E713" s="534" t="s">
        <v>620</v>
      </c>
      <c r="F713" s="534" t="s">
        <v>659</v>
      </c>
      <c r="G713" s="748" t="s">
        <v>1005</v>
      </c>
      <c r="H713" s="749"/>
      <c r="I713" s="749"/>
      <c r="J713" s="749"/>
      <c r="K713" s="750"/>
    </row>
    <row r="714" spans="1:11" ht="13.7" customHeight="1">
      <c r="A714" s="743" t="s">
        <v>1697</v>
      </c>
      <c r="B714" s="744"/>
      <c r="C714" s="533"/>
      <c r="D714" s="532"/>
      <c r="E714" s="531"/>
      <c r="F714" s="530"/>
      <c r="G714" s="529" t="s">
        <v>651</v>
      </c>
      <c r="H714" s="528"/>
      <c r="I714" s="528"/>
      <c r="J714" s="528"/>
      <c r="K714" s="527"/>
    </row>
    <row r="715" spans="1:11" ht="13.7" customHeight="1">
      <c r="A715" s="745"/>
      <c r="B715" s="740"/>
      <c r="C715" s="526"/>
      <c r="D715" s="525"/>
      <c r="E715" s="524"/>
      <c r="F715" s="523" t="s">
        <v>651</v>
      </c>
      <c r="G715" s="518" t="s">
        <v>651</v>
      </c>
      <c r="H715" s="517"/>
      <c r="I715" s="517"/>
      <c r="J715" s="517"/>
      <c r="K715" s="516"/>
    </row>
    <row r="716" spans="1:11" ht="13.7" customHeight="1">
      <c r="A716" s="739" t="s">
        <v>651</v>
      </c>
      <c r="B716" s="740"/>
      <c r="C716" s="522" t="s">
        <v>248</v>
      </c>
      <c r="D716" s="521"/>
      <c r="E716" s="520"/>
      <c r="F716" s="519"/>
      <c r="G716" s="518" t="s">
        <v>651</v>
      </c>
      <c r="H716" s="517"/>
      <c r="I716" s="517"/>
      <c r="J716" s="517"/>
      <c r="K716" s="516"/>
    </row>
    <row r="717" spans="1:11" ht="13.7" customHeight="1">
      <c r="A717" s="741"/>
      <c r="B717" s="742"/>
      <c r="C717" s="515"/>
      <c r="D717" s="514"/>
      <c r="E717" s="513"/>
      <c r="F717" s="512"/>
      <c r="G717" s="511" t="s">
        <v>651</v>
      </c>
      <c r="H717" s="510"/>
      <c r="I717" s="510"/>
      <c r="J717" s="510"/>
      <c r="K717" s="509"/>
    </row>
    <row r="718" spans="1:11" ht="13.7" customHeight="1">
      <c r="A718" s="743" t="s">
        <v>1476</v>
      </c>
      <c r="B718" s="744"/>
      <c r="C718" s="533"/>
      <c r="D718" s="532"/>
      <c r="E718" s="531"/>
      <c r="F718" s="530"/>
      <c r="G718" s="529" t="s">
        <v>651</v>
      </c>
      <c r="H718" s="528"/>
      <c r="I718" s="528"/>
      <c r="J718" s="528"/>
      <c r="K718" s="527"/>
    </row>
    <row r="719" spans="1:11" ht="13.7" customHeight="1">
      <c r="A719" s="745"/>
      <c r="B719" s="740"/>
      <c r="C719" s="526"/>
      <c r="D719" s="525"/>
      <c r="E719" s="524"/>
      <c r="F719" s="523" t="s">
        <v>651</v>
      </c>
      <c r="G719" s="518" t="s">
        <v>651</v>
      </c>
      <c r="H719" s="517"/>
      <c r="I719" s="517"/>
      <c r="J719" s="517"/>
      <c r="K719" s="516"/>
    </row>
    <row r="720" spans="1:11" ht="13.7" customHeight="1">
      <c r="A720" s="739" t="s">
        <v>651</v>
      </c>
      <c r="B720" s="740"/>
      <c r="C720" s="522" t="s">
        <v>248</v>
      </c>
      <c r="D720" s="521"/>
      <c r="E720" s="520"/>
      <c r="F720" s="519"/>
      <c r="G720" s="518" t="s">
        <v>651</v>
      </c>
      <c r="H720" s="517"/>
      <c r="I720" s="517"/>
      <c r="J720" s="517"/>
      <c r="K720" s="516"/>
    </row>
    <row r="721" spans="1:11" ht="13.7" customHeight="1">
      <c r="A721" s="741"/>
      <c r="B721" s="742"/>
      <c r="C721" s="515"/>
      <c r="D721" s="514"/>
      <c r="E721" s="513"/>
      <c r="F721" s="512"/>
      <c r="G721" s="511" t="s">
        <v>651</v>
      </c>
      <c r="H721" s="510"/>
      <c r="I721" s="510"/>
      <c r="J721" s="510"/>
      <c r="K721" s="509"/>
    </row>
    <row r="722" spans="1:11" ht="13.7" customHeight="1">
      <c r="A722" s="743" t="s">
        <v>1475</v>
      </c>
      <c r="B722" s="744"/>
      <c r="C722" s="533"/>
      <c r="D722" s="532"/>
      <c r="E722" s="531"/>
      <c r="F722" s="530"/>
      <c r="G722" s="529" t="s">
        <v>651</v>
      </c>
      <c r="H722" s="528"/>
      <c r="I722" s="528"/>
      <c r="J722" s="528"/>
      <c r="K722" s="527"/>
    </row>
    <row r="723" spans="1:11" ht="13.7" customHeight="1">
      <c r="A723" s="745"/>
      <c r="B723" s="740"/>
      <c r="C723" s="526"/>
      <c r="D723" s="525"/>
      <c r="E723" s="524"/>
      <c r="F723" s="523" t="s">
        <v>651</v>
      </c>
      <c r="G723" s="518" t="s">
        <v>651</v>
      </c>
      <c r="H723" s="517"/>
      <c r="I723" s="517"/>
      <c r="J723" s="517"/>
      <c r="K723" s="516"/>
    </row>
    <row r="724" spans="1:11" ht="13.7" customHeight="1">
      <c r="A724" s="739" t="s">
        <v>651</v>
      </c>
      <c r="B724" s="740"/>
      <c r="C724" s="522" t="s">
        <v>248</v>
      </c>
      <c r="D724" s="521"/>
      <c r="E724" s="520"/>
      <c r="F724" s="519"/>
      <c r="G724" s="518" t="s">
        <v>651</v>
      </c>
      <c r="H724" s="517"/>
      <c r="I724" s="517"/>
      <c r="J724" s="517"/>
      <c r="K724" s="516"/>
    </row>
    <row r="725" spans="1:11" ht="13.7" customHeight="1">
      <c r="A725" s="741"/>
      <c r="B725" s="742"/>
      <c r="C725" s="515"/>
      <c r="D725" s="514"/>
      <c r="E725" s="513"/>
      <c r="F725" s="512"/>
      <c r="G725" s="511" t="s">
        <v>651</v>
      </c>
      <c r="H725" s="510"/>
      <c r="I725" s="510"/>
      <c r="J725" s="510"/>
      <c r="K725" s="509"/>
    </row>
    <row r="726" spans="1:11" ht="13.7" customHeight="1">
      <c r="A726" s="743" t="s">
        <v>1474</v>
      </c>
      <c r="B726" s="744"/>
      <c r="C726" s="533"/>
      <c r="D726" s="532"/>
      <c r="E726" s="531"/>
      <c r="F726" s="530"/>
      <c r="G726" s="529" t="s">
        <v>651</v>
      </c>
      <c r="H726" s="528"/>
      <c r="I726" s="528"/>
      <c r="J726" s="528"/>
      <c r="K726" s="527"/>
    </row>
    <row r="727" spans="1:11" ht="13.7" customHeight="1">
      <c r="A727" s="745"/>
      <c r="B727" s="740"/>
      <c r="C727" s="526"/>
      <c r="D727" s="525"/>
      <c r="E727" s="524"/>
      <c r="F727" s="523" t="s">
        <v>651</v>
      </c>
      <c r="G727" s="518" t="s">
        <v>651</v>
      </c>
      <c r="H727" s="517"/>
      <c r="I727" s="517"/>
      <c r="J727" s="517"/>
      <c r="K727" s="516"/>
    </row>
    <row r="728" spans="1:11" ht="13.7" customHeight="1">
      <c r="A728" s="739" t="s">
        <v>651</v>
      </c>
      <c r="B728" s="740"/>
      <c r="C728" s="522" t="s">
        <v>248</v>
      </c>
      <c r="D728" s="521"/>
      <c r="E728" s="520"/>
      <c r="F728" s="519"/>
      <c r="G728" s="518" t="s">
        <v>651</v>
      </c>
      <c r="H728" s="517"/>
      <c r="I728" s="517"/>
      <c r="J728" s="517"/>
      <c r="K728" s="516"/>
    </row>
    <row r="729" spans="1:11" ht="13.7" customHeight="1">
      <c r="A729" s="741"/>
      <c r="B729" s="742"/>
      <c r="C729" s="515"/>
      <c r="D729" s="514"/>
      <c r="E729" s="513"/>
      <c r="F729" s="512"/>
      <c r="G729" s="511" t="s">
        <v>651</v>
      </c>
      <c r="H729" s="510"/>
      <c r="I729" s="510"/>
      <c r="J729" s="510"/>
      <c r="K729" s="509"/>
    </row>
    <row r="730" spans="1:11" ht="13.7" customHeight="1">
      <c r="A730" s="743" t="s">
        <v>1488</v>
      </c>
      <c r="B730" s="744"/>
      <c r="C730" s="533"/>
      <c r="D730" s="532"/>
      <c r="E730" s="531"/>
      <c r="F730" s="530"/>
      <c r="G730" s="529" t="s">
        <v>651</v>
      </c>
      <c r="H730" s="528"/>
      <c r="I730" s="528"/>
      <c r="J730" s="528"/>
      <c r="K730" s="527"/>
    </row>
    <row r="731" spans="1:11" ht="13.7" customHeight="1">
      <c r="A731" s="745"/>
      <c r="B731" s="740"/>
      <c r="C731" s="526"/>
      <c r="D731" s="525"/>
      <c r="E731" s="524"/>
      <c r="F731" s="523" t="s">
        <v>651</v>
      </c>
      <c r="G731" s="518" t="s">
        <v>651</v>
      </c>
      <c r="H731" s="517"/>
      <c r="I731" s="517"/>
      <c r="J731" s="517"/>
      <c r="K731" s="516"/>
    </row>
    <row r="732" spans="1:11" ht="13.7" customHeight="1">
      <c r="A732" s="739" t="s">
        <v>651</v>
      </c>
      <c r="B732" s="740"/>
      <c r="C732" s="522" t="s">
        <v>248</v>
      </c>
      <c r="D732" s="521"/>
      <c r="E732" s="520"/>
      <c r="F732" s="519"/>
      <c r="G732" s="518" t="s">
        <v>651</v>
      </c>
      <c r="H732" s="517"/>
      <c r="I732" s="517"/>
      <c r="J732" s="517"/>
      <c r="K732" s="516"/>
    </row>
    <row r="733" spans="1:11" ht="13.7" customHeight="1">
      <c r="A733" s="741"/>
      <c r="B733" s="742"/>
      <c r="C733" s="515"/>
      <c r="D733" s="514"/>
      <c r="E733" s="513"/>
      <c r="F733" s="512"/>
      <c r="G733" s="511" t="s">
        <v>651</v>
      </c>
      <c r="H733" s="510"/>
      <c r="I733" s="510"/>
      <c r="J733" s="510"/>
      <c r="K733" s="509"/>
    </row>
    <row r="734" spans="1:11" ht="13.7" customHeight="1">
      <c r="A734" s="743" t="s">
        <v>651</v>
      </c>
      <c r="B734" s="744"/>
      <c r="C734" s="533"/>
      <c r="D734" s="532"/>
      <c r="E734" s="531"/>
      <c r="F734" s="530"/>
      <c r="G734" s="529" t="s">
        <v>651</v>
      </c>
      <c r="H734" s="528"/>
      <c r="I734" s="528"/>
      <c r="J734" s="528"/>
      <c r="K734" s="527"/>
    </row>
    <row r="735" spans="1:11" ht="13.7" customHeight="1">
      <c r="A735" s="745"/>
      <c r="B735" s="740"/>
      <c r="C735" s="526"/>
      <c r="D735" s="525"/>
      <c r="E735" s="524"/>
      <c r="F735" s="523" t="s">
        <v>651</v>
      </c>
      <c r="G735" s="518" t="s">
        <v>651</v>
      </c>
      <c r="H735" s="517"/>
      <c r="I735" s="517"/>
      <c r="J735" s="517"/>
      <c r="K735" s="516"/>
    </row>
    <row r="736" spans="1:11" ht="13.7" customHeight="1">
      <c r="A736" s="739" t="s">
        <v>652</v>
      </c>
      <c r="B736" s="740"/>
      <c r="C736" s="522" t="s">
        <v>242</v>
      </c>
      <c r="D736" s="521">
        <v>1</v>
      </c>
      <c r="E736" s="520"/>
      <c r="F736" s="519"/>
      <c r="G736" s="518" t="s">
        <v>651</v>
      </c>
      <c r="H736" s="517"/>
      <c r="I736" s="517"/>
      <c r="J736" s="517"/>
      <c r="K736" s="516"/>
    </row>
    <row r="737" spans="1:11" ht="13.7" customHeight="1">
      <c r="A737" s="741"/>
      <c r="B737" s="742"/>
      <c r="C737" s="515"/>
      <c r="D737" s="514"/>
      <c r="E737" s="513"/>
      <c r="F737" s="512"/>
      <c r="G737" s="511" t="s">
        <v>651</v>
      </c>
      <c r="H737" s="510"/>
      <c r="I737" s="510"/>
      <c r="J737" s="510"/>
      <c r="K737" s="509"/>
    </row>
    <row r="738" spans="1:11" ht="13.7" customHeight="1">
      <c r="A738" s="743" t="s">
        <v>651</v>
      </c>
      <c r="B738" s="744"/>
      <c r="C738" s="533"/>
      <c r="D738" s="532"/>
      <c r="E738" s="531"/>
      <c r="F738" s="530"/>
      <c r="G738" s="529" t="s">
        <v>651</v>
      </c>
      <c r="H738" s="528"/>
      <c r="I738" s="528"/>
      <c r="J738" s="528"/>
      <c r="K738" s="527"/>
    </row>
    <row r="739" spans="1:11" ht="13.7" customHeight="1">
      <c r="A739" s="745"/>
      <c r="B739" s="740"/>
      <c r="C739" s="526"/>
      <c r="D739" s="525"/>
      <c r="E739" s="524"/>
      <c r="F739" s="523" t="s">
        <v>651</v>
      </c>
      <c r="G739" s="518" t="s">
        <v>651</v>
      </c>
      <c r="H739" s="517"/>
      <c r="I739" s="517"/>
      <c r="J739" s="517"/>
      <c r="K739" s="516"/>
    </row>
    <row r="740" spans="1:11" ht="13.7" customHeight="1">
      <c r="A740" s="739" t="s">
        <v>681</v>
      </c>
      <c r="B740" s="740"/>
      <c r="C740" s="522" t="s">
        <v>242</v>
      </c>
      <c r="D740" s="521">
        <v>1</v>
      </c>
      <c r="E740" s="520" t="s">
        <v>1002</v>
      </c>
      <c r="F740" s="519"/>
      <c r="G740" s="518" t="s">
        <v>651</v>
      </c>
      <c r="H740" s="517"/>
      <c r="I740" s="517"/>
      <c r="J740" s="517"/>
      <c r="K740" s="516"/>
    </row>
    <row r="741" spans="1:11" ht="13.7" customHeight="1">
      <c r="A741" s="741"/>
      <c r="B741" s="742"/>
      <c r="C741" s="515"/>
      <c r="D741" s="514"/>
      <c r="E741" s="513"/>
      <c r="F741" s="512"/>
      <c r="G741" s="511" t="s">
        <v>651</v>
      </c>
      <c r="H741" s="510"/>
      <c r="I741" s="510"/>
      <c r="J741" s="510"/>
      <c r="K741" s="509"/>
    </row>
    <row r="742" spans="1:11" ht="13.7" customHeight="1"/>
    <row r="743" spans="1:11" ht="13.7" customHeight="1"/>
    <row r="744" spans="1:11" ht="13.7" customHeight="1"/>
    <row r="745" spans="1:11" ht="13.7" customHeight="1"/>
    <row r="746" spans="1:11" ht="13.7" customHeight="1"/>
    <row r="747" spans="1:11" ht="13.7" customHeight="1"/>
    <row r="748" spans="1:11" ht="6.2" customHeight="1"/>
    <row r="749" spans="1:11" ht="14.1" customHeight="1">
      <c r="A749" s="543" t="s">
        <v>1487</v>
      </c>
      <c r="B749" s="540" t="s">
        <v>1486</v>
      </c>
      <c r="C749" s="540"/>
      <c r="D749" s="540"/>
      <c r="E749" s="540"/>
      <c r="F749" s="540"/>
      <c r="G749" s="542" t="s">
        <v>617</v>
      </c>
      <c r="H749" s="541" t="s">
        <v>950</v>
      </c>
      <c r="I749" s="540" t="s">
        <v>1007</v>
      </c>
      <c r="J749" s="540"/>
      <c r="K749" s="539"/>
    </row>
    <row r="750" spans="1:11" ht="24" customHeight="1">
      <c r="A750" s="538" t="s">
        <v>651</v>
      </c>
      <c r="B750" s="537" t="s">
        <v>651</v>
      </c>
      <c r="C750" s="537"/>
      <c r="D750" s="537"/>
      <c r="E750" s="537"/>
      <c r="F750" s="537"/>
      <c r="G750" s="751">
        <v>1</v>
      </c>
      <c r="H750" s="751"/>
      <c r="I750" s="751"/>
      <c r="J750" s="536" t="s">
        <v>242</v>
      </c>
      <c r="K750" s="535" t="s">
        <v>618</v>
      </c>
    </row>
    <row r="751" spans="1:11" ht="17.100000000000001" customHeight="1">
      <c r="A751" s="746" t="s">
        <v>1006</v>
      </c>
      <c r="B751" s="747"/>
      <c r="C751" s="534" t="s">
        <v>309</v>
      </c>
      <c r="D751" s="534" t="s">
        <v>619</v>
      </c>
      <c r="E751" s="534" t="s">
        <v>620</v>
      </c>
      <c r="F751" s="534" t="s">
        <v>659</v>
      </c>
      <c r="G751" s="748" t="s">
        <v>1005</v>
      </c>
      <c r="H751" s="749"/>
      <c r="I751" s="749"/>
      <c r="J751" s="749"/>
      <c r="K751" s="750"/>
    </row>
    <row r="752" spans="1:11" ht="13.7" customHeight="1">
      <c r="A752" s="743" t="s">
        <v>1697</v>
      </c>
      <c r="B752" s="744"/>
      <c r="C752" s="533"/>
      <c r="D752" s="532"/>
      <c r="E752" s="531"/>
      <c r="F752" s="530"/>
      <c r="G752" s="529" t="s">
        <v>651</v>
      </c>
      <c r="H752" s="528"/>
      <c r="I752" s="528"/>
      <c r="J752" s="528"/>
      <c r="K752" s="527"/>
    </row>
    <row r="753" spans="1:11" ht="13.7" customHeight="1">
      <c r="A753" s="745"/>
      <c r="B753" s="740"/>
      <c r="C753" s="526"/>
      <c r="D753" s="525"/>
      <c r="E753" s="524"/>
      <c r="F753" s="523" t="s">
        <v>651</v>
      </c>
      <c r="G753" s="518" t="s">
        <v>651</v>
      </c>
      <c r="H753" s="517"/>
      <c r="I753" s="517"/>
      <c r="J753" s="517"/>
      <c r="K753" s="516"/>
    </row>
    <row r="754" spans="1:11" ht="13.7" customHeight="1">
      <c r="A754" s="739" t="s">
        <v>651</v>
      </c>
      <c r="B754" s="740"/>
      <c r="C754" s="522" t="s">
        <v>248</v>
      </c>
      <c r="D754" s="521"/>
      <c r="E754" s="520"/>
      <c r="F754" s="519"/>
      <c r="G754" s="518" t="s">
        <v>651</v>
      </c>
      <c r="H754" s="517"/>
      <c r="I754" s="517"/>
      <c r="J754" s="517"/>
      <c r="K754" s="516"/>
    </row>
    <row r="755" spans="1:11" ht="13.7" customHeight="1">
      <c r="A755" s="741"/>
      <c r="B755" s="742"/>
      <c r="C755" s="515"/>
      <c r="D755" s="514"/>
      <c r="E755" s="513"/>
      <c r="F755" s="512"/>
      <c r="G755" s="511" t="s">
        <v>651</v>
      </c>
      <c r="H755" s="510"/>
      <c r="I755" s="510"/>
      <c r="J755" s="510"/>
      <c r="K755" s="509"/>
    </row>
    <row r="756" spans="1:11" ht="13.7" customHeight="1">
      <c r="A756" s="743" t="s">
        <v>1476</v>
      </c>
      <c r="B756" s="744"/>
      <c r="C756" s="533"/>
      <c r="D756" s="532"/>
      <c r="E756" s="531"/>
      <c r="F756" s="530"/>
      <c r="G756" s="529" t="s">
        <v>651</v>
      </c>
      <c r="H756" s="528"/>
      <c r="I756" s="528"/>
      <c r="J756" s="528"/>
      <c r="K756" s="527"/>
    </row>
    <row r="757" spans="1:11" ht="13.7" customHeight="1">
      <c r="A757" s="745"/>
      <c r="B757" s="740"/>
      <c r="C757" s="526"/>
      <c r="D757" s="525"/>
      <c r="E757" s="524"/>
      <c r="F757" s="523" t="s">
        <v>651</v>
      </c>
      <c r="G757" s="518" t="s">
        <v>651</v>
      </c>
      <c r="H757" s="517"/>
      <c r="I757" s="517"/>
      <c r="J757" s="517"/>
      <c r="K757" s="516"/>
    </row>
    <row r="758" spans="1:11" ht="13.7" customHeight="1">
      <c r="A758" s="739" t="s">
        <v>651</v>
      </c>
      <c r="B758" s="740"/>
      <c r="C758" s="522" t="s">
        <v>248</v>
      </c>
      <c r="D758" s="521"/>
      <c r="E758" s="520"/>
      <c r="F758" s="519"/>
      <c r="G758" s="518" t="s">
        <v>651</v>
      </c>
      <c r="H758" s="517"/>
      <c r="I758" s="517"/>
      <c r="J758" s="517"/>
      <c r="K758" s="516"/>
    </row>
    <row r="759" spans="1:11" ht="13.7" customHeight="1">
      <c r="A759" s="741"/>
      <c r="B759" s="742"/>
      <c r="C759" s="515"/>
      <c r="D759" s="514"/>
      <c r="E759" s="513"/>
      <c r="F759" s="512"/>
      <c r="G759" s="511" t="s">
        <v>651</v>
      </c>
      <c r="H759" s="510"/>
      <c r="I759" s="510"/>
      <c r="J759" s="510"/>
      <c r="K759" s="509"/>
    </row>
    <row r="760" spans="1:11" ht="13.7" customHeight="1">
      <c r="A760" s="743" t="s">
        <v>1475</v>
      </c>
      <c r="B760" s="744"/>
      <c r="C760" s="533"/>
      <c r="D760" s="532"/>
      <c r="E760" s="531"/>
      <c r="F760" s="530"/>
      <c r="G760" s="529" t="s">
        <v>651</v>
      </c>
      <c r="H760" s="528"/>
      <c r="I760" s="528"/>
      <c r="J760" s="528"/>
      <c r="K760" s="527"/>
    </row>
    <row r="761" spans="1:11" ht="13.7" customHeight="1">
      <c r="A761" s="745"/>
      <c r="B761" s="740"/>
      <c r="C761" s="526"/>
      <c r="D761" s="525"/>
      <c r="E761" s="524"/>
      <c r="F761" s="523" t="s">
        <v>651</v>
      </c>
      <c r="G761" s="518" t="s">
        <v>651</v>
      </c>
      <c r="H761" s="517"/>
      <c r="I761" s="517"/>
      <c r="J761" s="517"/>
      <c r="K761" s="516"/>
    </row>
    <row r="762" spans="1:11" ht="13.7" customHeight="1">
      <c r="A762" s="739" t="s">
        <v>651</v>
      </c>
      <c r="B762" s="740"/>
      <c r="C762" s="522" t="s">
        <v>248</v>
      </c>
      <c r="D762" s="521"/>
      <c r="E762" s="520"/>
      <c r="F762" s="519"/>
      <c r="G762" s="518" t="s">
        <v>651</v>
      </c>
      <c r="H762" s="517"/>
      <c r="I762" s="517"/>
      <c r="J762" s="517"/>
      <c r="K762" s="516"/>
    </row>
    <row r="763" spans="1:11" ht="13.7" customHeight="1">
      <c r="A763" s="741"/>
      <c r="B763" s="742"/>
      <c r="C763" s="515"/>
      <c r="D763" s="514"/>
      <c r="E763" s="513"/>
      <c r="F763" s="512"/>
      <c r="G763" s="511" t="s">
        <v>651</v>
      </c>
      <c r="H763" s="510"/>
      <c r="I763" s="510"/>
      <c r="J763" s="510"/>
      <c r="K763" s="509"/>
    </row>
    <row r="764" spans="1:11" ht="13.7" customHeight="1">
      <c r="A764" s="743" t="s">
        <v>651</v>
      </c>
      <c r="B764" s="744"/>
      <c r="C764" s="533"/>
      <c r="D764" s="532"/>
      <c r="E764" s="531"/>
      <c r="F764" s="530"/>
      <c r="G764" s="529" t="s">
        <v>651</v>
      </c>
      <c r="H764" s="528"/>
      <c r="I764" s="528"/>
      <c r="J764" s="528"/>
      <c r="K764" s="527"/>
    </row>
    <row r="765" spans="1:11" ht="13.7" customHeight="1">
      <c r="A765" s="745"/>
      <c r="B765" s="740"/>
      <c r="C765" s="526"/>
      <c r="D765" s="525"/>
      <c r="E765" s="524"/>
      <c r="F765" s="523" t="s">
        <v>651</v>
      </c>
      <c r="G765" s="518" t="s">
        <v>651</v>
      </c>
      <c r="H765" s="517"/>
      <c r="I765" s="517"/>
      <c r="J765" s="517"/>
      <c r="K765" s="516"/>
    </row>
    <row r="766" spans="1:11" ht="13.7" customHeight="1">
      <c r="A766" s="739" t="s">
        <v>652</v>
      </c>
      <c r="B766" s="740"/>
      <c r="C766" s="522" t="s">
        <v>242</v>
      </c>
      <c r="D766" s="521">
        <v>1</v>
      </c>
      <c r="E766" s="520"/>
      <c r="F766" s="519"/>
      <c r="G766" s="518" t="s">
        <v>651</v>
      </c>
      <c r="H766" s="517"/>
      <c r="I766" s="517"/>
      <c r="J766" s="517"/>
      <c r="K766" s="516"/>
    </row>
    <row r="767" spans="1:11" ht="13.7" customHeight="1">
      <c r="A767" s="741"/>
      <c r="B767" s="742"/>
      <c r="C767" s="515"/>
      <c r="D767" s="514"/>
      <c r="E767" s="513"/>
      <c r="F767" s="512"/>
      <c r="G767" s="511" t="s">
        <v>651</v>
      </c>
      <c r="H767" s="510"/>
      <c r="I767" s="510"/>
      <c r="J767" s="510"/>
      <c r="K767" s="509"/>
    </row>
    <row r="768" spans="1:11" ht="13.7" customHeight="1">
      <c r="A768" s="743" t="s">
        <v>651</v>
      </c>
      <c r="B768" s="744"/>
      <c r="C768" s="533"/>
      <c r="D768" s="532"/>
      <c r="E768" s="531"/>
      <c r="F768" s="530"/>
      <c r="G768" s="529" t="s">
        <v>651</v>
      </c>
      <c r="H768" s="528"/>
      <c r="I768" s="528"/>
      <c r="J768" s="528"/>
      <c r="K768" s="527"/>
    </row>
    <row r="769" spans="1:11" ht="13.7" customHeight="1">
      <c r="A769" s="745"/>
      <c r="B769" s="740"/>
      <c r="C769" s="526"/>
      <c r="D769" s="525"/>
      <c r="E769" s="524"/>
      <c r="F769" s="523" t="s">
        <v>651</v>
      </c>
      <c r="G769" s="518" t="s">
        <v>651</v>
      </c>
      <c r="H769" s="517"/>
      <c r="I769" s="517"/>
      <c r="J769" s="517"/>
      <c r="K769" s="516"/>
    </row>
    <row r="770" spans="1:11" ht="13.7" customHeight="1">
      <c r="A770" s="739" t="s">
        <v>681</v>
      </c>
      <c r="B770" s="740"/>
      <c r="C770" s="522" t="s">
        <v>242</v>
      </c>
      <c r="D770" s="521">
        <v>1</v>
      </c>
      <c r="E770" s="520" t="s">
        <v>1002</v>
      </c>
      <c r="F770" s="519"/>
      <c r="G770" s="518" t="s">
        <v>651</v>
      </c>
      <c r="H770" s="517"/>
      <c r="I770" s="517"/>
      <c r="J770" s="517"/>
      <c r="K770" s="516"/>
    </row>
    <row r="771" spans="1:11" ht="13.7" customHeight="1">
      <c r="A771" s="741"/>
      <c r="B771" s="742"/>
      <c r="C771" s="515"/>
      <c r="D771" s="514"/>
      <c r="E771" s="513"/>
      <c r="F771" s="512"/>
      <c r="G771" s="511" t="s">
        <v>651</v>
      </c>
      <c r="H771" s="510"/>
      <c r="I771" s="510"/>
      <c r="J771" s="510"/>
      <c r="K771" s="509"/>
    </row>
    <row r="772" spans="1:11" ht="13.7" customHeight="1"/>
    <row r="773" spans="1:11" ht="13.7" customHeight="1"/>
    <row r="774" spans="1:11" ht="13.7" customHeight="1"/>
    <row r="775" spans="1:11" ht="13.7" customHeight="1"/>
    <row r="776" spans="1:11" ht="13.7" customHeight="1"/>
    <row r="777" spans="1:11" ht="13.7" customHeight="1"/>
    <row r="778" spans="1:11" ht="13.7" customHeight="1"/>
    <row r="779" spans="1:11" ht="13.7" customHeight="1"/>
    <row r="780" spans="1:11" ht="13.7" customHeight="1"/>
    <row r="781" spans="1:11" ht="13.7" customHeight="1"/>
    <row r="782" spans="1:11" ht="13.7" customHeight="1"/>
    <row r="783" spans="1:11" ht="13.7" customHeight="1"/>
    <row r="784" spans="1:11" ht="13.7" customHeight="1"/>
    <row r="785" spans="1:11" ht="13.7" customHeight="1"/>
    <row r="786" spans="1:11" ht="6.2" customHeight="1"/>
    <row r="787" spans="1:11" ht="14.1" customHeight="1">
      <c r="A787" s="543" t="s">
        <v>1485</v>
      </c>
      <c r="B787" s="540" t="s">
        <v>1484</v>
      </c>
      <c r="C787" s="540"/>
      <c r="D787" s="540"/>
      <c r="E787" s="540"/>
      <c r="F787" s="540"/>
      <c r="G787" s="542" t="s">
        <v>617</v>
      </c>
      <c r="H787" s="541" t="s">
        <v>948</v>
      </c>
      <c r="I787" s="540" t="s">
        <v>1007</v>
      </c>
      <c r="J787" s="540"/>
      <c r="K787" s="539"/>
    </row>
    <row r="788" spans="1:11" ht="24" customHeight="1">
      <c r="A788" s="538" t="s">
        <v>651</v>
      </c>
      <c r="B788" s="537" t="s">
        <v>651</v>
      </c>
      <c r="C788" s="537"/>
      <c r="D788" s="537"/>
      <c r="E788" s="537"/>
      <c r="F788" s="537"/>
      <c r="G788" s="751">
        <v>1</v>
      </c>
      <c r="H788" s="751"/>
      <c r="I788" s="751"/>
      <c r="J788" s="536" t="s">
        <v>242</v>
      </c>
      <c r="K788" s="535" t="s">
        <v>618</v>
      </c>
    </row>
    <row r="789" spans="1:11" ht="17.100000000000001" customHeight="1">
      <c r="A789" s="746" t="s">
        <v>1006</v>
      </c>
      <c r="B789" s="747"/>
      <c r="C789" s="534" t="s">
        <v>309</v>
      </c>
      <c r="D789" s="534" t="s">
        <v>619</v>
      </c>
      <c r="E789" s="534" t="s">
        <v>620</v>
      </c>
      <c r="F789" s="534" t="s">
        <v>659</v>
      </c>
      <c r="G789" s="748" t="s">
        <v>1005</v>
      </c>
      <c r="H789" s="749"/>
      <c r="I789" s="749"/>
      <c r="J789" s="749"/>
      <c r="K789" s="750"/>
    </row>
    <row r="790" spans="1:11" ht="13.7" customHeight="1">
      <c r="A790" s="743" t="s">
        <v>1697</v>
      </c>
      <c r="B790" s="744"/>
      <c r="C790" s="533"/>
      <c r="D790" s="532"/>
      <c r="E790" s="531"/>
      <c r="F790" s="530"/>
      <c r="G790" s="529" t="s">
        <v>651</v>
      </c>
      <c r="H790" s="528"/>
      <c r="I790" s="528"/>
      <c r="J790" s="528"/>
      <c r="K790" s="527"/>
    </row>
    <row r="791" spans="1:11" ht="13.7" customHeight="1">
      <c r="A791" s="745"/>
      <c r="B791" s="740"/>
      <c r="C791" s="526"/>
      <c r="D791" s="525"/>
      <c r="E791" s="524"/>
      <c r="F791" s="523" t="s">
        <v>651</v>
      </c>
      <c r="G791" s="518" t="s">
        <v>651</v>
      </c>
      <c r="H791" s="517"/>
      <c r="I791" s="517"/>
      <c r="J791" s="517"/>
      <c r="K791" s="516"/>
    </row>
    <row r="792" spans="1:11" ht="13.7" customHeight="1">
      <c r="A792" s="739" t="s">
        <v>651</v>
      </c>
      <c r="B792" s="740"/>
      <c r="C792" s="522" t="s">
        <v>248</v>
      </c>
      <c r="D792" s="521"/>
      <c r="E792" s="520"/>
      <c r="F792" s="519"/>
      <c r="G792" s="518" t="s">
        <v>651</v>
      </c>
      <c r="H792" s="517"/>
      <c r="I792" s="517"/>
      <c r="J792" s="517"/>
      <c r="K792" s="516"/>
    </row>
    <row r="793" spans="1:11" ht="13.7" customHeight="1">
      <c r="A793" s="741"/>
      <c r="B793" s="742"/>
      <c r="C793" s="515"/>
      <c r="D793" s="514"/>
      <c r="E793" s="513"/>
      <c r="F793" s="512"/>
      <c r="G793" s="511" t="s">
        <v>651</v>
      </c>
      <c r="H793" s="510"/>
      <c r="I793" s="510"/>
      <c r="J793" s="510"/>
      <c r="K793" s="509"/>
    </row>
    <row r="794" spans="1:11" ht="13.7" customHeight="1">
      <c r="A794" s="743" t="s">
        <v>1476</v>
      </c>
      <c r="B794" s="744"/>
      <c r="C794" s="533"/>
      <c r="D794" s="532"/>
      <c r="E794" s="531"/>
      <c r="F794" s="530"/>
      <c r="G794" s="529" t="s">
        <v>651</v>
      </c>
      <c r="H794" s="528"/>
      <c r="I794" s="528"/>
      <c r="J794" s="528"/>
      <c r="K794" s="527"/>
    </row>
    <row r="795" spans="1:11" ht="13.7" customHeight="1">
      <c r="A795" s="745"/>
      <c r="B795" s="740"/>
      <c r="C795" s="526"/>
      <c r="D795" s="525"/>
      <c r="E795" s="524"/>
      <c r="F795" s="523" t="s">
        <v>651</v>
      </c>
      <c r="G795" s="518" t="s">
        <v>651</v>
      </c>
      <c r="H795" s="517"/>
      <c r="I795" s="517"/>
      <c r="J795" s="517"/>
      <c r="K795" s="516"/>
    </row>
    <row r="796" spans="1:11" ht="13.7" customHeight="1">
      <c r="A796" s="739" t="s">
        <v>651</v>
      </c>
      <c r="B796" s="740"/>
      <c r="C796" s="522" t="s">
        <v>248</v>
      </c>
      <c r="D796" s="521"/>
      <c r="E796" s="520"/>
      <c r="F796" s="519"/>
      <c r="G796" s="518" t="s">
        <v>651</v>
      </c>
      <c r="H796" s="517"/>
      <c r="I796" s="517"/>
      <c r="J796" s="517"/>
      <c r="K796" s="516"/>
    </row>
    <row r="797" spans="1:11" ht="13.7" customHeight="1">
      <c r="A797" s="741"/>
      <c r="B797" s="742"/>
      <c r="C797" s="515"/>
      <c r="D797" s="514"/>
      <c r="E797" s="513"/>
      <c r="F797" s="512"/>
      <c r="G797" s="511" t="s">
        <v>651</v>
      </c>
      <c r="H797" s="510"/>
      <c r="I797" s="510"/>
      <c r="J797" s="510"/>
      <c r="K797" s="509"/>
    </row>
    <row r="798" spans="1:11" ht="13.7" customHeight="1">
      <c r="A798" s="743" t="s">
        <v>1475</v>
      </c>
      <c r="B798" s="744"/>
      <c r="C798" s="533"/>
      <c r="D798" s="532"/>
      <c r="E798" s="531"/>
      <c r="F798" s="530"/>
      <c r="G798" s="529" t="s">
        <v>651</v>
      </c>
      <c r="H798" s="528"/>
      <c r="I798" s="528"/>
      <c r="J798" s="528"/>
      <c r="K798" s="527"/>
    </row>
    <row r="799" spans="1:11" ht="13.7" customHeight="1">
      <c r="A799" s="745"/>
      <c r="B799" s="740"/>
      <c r="C799" s="526"/>
      <c r="D799" s="525"/>
      <c r="E799" s="524"/>
      <c r="F799" s="523" t="s">
        <v>651</v>
      </c>
      <c r="G799" s="518" t="s">
        <v>651</v>
      </c>
      <c r="H799" s="517"/>
      <c r="I799" s="517"/>
      <c r="J799" s="517"/>
      <c r="K799" s="516"/>
    </row>
    <row r="800" spans="1:11" ht="13.7" customHeight="1">
      <c r="A800" s="739" t="s">
        <v>651</v>
      </c>
      <c r="B800" s="740"/>
      <c r="C800" s="522" t="s">
        <v>248</v>
      </c>
      <c r="D800" s="521"/>
      <c r="E800" s="520"/>
      <c r="F800" s="519"/>
      <c r="G800" s="518" t="s">
        <v>651</v>
      </c>
      <c r="H800" s="517"/>
      <c r="I800" s="517"/>
      <c r="J800" s="517"/>
      <c r="K800" s="516"/>
    </row>
    <row r="801" spans="1:11" ht="13.7" customHeight="1">
      <c r="A801" s="741"/>
      <c r="B801" s="742"/>
      <c r="C801" s="515"/>
      <c r="D801" s="514"/>
      <c r="E801" s="513"/>
      <c r="F801" s="512"/>
      <c r="G801" s="511" t="s">
        <v>651</v>
      </c>
      <c r="H801" s="510"/>
      <c r="I801" s="510"/>
      <c r="J801" s="510"/>
      <c r="K801" s="509"/>
    </row>
    <row r="802" spans="1:11" ht="13.7" customHeight="1">
      <c r="A802" s="743" t="s">
        <v>1474</v>
      </c>
      <c r="B802" s="744"/>
      <c r="C802" s="533"/>
      <c r="D802" s="532"/>
      <c r="E802" s="531"/>
      <c r="F802" s="530"/>
      <c r="G802" s="529" t="s">
        <v>651</v>
      </c>
      <c r="H802" s="528"/>
      <c r="I802" s="528"/>
      <c r="J802" s="528"/>
      <c r="K802" s="527"/>
    </row>
    <row r="803" spans="1:11" ht="13.7" customHeight="1">
      <c r="A803" s="745"/>
      <c r="B803" s="740"/>
      <c r="C803" s="526"/>
      <c r="D803" s="525"/>
      <c r="E803" s="524"/>
      <c r="F803" s="523" t="s">
        <v>651</v>
      </c>
      <c r="G803" s="518" t="s">
        <v>651</v>
      </c>
      <c r="H803" s="517"/>
      <c r="I803" s="517"/>
      <c r="J803" s="517"/>
      <c r="K803" s="516"/>
    </row>
    <row r="804" spans="1:11" ht="13.7" customHeight="1">
      <c r="A804" s="739" t="s">
        <v>651</v>
      </c>
      <c r="B804" s="740"/>
      <c r="C804" s="522" t="s">
        <v>248</v>
      </c>
      <c r="D804" s="521"/>
      <c r="E804" s="520"/>
      <c r="F804" s="519"/>
      <c r="G804" s="518" t="s">
        <v>651</v>
      </c>
      <c r="H804" s="517"/>
      <c r="I804" s="517"/>
      <c r="J804" s="517"/>
      <c r="K804" s="516"/>
    </row>
    <row r="805" spans="1:11" ht="13.7" customHeight="1">
      <c r="A805" s="741"/>
      <c r="B805" s="742"/>
      <c r="C805" s="515"/>
      <c r="D805" s="514"/>
      <c r="E805" s="513"/>
      <c r="F805" s="512"/>
      <c r="G805" s="511" t="s">
        <v>651</v>
      </c>
      <c r="H805" s="510"/>
      <c r="I805" s="510"/>
      <c r="J805" s="510"/>
      <c r="K805" s="509"/>
    </row>
    <row r="806" spans="1:11" ht="13.7" customHeight="1">
      <c r="A806" s="743" t="s">
        <v>1483</v>
      </c>
      <c r="B806" s="744"/>
      <c r="C806" s="533"/>
      <c r="D806" s="532"/>
      <c r="E806" s="531"/>
      <c r="F806" s="530"/>
      <c r="G806" s="529" t="s">
        <v>651</v>
      </c>
      <c r="H806" s="528"/>
      <c r="I806" s="528"/>
      <c r="J806" s="528"/>
      <c r="K806" s="527"/>
    </row>
    <row r="807" spans="1:11" ht="13.7" customHeight="1">
      <c r="A807" s="745"/>
      <c r="B807" s="740"/>
      <c r="C807" s="526"/>
      <c r="D807" s="525"/>
      <c r="E807" s="524"/>
      <c r="F807" s="523" t="s">
        <v>651</v>
      </c>
      <c r="G807" s="518" t="s">
        <v>651</v>
      </c>
      <c r="H807" s="517"/>
      <c r="I807" s="517"/>
      <c r="J807" s="517"/>
      <c r="K807" s="516"/>
    </row>
    <row r="808" spans="1:11" ht="13.7" customHeight="1">
      <c r="A808" s="739" t="s">
        <v>1482</v>
      </c>
      <c r="B808" s="740"/>
      <c r="C808" s="522" t="s">
        <v>1481</v>
      </c>
      <c r="D808" s="521">
        <v>1</v>
      </c>
      <c r="E808" s="520"/>
      <c r="F808" s="519"/>
      <c r="G808" s="518" t="s">
        <v>651</v>
      </c>
      <c r="H808" s="517"/>
      <c r="I808" s="517"/>
      <c r="J808" s="517"/>
      <c r="K808" s="516"/>
    </row>
    <row r="809" spans="1:11" ht="13.7" customHeight="1">
      <c r="A809" s="741"/>
      <c r="B809" s="742"/>
      <c r="C809" s="515"/>
      <c r="D809" s="514"/>
      <c r="E809" s="513"/>
      <c r="F809" s="512"/>
      <c r="G809" s="511" t="s">
        <v>651</v>
      </c>
      <c r="H809" s="510"/>
      <c r="I809" s="510"/>
      <c r="J809" s="510"/>
      <c r="K809" s="509"/>
    </row>
    <row r="810" spans="1:11" ht="13.7" customHeight="1">
      <c r="A810" s="743" t="s">
        <v>651</v>
      </c>
      <c r="B810" s="744"/>
      <c r="C810" s="533"/>
      <c r="D810" s="532"/>
      <c r="E810" s="531"/>
      <c r="F810" s="530"/>
      <c r="G810" s="529" t="s">
        <v>651</v>
      </c>
      <c r="H810" s="528"/>
      <c r="I810" s="528"/>
      <c r="J810" s="528"/>
      <c r="K810" s="527"/>
    </row>
    <row r="811" spans="1:11" ht="13.7" customHeight="1">
      <c r="A811" s="745"/>
      <c r="B811" s="740"/>
      <c r="C811" s="526"/>
      <c r="D811" s="525"/>
      <c r="E811" s="524"/>
      <c r="F811" s="523" t="s">
        <v>651</v>
      </c>
      <c r="G811" s="518" t="s">
        <v>651</v>
      </c>
      <c r="H811" s="517"/>
      <c r="I811" s="517"/>
      <c r="J811" s="517"/>
      <c r="K811" s="516"/>
    </row>
    <row r="812" spans="1:11" ht="13.7" customHeight="1">
      <c r="A812" s="739" t="s">
        <v>652</v>
      </c>
      <c r="B812" s="740"/>
      <c r="C812" s="522" t="s">
        <v>242</v>
      </c>
      <c r="D812" s="521">
        <v>1</v>
      </c>
      <c r="E812" s="520"/>
      <c r="F812" s="519"/>
      <c r="G812" s="518" t="s">
        <v>651</v>
      </c>
      <c r="H812" s="517"/>
      <c r="I812" s="517"/>
      <c r="J812" s="517"/>
      <c r="K812" s="516"/>
    </row>
    <row r="813" spans="1:11" ht="13.7" customHeight="1">
      <c r="A813" s="741"/>
      <c r="B813" s="742"/>
      <c r="C813" s="515"/>
      <c r="D813" s="514"/>
      <c r="E813" s="513"/>
      <c r="F813" s="512"/>
      <c r="G813" s="511" t="s">
        <v>651</v>
      </c>
      <c r="H813" s="510"/>
      <c r="I813" s="510"/>
      <c r="J813" s="510"/>
      <c r="K813" s="509"/>
    </row>
    <row r="814" spans="1:11" ht="13.7" customHeight="1">
      <c r="A814" s="743" t="s">
        <v>651</v>
      </c>
      <c r="B814" s="744"/>
      <c r="C814" s="533"/>
      <c r="D814" s="532"/>
      <c r="E814" s="531"/>
      <c r="F814" s="530"/>
      <c r="G814" s="529" t="s">
        <v>651</v>
      </c>
      <c r="H814" s="528"/>
      <c r="I814" s="528"/>
      <c r="J814" s="528"/>
      <c r="K814" s="527"/>
    </row>
    <row r="815" spans="1:11" ht="13.7" customHeight="1">
      <c r="A815" s="745"/>
      <c r="B815" s="740"/>
      <c r="C815" s="526"/>
      <c r="D815" s="525"/>
      <c r="E815" s="524"/>
      <c r="F815" s="523" t="s">
        <v>651</v>
      </c>
      <c r="G815" s="518" t="s">
        <v>651</v>
      </c>
      <c r="H815" s="517"/>
      <c r="I815" s="517"/>
      <c r="J815" s="517"/>
      <c r="K815" s="516"/>
    </row>
    <row r="816" spans="1:11" ht="13.7" customHeight="1">
      <c r="A816" s="739" t="s">
        <v>681</v>
      </c>
      <c r="B816" s="740"/>
      <c r="C816" s="522" t="s">
        <v>242</v>
      </c>
      <c r="D816" s="521">
        <v>1</v>
      </c>
      <c r="E816" s="520" t="s">
        <v>1002</v>
      </c>
      <c r="F816" s="519"/>
      <c r="G816" s="518" t="s">
        <v>651</v>
      </c>
      <c r="H816" s="517"/>
      <c r="I816" s="517"/>
      <c r="J816" s="517"/>
      <c r="K816" s="516"/>
    </row>
    <row r="817" spans="1:11" ht="13.7" customHeight="1">
      <c r="A817" s="741"/>
      <c r="B817" s="742"/>
      <c r="C817" s="515"/>
      <c r="D817" s="514"/>
      <c r="E817" s="513"/>
      <c r="F817" s="512"/>
      <c r="G817" s="511" t="s">
        <v>651</v>
      </c>
      <c r="H817" s="510"/>
      <c r="I817" s="510"/>
      <c r="J817" s="510"/>
      <c r="K817" s="509"/>
    </row>
    <row r="818" spans="1:11" ht="13.7" customHeight="1"/>
    <row r="819" spans="1:11" ht="13.7" customHeight="1"/>
    <row r="820" spans="1:11" ht="13.7" customHeight="1"/>
    <row r="821" spans="1:11" ht="13.7" customHeight="1"/>
    <row r="822" spans="1:11" ht="13.7" customHeight="1"/>
    <row r="823" spans="1:11" ht="13.7" customHeight="1"/>
    <row r="824" spans="1:11" ht="6.2" customHeight="1"/>
    <row r="825" spans="1:11" ht="14.1" customHeight="1">
      <c r="A825" s="543" t="s">
        <v>1480</v>
      </c>
      <c r="B825" s="540" t="s">
        <v>1479</v>
      </c>
      <c r="C825" s="540"/>
      <c r="D825" s="540"/>
      <c r="E825" s="540"/>
      <c r="F825" s="540"/>
      <c r="G825" s="542" t="s">
        <v>617</v>
      </c>
      <c r="H825" s="541" t="s">
        <v>946</v>
      </c>
      <c r="I825" s="540" t="s">
        <v>1007</v>
      </c>
      <c r="J825" s="540"/>
      <c r="K825" s="539"/>
    </row>
    <row r="826" spans="1:11" ht="24" customHeight="1">
      <c r="A826" s="538" t="s">
        <v>651</v>
      </c>
      <c r="B826" s="537" t="s">
        <v>651</v>
      </c>
      <c r="C826" s="537"/>
      <c r="D826" s="537"/>
      <c r="E826" s="537"/>
      <c r="F826" s="537"/>
      <c r="G826" s="751">
        <v>1</v>
      </c>
      <c r="H826" s="751"/>
      <c r="I826" s="751"/>
      <c r="J826" s="536" t="s">
        <v>242</v>
      </c>
      <c r="K826" s="535" t="s">
        <v>618</v>
      </c>
    </row>
    <row r="827" spans="1:11" ht="17.100000000000001" customHeight="1">
      <c r="A827" s="746" t="s">
        <v>1006</v>
      </c>
      <c r="B827" s="747"/>
      <c r="C827" s="534" t="s">
        <v>309</v>
      </c>
      <c r="D827" s="534" t="s">
        <v>619</v>
      </c>
      <c r="E827" s="534" t="s">
        <v>620</v>
      </c>
      <c r="F827" s="534" t="s">
        <v>659</v>
      </c>
      <c r="G827" s="748" t="s">
        <v>1005</v>
      </c>
      <c r="H827" s="749"/>
      <c r="I827" s="749"/>
      <c r="J827" s="749"/>
      <c r="K827" s="750"/>
    </row>
    <row r="828" spans="1:11" ht="13.7" customHeight="1">
      <c r="A828" s="743" t="s">
        <v>1478</v>
      </c>
      <c r="B828" s="744"/>
      <c r="C828" s="533"/>
      <c r="D828" s="532"/>
      <c r="E828" s="531"/>
      <c r="F828" s="530"/>
      <c r="G828" s="529" t="s">
        <v>651</v>
      </c>
      <c r="H828" s="528"/>
      <c r="I828" s="528"/>
      <c r="J828" s="528"/>
      <c r="K828" s="527"/>
    </row>
    <row r="829" spans="1:11" ht="13.7" customHeight="1">
      <c r="A829" s="745"/>
      <c r="B829" s="740"/>
      <c r="C829" s="526"/>
      <c r="D829" s="525"/>
      <c r="E829" s="524"/>
      <c r="F829" s="523" t="s">
        <v>651</v>
      </c>
      <c r="G829" s="518" t="s">
        <v>651</v>
      </c>
      <c r="H829" s="517"/>
      <c r="I829" s="517"/>
      <c r="J829" s="517"/>
      <c r="K829" s="516"/>
    </row>
    <row r="830" spans="1:11" ht="13.7" customHeight="1">
      <c r="A830" s="739" t="s">
        <v>651</v>
      </c>
      <c r="B830" s="740"/>
      <c r="C830" s="522" t="s">
        <v>193</v>
      </c>
      <c r="D830" s="521">
        <v>33.94</v>
      </c>
      <c r="E830" s="520"/>
      <c r="F830" s="519"/>
      <c r="G830" s="518" t="s">
        <v>651</v>
      </c>
      <c r="H830" s="517"/>
      <c r="I830" s="517"/>
      <c r="J830" s="517"/>
      <c r="K830" s="516"/>
    </row>
    <row r="831" spans="1:11" ht="13.7" customHeight="1">
      <c r="A831" s="741"/>
      <c r="B831" s="742"/>
      <c r="C831" s="515"/>
      <c r="D831" s="514"/>
      <c r="E831" s="513"/>
      <c r="F831" s="512"/>
      <c r="G831" s="511" t="s">
        <v>651</v>
      </c>
      <c r="H831" s="510"/>
      <c r="I831" s="510"/>
      <c r="J831" s="510"/>
      <c r="K831" s="509"/>
    </row>
    <row r="832" spans="1:11" ht="13.7" customHeight="1">
      <c r="A832" s="743" t="s">
        <v>973</v>
      </c>
      <c r="B832" s="744"/>
      <c r="C832" s="533"/>
      <c r="D832" s="532"/>
      <c r="E832" s="531"/>
      <c r="F832" s="530"/>
      <c r="G832" s="529" t="s">
        <v>1477</v>
      </c>
      <c r="H832" s="528"/>
      <c r="I832" s="528"/>
      <c r="J832" s="528"/>
      <c r="K832" s="527"/>
    </row>
    <row r="833" spans="1:11" ht="13.7" customHeight="1">
      <c r="A833" s="745"/>
      <c r="B833" s="740"/>
      <c r="C833" s="526"/>
      <c r="D833" s="525"/>
      <c r="E833" s="524"/>
      <c r="F833" s="523" t="s">
        <v>651</v>
      </c>
      <c r="G833" s="518" t="s">
        <v>651</v>
      </c>
      <c r="H833" s="517"/>
      <c r="I833" s="517"/>
      <c r="J833" s="517"/>
      <c r="K833" s="516"/>
    </row>
    <row r="834" spans="1:11" ht="13.7" customHeight="1">
      <c r="A834" s="739" t="s">
        <v>651</v>
      </c>
      <c r="B834" s="740"/>
      <c r="C834" s="522" t="s">
        <v>193</v>
      </c>
      <c r="D834" s="521">
        <v>33.94</v>
      </c>
      <c r="E834" s="520"/>
      <c r="F834" s="519"/>
      <c r="G834" s="518" t="s">
        <v>651</v>
      </c>
      <c r="H834" s="517"/>
      <c r="I834" s="517"/>
      <c r="J834" s="517"/>
      <c r="K834" s="516"/>
    </row>
    <row r="835" spans="1:11" ht="13.7" customHeight="1">
      <c r="A835" s="741"/>
      <c r="B835" s="742"/>
      <c r="C835" s="515"/>
      <c r="D835" s="514"/>
      <c r="E835" s="513"/>
      <c r="F835" s="512"/>
      <c r="G835" s="511" t="s">
        <v>651</v>
      </c>
      <c r="H835" s="510"/>
      <c r="I835" s="510"/>
      <c r="J835" s="510"/>
      <c r="K835" s="509"/>
    </row>
    <row r="836" spans="1:11" ht="13.7" customHeight="1">
      <c r="A836" s="743" t="s">
        <v>651</v>
      </c>
      <c r="B836" s="744"/>
      <c r="C836" s="533"/>
      <c r="D836" s="532"/>
      <c r="E836" s="531"/>
      <c r="F836" s="530"/>
      <c r="G836" s="529" t="s">
        <v>651</v>
      </c>
      <c r="H836" s="528"/>
      <c r="I836" s="528"/>
      <c r="J836" s="528"/>
      <c r="K836" s="527"/>
    </row>
    <row r="837" spans="1:11" ht="13.7" customHeight="1">
      <c r="A837" s="745"/>
      <c r="B837" s="740"/>
      <c r="C837" s="526"/>
      <c r="D837" s="525"/>
      <c r="E837" s="524"/>
      <c r="F837" s="523" t="s">
        <v>651</v>
      </c>
      <c r="G837" s="518" t="s">
        <v>651</v>
      </c>
      <c r="H837" s="517"/>
      <c r="I837" s="517"/>
      <c r="J837" s="517"/>
      <c r="K837" s="516"/>
    </row>
    <row r="838" spans="1:11" ht="13.7" customHeight="1">
      <c r="A838" s="739" t="s">
        <v>652</v>
      </c>
      <c r="B838" s="740"/>
      <c r="C838" s="522" t="s">
        <v>242</v>
      </c>
      <c r="D838" s="521">
        <v>1</v>
      </c>
      <c r="E838" s="520"/>
      <c r="F838" s="519"/>
      <c r="G838" s="518" t="s">
        <v>651</v>
      </c>
      <c r="H838" s="517"/>
      <c r="I838" s="517"/>
      <c r="J838" s="517"/>
      <c r="K838" s="516"/>
    </row>
    <row r="839" spans="1:11" ht="13.7" customHeight="1">
      <c r="A839" s="741"/>
      <c r="B839" s="742"/>
      <c r="C839" s="515"/>
      <c r="D839" s="514"/>
      <c r="E839" s="513"/>
      <c r="F839" s="512"/>
      <c r="G839" s="511" t="s">
        <v>651</v>
      </c>
      <c r="H839" s="510"/>
      <c r="I839" s="510"/>
      <c r="J839" s="510"/>
      <c r="K839" s="509"/>
    </row>
    <row r="840" spans="1:11" ht="13.7" customHeight="1">
      <c r="A840" s="743" t="s">
        <v>651</v>
      </c>
      <c r="B840" s="744"/>
      <c r="C840" s="533"/>
      <c r="D840" s="532"/>
      <c r="E840" s="531"/>
      <c r="F840" s="530"/>
      <c r="G840" s="529" t="s">
        <v>651</v>
      </c>
      <c r="H840" s="528"/>
      <c r="I840" s="528"/>
      <c r="J840" s="528"/>
      <c r="K840" s="527"/>
    </row>
    <row r="841" spans="1:11" ht="13.7" customHeight="1">
      <c r="A841" s="745"/>
      <c r="B841" s="740"/>
      <c r="C841" s="526"/>
      <c r="D841" s="525"/>
      <c r="E841" s="524"/>
      <c r="F841" s="523" t="s">
        <v>651</v>
      </c>
      <c r="G841" s="518" t="s">
        <v>651</v>
      </c>
      <c r="H841" s="517"/>
      <c r="I841" s="517"/>
      <c r="J841" s="517"/>
      <c r="K841" s="516"/>
    </row>
    <row r="842" spans="1:11" ht="13.7" customHeight="1">
      <c r="A842" s="739" t="s">
        <v>681</v>
      </c>
      <c r="B842" s="740"/>
      <c r="C842" s="522" t="s">
        <v>242</v>
      </c>
      <c r="D842" s="521">
        <v>1</v>
      </c>
      <c r="E842" s="520" t="s">
        <v>1002</v>
      </c>
      <c r="F842" s="519"/>
      <c r="G842" s="518" t="s">
        <v>651</v>
      </c>
      <c r="H842" s="517"/>
      <c r="I842" s="517"/>
      <c r="J842" s="517"/>
      <c r="K842" s="516"/>
    </row>
    <row r="843" spans="1:11" ht="13.7" customHeight="1">
      <c r="A843" s="741"/>
      <c r="B843" s="742"/>
      <c r="C843" s="515"/>
      <c r="D843" s="514"/>
      <c r="E843" s="513"/>
      <c r="F843" s="512"/>
      <c r="G843" s="511" t="s">
        <v>651</v>
      </c>
      <c r="H843" s="510"/>
      <c r="I843" s="510"/>
      <c r="J843" s="510"/>
      <c r="K843" s="509"/>
    </row>
    <row r="844" spans="1:11" ht="13.7" customHeight="1"/>
    <row r="845" spans="1:11" ht="13.7" customHeight="1"/>
    <row r="846" spans="1:11" ht="13.7" customHeight="1"/>
    <row r="847" spans="1:11" ht="13.7" customHeight="1"/>
    <row r="848" spans="1:11" ht="13.7" customHeight="1"/>
    <row r="849" spans="1:11" ht="13.7" customHeight="1"/>
    <row r="850" spans="1:11" ht="13.7" customHeight="1"/>
    <row r="851" spans="1:11" ht="13.7" customHeight="1"/>
    <row r="852" spans="1:11" ht="13.7" customHeight="1"/>
    <row r="853" spans="1:11" ht="13.7" customHeight="1"/>
    <row r="854" spans="1:11" ht="13.7" customHeight="1"/>
    <row r="855" spans="1:11" ht="13.7" customHeight="1"/>
    <row r="856" spans="1:11" ht="13.7" customHeight="1"/>
    <row r="857" spans="1:11" ht="13.7" customHeight="1"/>
    <row r="858" spans="1:11" ht="13.7" customHeight="1"/>
    <row r="859" spans="1:11" ht="13.7" customHeight="1"/>
    <row r="860" spans="1:11" ht="13.7" customHeight="1"/>
    <row r="861" spans="1:11" ht="13.7" customHeight="1"/>
    <row r="862" spans="1:11" ht="6.2" customHeight="1"/>
    <row r="863" spans="1:11" ht="14.1" customHeight="1">
      <c r="A863" s="543" t="s">
        <v>1469</v>
      </c>
      <c r="B863" s="540" t="s">
        <v>1468</v>
      </c>
      <c r="C863" s="540"/>
      <c r="D863" s="540"/>
      <c r="E863" s="540"/>
      <c r="F863" s="540"/>
      <c r="G863" s="542" t="s">
        <v>617</v>
      </c>
      <c r="H863" s="541" t="s">
        <v>945</v>
      </c>
      <c r="I863" s="540" t="s">
        <v>1007</v>
      </c>
      <c r="J863" s="540"/>
      <c r="K863" s="539"/>
    </row>
    <row r="864" spans="1:11" ht="24" customHeight="1">
      <c r="A864" s="538" t="s">
        <v>651</v>
      </c>
      <c r="B864" s="537" t="s">
        <v>651</v>
      </c>
      <c r="C864" s="537"/>
      <c r="D864" s="537"/>
      <c r="E864" s="537"/>
      <c r="F864" s="537"/>
      <c r="G864" s="751">
        <v>1</v>
      </c>
      <c r="H864" s="751"/>
      <c r="I864" s="751"/>
      <c r="J864" s="536" t="s">
        <v>242</v>
      </c>
      <c r="K864" s="535" t="s">
        <v>618</v>
      </c>
    </row>
    <row r="865" spans="1:11" ht="17.100000000000001" customHeight="1">
      <c r="A865" s="746" t="s">
        <v>1006</v>
      </c>
      <c r="B865" s="747"/>
      <c r="C865" s="534" t="s">
        <v>309</v>
      </c>
      <c r="D865" s="534" t="s">
        <v>619</v>
      </c>
      <c r="E865" s="534" t="s">
        <v>620</v>
      </c>
      <c r="F865" s="534" t="s">
        <v>659</v>
      </c>
      <c r="G865" s="748" t="s">
        <v>1005</v>
      </c>
      <c r="H865" s="749"/>
      <c r="I865" s="749"/>
      <c r="J865" s="749"/>
      <c r="K865" s="750"/>
    </row>
    <row r="866" spans="1:11" ht="13.7" customHeight="1">
      <c r="A866" s="743" t="s">
        <v>1697</v>
      </c>
      <c r="B866" s="744"/>
      <c r="C866" s="533"/>
      <c r="D866" s="532"/>
      <c r="E866" s="531"/>
      <c r="F866" s="530"/>
      <c r="G866" s="529" t="s">
        <v>651</v>
      </c>
      <c r="H866" s="528"/>
      <c r="I866" s="528"/>
      <c r="J866" s="528"/>
      <c r="K866" s="527"/>
    </row>
    <row r="867" spans="1:11" ht="13.7" customHeight="1">
      <c r="A867" s="745"/>
      <c r="B867" s="740"/>
      <c r="C867" s="526"/>
      <c r="D867" s="525"/>
      <c r="E867" s="524"/>
      <c r="F867" s="523" t="s">
        <v>651</v>
      </c>
      <c r="G867" s="518" t="s">
        <v>651</v>
      </c>
      <c r="H867" s="517"/>
      <c r="I867" s="517"/>
      <c r="J867" s="517"/>
      <c r="K867" s="516"/>
    </row>
    <row r="868" spans="1:11" ht="13.7" customHeight="1">
      <c r="A868" s="739" t="s">
        <v>651</v>
      </c>
      <c r="B868" s="740"/>
      <c r="C868" s="522" t="s">
        <v>248</v>
      </c>
      <c r="D868" s="521"/>
      <c r="E868" s="520"/>
      <c r="F868" s="519"/>
      <c r="G868" s="518" t="s">
        <v>651</v>
      </c>
      <c r="H868" s="517"/>
      <c r="I868" s="517"/>
      <c r="J868" s="517"/>
      <c r="K868" s="516"/>
    </row>
    <row r="869" spans="1:11" ht="13.7" customHeight="1">
      <c r="A869" s="741"/>
      <c r="B869" s="742"/>
      <c r="C869" s="515"/>
      <c r="D869" s="514"/>
      <c r="E869" s="513"/>
      <c r="F869" s="512"/>
      <c r="G869" s="511" t="s">
        <v>651</v>
      </c>
      <c r="H869" s="510"/>
      <c r="I869" s="510"/>
      <c r="J869" s="510"/>
      <c r="K869" s="509"/>
    </row>
    <row r="870" spans="1:11" ht="13.7" customHeight="1">
      <c r="A870" s="743" t="s">
        <v>1476</v>
      </c>
      <c r="B870" s="744"/>
      <c r="C870" s="533"/>
      <c r="D870" s="532"/>
      <c r="E870" s="531"/>
      <c r="F870" s="530"/>
      <c r="G870" s="529" t="s">
        <v>651</v>
      </c>
      <c r="H870" s="528"/>
      <c r="I870" s="528"/>
      <c r="J870" s="528"/>
      <c r="K870" s="527"/>
    </row>
    <row r="871" spans="1:11" ht="13.7" customHeight="1">
      <c r="A871" s="745"/>
      <c r="B871" s="740"/>
      <c r="C871" s="526"/>
      <c r="D871" s="525"/>
      <c r="E871" s="524"/>
      <c r="F871" s="523" t="s">
        <v>651</v>
      </c>
      <c r="G871" s="518" t="s">
        <v>651</v>
      </c>
      <c r="H871" s="517"/>
      <c r="I871" s="517"/>
      <c r="J871" s="517"/>
      <c r="K871" s="516"/>
    </row>
    <row r="872" spans="1:11" ht="13.7" customHeight="1">
      <c r="A872" s="739" t="s">
        <v>651</v>
      </c>
      <c r="B872" s="740"/>
      <c r="C872" s="522" t="s">
        <v>248</v>
      </c>
      <c r="D872" s="521"/>
      <c r="E872" s="520"/>
      <c r="F872" s="519"/>
      <c r="G872" s="518" t="s">
        <v>651</v>
      </c>
      <c r="H872" s="517"/>
      <c r="I872" s="517"/>
      <c r="J872" s="517"/>
      <c r="K872" s="516"/>
    </row>
    <row r="873" spans="1:11" ht="13.7" customHeight="1">
      <c r="A873" s="741"/>
      <c r="B873" s="742"/>
      <c r="C873" s="515"/>
      <c r="D873" s="514"/>
      <c r="E873" s="513"/>
      <c r="F873" s="512"/>
      <c r="G873" s="511" t="s">
        <v>651</v>
      </c>
      <c r="H873" s="510"/>
      <c r="I873" s="510"/>
      <c r="J873" s="510"/>
      <c r="K873" s="509"/>
    </row>
    <row r="874" spans="1:11" ht="13.7" customHeight="1">
      <c r="A874" s="743" t="s">
        <v>1475</v>
      </c>
      <c r="B874" s="744"/>
      <c r="C874" s="533"/>
      <c r="D874" s="532"/>
      <c r="E874" s="531"/>
      <c r="F874" s="530"/>
      <c r="G874" s="529" t="s">
        <v>651</v>
      </c>
      <c r="H874" s="528"/>
      <c r="I874" s="528"/>
      <c r="J874" s="528"/>
      <c r="K874" s="527"/>
    </row>
    <row r="875" spans="1:11" ht="13.7" customHeight="1">
      <c r="A875" s="745"/>
      <c r="B875" s="740"/>
      <c r="C875" s="526"/>
      <c r="D875" s="525"/>
      <c r="E875" s="524"/>
      <c r="F875" s="523" t="s">
        <v>651</v>
      </c>
      <c r="G875" s="518" t="s">
        <v>651</v>
      </c>
      <c r="H875" s="517"/>
      <c r="I875" s="517"/>
      <c r="J875" s="517"/>
      <c r="K875" s="516"/>
    </row>
    <row r="876" spans="1:11" ht="13.7" customHeight="1">
      <c r="A876" s="739" t="s">
        <v>651</v>
      </c>
      <c r="B876" s="740"/>
      <c r="C876" s="522" t="s">
        <v>248</v>
      </c>
      <c r="D876" s="521"/>
      <c r="E876" s="520"/>
      <c r="F876" s="519"/>
      <c r="G876" s="518" t="s">
        <v>651</v>
      </c>
      <c r="H876" s="517"/>
      <c r="I876" s="517"/>
      <c r="J876" s="517"/>
      <c r="K876" s="516"/>
    </row>
    <row r="877" spans="1:11" ht="13.7" customHeight="1">
      <c r="A877" s="741"/>
      <c r="B877" s="742"/>
      <c r="C877" s="515"/>
      <c r="D877" s="514"/>
      <c r="E877" s="513"/>
      <c r="F877" s="512"/>
      <c r="G877" s="511" t="s">
        <v>651</v>
      </c>
      <c r="H877" s="510"/>
      <c r="I877" s="510"/>
      <c r="J877" s="510"/>
      <c r="K877" s="509"/>
    </row>
    <row r="878" spans="1:11" ht="13.7" customHeight="1">
      <c r="A878" s="743" t="s">
        <v>1474</v>
      </c>
      <c r="B878" s="744"/>
      <c r="C878" s="533"/>
      <c r="D878" s="532"/>
      <c r="E878" s="531"/>
      <c r="F878" s="530"/>
      <c r="G878" s="529" t="s">
        <v>651</v>
      </c>
      <c r="H878" s="528"/>
      <c r="I878" s="528"/>
      <c r="J878" s="528"/>
      <c r="K878" s="527"/>
    </row>
    <row r="879" spans="1:11" ht="13.7" customHeight="1">
      <c r="A879" s="745"/>
      <c r="B879" s="740"/>
      <c r="C879" s="526"/>
      <c r="D879" s="525"/>
      <c r="E879" s="524"/>
      <c r="F879" s="523" t="s">
        <v>651</v>
      </c>
      <c r="G879" s="518" t="s">
        <v>651</v>
      </c>
      <c r="H879" s="517"/>
      <c r="I879" s="517"/>
      <c r="J879" s="517"/>
      <c r="K879" s="516"/>
    </row>
    <row r="880" spans="1:11" ht="13.7" customHeight="1">
      <c r="A880" s="739" t="s">
        <v>651</v>
      </c>
      <c r="B880" s="740"/>
      <c r="C880" s="522" t="s">
        <v>248</v>
      </c>
      <c r="D880" s="521"/>
      <c r="E880" s="520"/>
      <c r="F880" s="519"/>
      <c r="G880" s="518" t="s">
        <v>651</v>
      </c>
      <c r="H880" s="517"/>
      <c r="I880" s="517"/>
      <c r="J880" s="517"/>
      <c r="K880" s="516"/>
    </row>
    <row r="881" spans="1:11" ht="13.7" customHeight="1">
      <c r="A881" s="741"/>
      <c r="B881" s="742"/>
      <c r="C881" s="515"/>
      <c r="D881" s="514"/>
      <c r="E881" s="513"/>
      <c r="F881" s="512"/>
      <c r="G881" s="511" t="s">
        <v>651</v>
      </c>
      <c r="H881" s="510"/>
      <c r="I881" s="510"/>
      <c r="J881" s="510"/>
      <c r="K881" s="509"/>
    </row>
    <row r="882" spans="1:11" ht="13.7" customHeight="1">
      <c r="A882" s="743" t="s">
        <v>1473</v>
      </c>
      <c r="B882" s="744"/>
      <c r="C882" s="533"/>
      <c r="D882" s="532"/>
      <c r="E882" s="531"/>
      <c r="F882" s="530"/>
      <c r="G882" s="529" t="s">
        <v>651</v>
      </c>
      <c r="H882" s="528"/>
      <c r="I882" s="528"/>
      <c r="J882" s="528"/>
      <c r="K882" s="527"/>
    </row>
    <row r="883" spans="1:11" ht="13.7" customHeight="1">
      <c r="A883" s="745"/>
      <c r="B883" s="740"/>
      <c r="C883" s="526"/>
      <c r="D883" s="525"/>
      <c r="E883" s="524"/>
      <c r="F883" s="523" t="s">
        <v>651</v>
      </c>
      <c r="G883" s="518" t="s">
        <v>651</v>
      </c>
      <c r="H883" s="517"/>
      <c r="I883" s="517"/>
      <c r="J883" s="517"/>
      <c r="K883" s="516"/>
    </row>
    <row r="884" spans="1:11" ht="13.7" customHeight="1">
      <c r="A884" s="739" t="s">
        <v>651</v>
      </c>
      <c r="B884" s="740"/>
      <c r="C884" s="522" t="s">
        <v>248</v>
      </c>
      <c r="D884" s="521"/>
      <c r="E884" s="520"/>
      <c r="F884" s="519"/>
      <c r="G884" s="518" t="s">
        <v>651</v>
      </c>
      <c r="H884" s="517"/>
      <c r="I884" s="517"/>
      <c r="J884" s="517"/>
      <c r="K884" s="516"/>
    </row>
    <row r="885" spans="1:11" ht="13.7" customHeight="1">
      <c r="A885" s="741"/>
      <c r="B885" s="742"/>
      <c r="C885" s="515"/>
      <c r="D885" s="514"/>
      <c r="E885" s="513"/>
      <c r="F885" s="512"/>
      <c r="G885" s="511" t="s">
        <v>651</v>
      </c>
      <c r="H885" s="510"/>
      <c r="I885" s="510"/>
      <c r="J885" s="510"/>
      <c r="K885" s="509"/>
    </row>
    <row r="886" spans="1:11" ht="13.7" customHeight="1">
      <c r="A886" s="743" t="s">
        <v>1472</v>
      </c>
      <c r="B886" s="744"/>
      <c r="C886" s="533"/>
      <c r="D886" s="532"/>
      <c r="E886" s="531"/>
      <c r="F886" s="530"/>
      <c r="G886" s="529" t="s">
        <v>651</v>
      </c>
      <c r="H886" s="528"/>
      <c r="I886" s="528"/>
      <c r="J886" s="528"/>
      <c r="K886" s="527"/>
    </row>
    <row r="887" spans="1:11" ht="13.7" customHeight="1">
      <c r="A887" s="745"/>
      <c r="B887" s="740"/>
      <c r="C887" s="526"/>
      <c r="D887" s="525"/>
      <c r="E887" s="524"/>
      <c r="F887" s="523" t="s">
        <v>651</v>
      </c>
      <c r="G887" s="518" t="s">
        <v>651</v>
      </c>
      <c r="H887" s="517"/>
      <c r="I887" s="517"/>
      <c r="J887" s="517"/>
      <c r="K887" s="516"/>
    </row>
    <row r="888" spans="1:11" ht="13.7" customHeight="1">
      <c r="A888" s="739" t="s">
        <v>651</v>
      </c>
      <c r="B888" s="740"/>
      <c r="C888" s="522" t="s">
        <v>248</v>
      </c>
      <c r="D888" s="521"/>
      <c r="E888" s="520"/>
      <c r="F888" s="519"/>
      <c r="G888" s="518" t="s">
        <v>651</v>
      </c>
      <c r="H888" s="517"/>
      <c r="I888" s="517"/>
      <c r="J888" s="517"/>
      <c r="K888" s="516"/>
    </row>
    <row r="889" spans="1:11" ht="13.7" customHeight="1">
      <c r="A889" s="741"/>
      <c r="B889" s="742"/>
      <c r="C889" s="515"/>
      <c r="D889" s="514"/>
      <c r="E889" s="513"/>
      <c r="F889" s="512"/>
      <c r="G889" s="511" t="s">
        <v>651</v>
      </c>
      <c r="H889" s="510"/>
      <c r="I889" s="510"/>
      <c r="J889" s="510"/>
      <c r="K889" s="509"/>
    </row>
    <row r="890" spans="1:11" ht="13.7" customHeight="1">
      <c r="A890" s="743" t="s">
        <v>1471</v>
      </c>
      <c r="B890" s="744"/>
      <c r="C890" s="533"/>
      <c r="D890" s="532"/>
      <c r="E890" s="531"/>
      <c r="F890" s="530"/>
      <c r="G890" s="529" t="s">
        <v>651</v>
      </c>
      <c r="H890" s="528"/>
      <c r="I890" s="528"/>
      <c r="J890" s="528"/>
      <c r="K890" s="527"/>
    </row>
    <row r="891" spans="1:11" ht="13.7" customHeight="1">
      <c r="A891" s="745"/>
      <c r="B891" s="740"/>
      <c r="C891" s="526"/>
      <c r="D891" s="525"/>
      <c r="E891" s="524"/>
      <c r="F891" s="523" t="s">
        <v>651</v>
      </c>
      <c r="G891" s="518" t="s">
        <v>651</v>
      </c>
      <c r="H891" s="517"/>
      <c r="I891" s="517"/>
      <c r="J891" s="517"/>
      <c r="K891" s="516"/>
    </row>
    <row r="892" spans="1:11" ht="13.7" customHeight="1">
      <c r="A892" s="739" t="s">
        <v>651</v>
      </c>
      <c r="B892" s="740"/>
      <c r="C892" s="522" t="s">
        <v>242</v>
      </c>
      <c r="D892" s="521">
        <v>1</v>
      </c>
      <c r="E892" s="520"/>
      <c r="F892" s="519"/>
      <c r="G892" s="518" t="s">
        <v>651</v>
      </c>
      <c r="H892" s="517"/>
      <c r="I892" s="517"/>
      <c r="J892" s="517"/>
      <c r="K892" s="516"/>
    </row>
    <row r="893" spans="1:11" ht="13.7" customHeight="1">
      <c r="A893" s="741"/>
      <c r="B893" s="742"/>
      <c r="C893" s="515"/>
      <c r="D893" s="514"/>
      <c r="E893" s="513"/>
      <c r="F893" s="512"/>
      <c r="G893" s="511" t="s">
        <v>651</v>
      </c>
      <c r="H893" s="510"/>
      <c r="I893" s="510"/>
      <c r="J893" s="510"/>
      <c r="K893" s="509"/>
    </row>
    <row r="894" spans="1:11" ht="13.7" customHeight="1">
      <c r="A894" s="743" t="s">
        <v>1470</v>
      </c>
      <c r="B894" s="744"/>
      <c r="C894" s="533"/>
      <c r="D894" s="532"/>
      <c r="E894" s="531"/>
      <c r="F894" s="530"/>
      <c r="G894" s="529" t="s">
        <v>651</v>
      </c>
      <c r="H894" s="528"/>
      <c r="I894" s="528"/>
      <c r="J894" s="528"/>
      <c r="K894" s="527"/>
    </row>
    <row r="895" spans="1:11" ht="13.7" customHeight="1">
      <c r="A895" s="745"/>
      <c r="B895" s="740"/>
      <c r="C895" s="526"/>
      <c r="D895" s="525"/>
      <c r="E895" s="524"/>
      <c r="F895" s="523" t="s">
        <v>651</v>
      </c>
      <c r="G895" s="518" t="s">
        <v>651</v>
      </c>
      <c r="H895" s="517"/>
      <c r="I895" s="517"/>
      <c r="J895" s="517"/>
      <c r="K895" s="516"/>
    </row>
    <row r="896" spans="1:11" ht="13.7" customHeight="1">
      <c r="A896" s="739" t="s">
        <v>1700</v>
      </c>
      <c r="B896" s="740"/>
      <c r="C896" s="522" t="s">
        <v>621</v>
      </c>
      <c r="D896" s="521"/>
      <c r="E896" s="520"/>
      <c r="F896" s="519"/>
      <c r="G896" s="518" t="s">
        <v>651</v>
      </c>
      <c r="H896" s="517"/>
      <c r="I896" s="517"/>
      <c r="J896" s="517"/>
      <c r="K896" s="516"/>
    </row>
    <row r="897" spans="1:11" ht="13.7" customHeight="1">
      <c r="A897" s="741"/>
      <c r="B897" s="742"/>
      <c r="C897" s="515"/>
      <c r="D897" s="514"/>
      <c r="E897" s="513"/>
      <c r="F897" s="512"/>
      <c r="G897" s="511" t="s">
        <v>651</v>
      </c>
      <c r="H897" s="510"/>
      <c r="I897" s="510"/>
      <c r="J897" s="510"/>
      <c r="K897" s="509"/>
    </row>
    <row r="898" spans="1:11" ht="13.7" customHeight="1"/>
    <row r="899" spans="1:11" ht="13.7" customHeight="1"/>
    <row r="900" spans="1:11" ht="6.2" customHeight="1"/>
    <row r="901" spans="1:11" ht="14.1" customHeight="1">
      <c r="A901" s="543" t="s">
        <v>1469</v>
      </c>
      <c r="B901" s="540" t="s">
        <v>1468</v>
      </c>
      <c r="C901" s="540"/>
      <c r="D901" s="540"/>
      <c r="E901" s="540"/>
      <c r="F901" s="540"/>
      <c r="G901" s="542" t="s">
        <v>617</v>
      </c>
      <c r="H901" s="541" t="s">
        <v>945</v>
      </c>
      <c r="I901" s="540" t="s">
        <v>1007</v>
      </c>
      <c r="J901" s="540"/>
      <c r="K901" s="539"/>
    </row>
    <row r="902" spans="1:11" ht="24" customHeight="1">
      <c r="A902" s="538" t="s">
        <v>651</v>
      </c>
      <c r="B902" s="537" t="s">
        <v>651</v>
      </c>
      <c r="C902" s="537"/>
      <c r="D902" s="537"/>
      <c r="E902" s="537"/>
      <c r="F902" s="537"/>
      <c r="G902" s="751">
        <v>1</v>
      </c>
      <c r="H902" s="751"/>
      <c r="I902" s="751"/>
      <c r="J902" s="536" t="s">
        <v>242</v>
      </c>
      <c r="K902" s="535" t="s">
        <v>618</v>
      </c>
    </row>
    <row r="903" spans="1:11" ht="17.100000000000001" customHeight="1">
      <c r="A903" s="746" t="s">
        <v>1006</v>
      </c>
      <c r="B903" s="747"/>
      <c r="C903" s="534" t="s">
        <v>309</v>
      </c>
      <c r="D903" s="534" t="s">
        <v>619</v>
      </c>
      <c r="E903" s="534" t="s">
        <v>620</v>
      </c>
      <c r="F903" s="534" t="s">
        <v>659</v>
      </c>
      <c r="G903" s="748" t="s">
        <v>1005</v>
      </c>
      <c r="H903" s="749"/>
      <c r="I903" s="749"/>
      <c r="J903" s="749"/>
      <c r="K903" s="750"/>
    </row>
    <row r="904" spans="1:11" ht="13.7" customHeight="1">
      <c r="A904" s="743" t="s">
        <v>1467</v>
      </c>
      <c r="B904" s="744"/>
      <c r="C904" s="533"/>
      <c r="D904" s="532"/>
      <c r="E904" s="531"/>
      <c r="F904" s="530"/>
      <c r="G904" s="529" t="s">
        <v>651</v>
      </c>
      <c r="H904" s="528"/>
      <c r="I904" s="528"/>
      <c r="J904" s="528"/>
      <c r="K904" s="527"/>
    </row>
    <row r="905" spans="1:11" ht="13.7" customHeight="1">
      <c r="A905" s="745"/>
      <c r="B905" s="740"/>
      <c r="C905" s="526"/>
      <c r="D905" s="525"/>
      <c r="E905" s="524"/>
      <c r="F905" s="523" t="s">
        <v>651</v>
      </c>
      <c r="G905" s="518" t="s">
        <v>651</v>
      </c>
      <c r="H905" s="517"/>
      <c r="I905" s="517"/>
      <c r="J905" s="517"/>
      <c r="K905" s="516"/>
    </row>
    <row r="906" spans="1:11" ht="13.7" customHeight="1">
      <c r="A906" s="739" t="s">
        <v>1699</v>
      </c>
      <c r="B906" s="740"/>
      <c r="C906" s="522" t="s">
        <v>621</v>
      </c>
      <c r="D906" s="521"/>
      <c r="E906" s="520"/>
      <c r="F906" s="519"/>
      <c r="G906" s="518" t="s">
        <v>651</v>
      </c>
      <c r="H906" s="517"/>
      <c r="I906" s="517"/>
      <c r="J906" s="517"/>
      <c r="K906" s="516"/>
    </row>
    <row r="907" spans="1:11" ht="13.7" customHeight="1">
      <c r="A907" s="741"/>
      <c r="B907" s="742"/>
      <c r="C907" s="515"/>
      <c r="D907" s="514"/>
      <c r="E907" s="513"/>
      <c r="F907" s="512"/>
      <c r="G907" s="511" t="s">
        <v>651</v>
      </c>
      <c r="H907" s="510"/>
      <c r="I907" s="510"/>
      <c r="J907" s="510"/>
      <c r="K907" s="509"/>
    </row>
    <row r="908" spans="1:11" ht="13.7" customHeight="1">
      <c r="A908" s="743" t="s">
        <v>651</v>
      </c>
      <c r="B908" s="744"/>
      <c r="C908" s="533"/>
      <c r="D908" s="532"/>
      <c r="E908" s="531"/>
      <c r="F908" s="530"/>
      <c r="G908" s="529" t="s">
        <v>651</v>
      </c>
      <c r="H908" s="528"/>
      <c r="I908" s="528"/>
      <c r="J908" s="528"/>
      <c r="K908" s="527"/>
    </row>
    <row r="909" spans="1:11" ht="13.7" customHeight="1">
      <c r="A909" s="745"/>
      <c r="B909" s="740"/>
      <c r="C909" s="526"/>
      <c r="D909" s="525"/>
      <c r="E909" s="524"/>
      <c r="F909" s="523" t="s">
        <v>651</v>
      </c>
      <c r="G909" s="518" t="s">
        <v>651</v>
      </c>
      <c r="H909" s="517"/>
      <c r="I909" s="517"/>
      <c r="J909" s="517"/>
      <c r="K909" s="516"/>
    </row>
    <row r="910" spans="1:11" ht="13.7" customHeight="1">
      <c r="A910" s="739" t="s">
        <v>652</v>
      </c>
      <c r="B910" s="740"/>
      <c r="C910" s="522" t="s">
        <v>242</v>
      </c>
      <c r="D910" s="521">
        <v>1</v>
      </c>
      <c r="E910" s="520"/>
      <c r="F910" s="519"/>
      <c r="G910" s="518" t="s">
        <v>651</v>
      </c>
      <c r="H910" s="517"/>
      <c r="I910" s="517"/>
      <c r="J910" s="517"/>
      <c r="K910" s="516"/>
    </row>
    <row r="911" spans="1:11" ht="13.7" customHeight="1">
      <c r="A911" s="741"/>
      <c r="B911" s="742"/>
      <c r="C911" s="515"/>
      <c r="D911" s="514"/>
      <c r="E911" s="513"/>
      <c r="F911" s="512"/>
      <c r="G911" s="511" t="s">
        <v>651</v>
      </c>
      <c r="H911" s="510"/>
      <c r="I911" s="510"/>
      <c r="J911" s="510"/>
      <c r="K911" s="509"/>
    </row>
    <row r="912" spans="1:11" ht="13.7" customHeight="1">
      <c r="A912" s="743" t="s">
        <v>651</v>
      </c>
      <c r="B912" s="744"/>
      <c r="C912" s="533"/>
      <c r="D912" s="532"/>
      <c r="E912" s="531"/>
      <c r="F912" s="530"/>
      <c r="G912" s="529" t="s">
        <v>651</v>
      </c>
      <c r="H912" s="528"/>
      <c r="I912" s="528"/>
      <c r="J912" s="528"/>
      <c r="K912" s="527"/>
    </row>
    <row r="913" spans="1:11" ht="13.7" customHeight="1">
      <c r="A913" s="745"/>
      <c r="B913" s="740"/>
      <c r="C913" s="526"/>
      <c r="D913" s="525"/>
      <c r="E913" s="524"/>
      <c r="F913" s="523" t="s">
        <v>651</v>
      </c>
      <c r="G913" s="518" t="s">
        <v>651</v>
      </c>
      <c r="H913" s="517"/>
      <c r="I913" s="517"/>
      <c r="J913" s="517"/>
      <c r="K913" s="516"/>
    </row>
    <row r="914" spans="1:11" ht="13.7" customHeight="1">
      <c r="A914" s="739" t="s">
        <v>681</v>
      </c>
      <c r="B914" s="740"/>
      <c r="C914" s="522" t="s">
        <v>242</v>
      </c>
      <c r="D914" s="521">
        <v>1</v>
      </c>
      <c r="E914" s="520" t="s">
        <v>1002</v>
      </c>
      <c r="F914" s="519"/>
      <c r="G914" s="518" t="s">
        <v>651</v>
      </c>
      <c r="H914" s="517"/>
      <c r="I914" s="517"/>
      <c r="J914" s="517"/>
      <c r="K914" s="516"/>
    </row>
    <row r="915" spans="1:11" ht="13.7" customHeight="1">
      <c r="A915" s="741"/>
      <c r="B915" s="742"/>
      <c r="C915" s="515"/>
      <c r="D915" s="514"/>
      <c r="E915" s="513"/>
      <c r="F915" s="512"/>
      <c r="G915" s="511" t="s">
        <v>651</v>
      </c>
      <c r="H915" s="510"/>
      <c r="I915" s="510"/>
      <c r="J915" s="510"/>
      <c r="K915" s="509"/>
    </row>
    <row r="916" spans="1:11" ht="13.7" customHeight="1"/>
    <row r="917" spans="1:11" ht="13.7" customHeight="1"/>
    <row r="918" spans="1:11" ht="13.7" customHeight="1"/>
    <row r="919" spans="1:11" ht="13.7" customHeight="1"/>
    <row r="920" spans="1:11" ht="13.7" customHeight="1"/>
    <row r="921" spans="1:11" ht="13.7" customHeight="1"/>
    <row r="922" spans="1:11" ht="13.7" customHeight="1"/>
    <row r="923" spans="1:11" ht="13.7" customHeight="1"/>
    <row r="924" spans="1:11" ht="13.7" customHeight="1"/>
    <row r="925" spans="1:11" ht="13.7" customHeight="1"/>
    <row r="926" spans="1:11" ht="13.7" customHeight="1"/>
    <row r="927" spans="1:11" ht="13.7" customHeight="1"/>
    <row r="928" spans="1:11" ht="13.7" customHeight="1"/>
    <row r="929" spans="1:11" ht="13.7" customHeight="1"/>
    <row r="930" spans="1:11" ht="13.7" customHeight="1"/>
    <row r="931" spans="1:11" ht="13.7" customHeight="1"/>
    <row r="932" spans="1:11" ht="13.7" customHeight="1"/>
    <row r="933" spans="1:11" ht="13.7" customHeight="1"/>
    <row r="934" spans="1:11" ht="13.7" customHeight="1"/>
    <row r="935" spans="1:11" ht="13.7" customHeight="1"/>
    <row r="936" spans="1:11" ht="13.7" customHeight="1"/>
    <row r="937" spans="1:11" ht="13.7" customHeight="1"/>
    <row r="938" spans="1:11" ht="6.2" customHeight="1"/>
    <row r="939" spans="1:11" ht="14.1" customHeight="1">
      <c r="A939" s="543" t="s">
        <v>1436</v>
      </c>
      <c r="B939" s="540" t="s">
        <v>1435</v>
      </c>
      <c r="C939" s="540"/>
      <c r="D939" s="540"/>
      <c r="E939" s="540"/>
      <c r="F939" s="540"/>
      <c r="G939" s="542" t="s">
        <v>617</v>
      </c>
      <c r="H939" s="541" t="s">
        <v>943</v>
      </c>
      <c r="I939" s="540" t="s">
        <v>1007</v>
      </c>
      <c r="J939" s="540"/>
      <c r="K939" s="539"/>
    </row>
    <row r="940" spans="1:11" ht="24" customHeight="1">
      <c r="A940" s="538" t="s">
        <v>651</v>
      </c>
      <c r="B940" s="537" t="s">
        <v>651</v>
      </c>
      <c r="C940" s="537"/>
      <c r="D940" s="537"/>
      <c r="E940" s="537"/>
      <c r="F940" s="537"/>
      <c r="G940" s="751">
        <v>1</v>
      </c>
      <c r="H940" s="751"/>
      <c r="I940" s="751"/>
      <c r="J940" s="536" t="s">
        <v>242</v>
      </c>
      <c r="K940" s="535" t="s">
        <v>618</v>
      </c>
    </row>
    <row r="941" spans="1:11" ht="17.100000000000001" customHeight="1">
      <c r="A941" s="746" t="s">
        <v>1006</v>
      </c>
      <c r="B941" s="747"/>
      <c r="C941" s="534" t="s">
        <v>309</v>
      </c>
      <c r="D941" s="534" t="s">
        <v>619</v>
      </c>
      <c r="E941" s="534" t="s">
        <v>620</v>
      </c>
      <c r="F941" s="534" t="s">
        <v>659</v>
      </c>
      <c r="G941" s="748" t="s">
        <v>1005</v>
      </c>
      <c r="H941" s="749"/>
      <c r="I941" s="749"/>
      <c r="J941" s="749"/>
      <c r="K941" s="750"/>
    </row>
    <row r="942" spans="1:11" ht="13.7" customHeight="1">
      <c r="A942" s="743" t="s">
        <v>1466</v>
      </c>
      <c r="B942" s="744"/>
      <c r="C942" s="533"/>
      <c r="D942" s="532"/>
      <c r="E942" s="531"/>
      <c r="F942" s="530"/>
      <c r="G942" s="529" t="s">
        <v>651</v>
      </c>
      <c r="H942" s="528"/>
      <c r="I942" s="528"/>
      <c r="J942" s="528"/>
      <c r="K942" s="527"/>
    </row>
    <row r="943" spans="1:11" ht="13.7" customHeight="1">
      <c r="A943" s="745"/>
      <c r="B943" s="740"/>
      <c r="C943" s="526"/>
      <c r="D943" s="525"/>
      <c r="E943" s="524"/>
      <c r="F943" s="523" t="s">
        <v>651</v>
      </c>
      <c r="G943" s="518" t="s">
        <v>651</v>
      </c>
      <c r="H943" s="517"/>
      <c r="I943" s="517"/>
      <c r="J943" s="517"/>
      <c r="K943" s="516"/>
    </row>
    <row r="944" spans="1:11" ht="13.7" customHeight="1">
      <c r="A944" s="739" t="s">
        <v>1465</v>
      </c>
      <c r="B944" s="740"/>
      <c r="C944" s="522" t="s">
        <v>621</v>
      </c>
      <c r="D944" s="521"/>
      <c r="E944" s="520"/>
      <c r="F944" s="519"/>
      <c r="G944" s="518" t="s">
        <v>651</v>
      </c>
      <c r="H944" s="517"/>
      <c r="I944" s="517"/>
      <c r="J944" s="517"/>
      <c r="K944" s="516"/>
    </row>
    <row r="945" spans="1:11" ht="13.7" customHeight="1">
      <c r="A945" s="741"/>
      <c r="B945" s="742"/>
      <c r="C945" s="515"/>
      <c r="D945" s="514"/>
      <c r="E945" s="513"/>
      <c r="F945" s="512"/>
      <c r="G945" s="511" t="s">
        <v>651</v>
      </c>
      <c r="H945" s="510"/>
      <c r="I945" s="510"/>
      <c r="J945" s="510"/>
      <c r="K945" s="509"/>
    </row>
    <row r="946" spans="1:11" ht="13.7" customHeight="1">
      <c r="A946" s="743" t="s">
        <v>1466</v>
      </c>
      <c r="B946" s="744"/>
      <c r="C946" s="533"/>
      <c r="D946" s="532"/>
      <c r="E946" s="531"/>
      <c r="F946" s="530"/>
      <c r="G946" s="529" t="s">
        <v>651</v>
      </c>
      <c r="H946" s="528"/>
      <c r="I946" s="528"/>
      <c r="J946" s="528"/>
      <c r="K946" s="527"/>
    </row>
    <row r="947" spans="1:11" ht="13.7" customHeight="1">
      <c r="A947" s="745"/>
      <c r="B947" s="740"/>
      <c r="C947" s="526"/>
      <c r="D947" s="525"/>
      <c r="E947" s="524"/>
      <c r="F947" s="523" t="s">
        <v>651</v>
      </c>
      <c r="G947" s="518" t="s">
        <v>651</v>
      </c>
      <c r="H947" s="517"/>
      <c r="I947" s="517"/>
      <c r="J947" s="517"/>
      <c r="K947" s="516"/>
    </row>
    <row r="948" spans="1:11" ht="13.7" customHeight="1">
      <c r="A948" s="739" t="s">
        <v>1463</v>
      </c>
      <c r="B948" s="740"/>
      <c r="C948" s="522" t="s">
        <v>621</v>
      </c>
      <c r="D948" s="521"/>
      <c r="E948" s="520"/>
      <c r="F948" s="519"/>
      <c r="G948" s="518" t="s">
        <v>651</v>
      </c>
      <c r="H948" s="517"/>
      <c r="I948" s="517"/>
      <c r="J948" s="517"/>
      <c r="K948" s="516"/>
    </row>
    <row r="949" spans="1:11" ht="13.7" customHeight="1">
      <c r="A949" s="741"/>
      <c r="B949" s="742"/>
      <c r="C949" s="515"/>
      <c r="D949" s="514"/>
      <c r="E949" s="513"/>
      <c r="F949" s="512"/>
      <c r="G949" s="511" t="s">
        <v>651</v>
      </c>
      <c r="H949" s="510"/>
      <c r="I949" s="510"/>
      <c r="J949" s="510"/>
      <c r="K949" s="509"/>
    </row>
    <row r="950" spans="1:11" ht="13.7" customHeight="1">
      <c r="A950" s="743" t="s">
        <v>1464</v>
      </c>
      <c r="B950" s="744"/>
      <c r="C950" s="533"/>
      <c r="D950" s="532"/>
      <c r="E950" s="531"/>
      <c r="F950" s="530"/>
      <c r="G950" s="529" t="s">
        <v>651</v>
      </c>
      <c r="H950" s="528"/>
      <c r="I950" s="528"/>
      <c r="J950" s="528"/>
      <c r="K950" s="527"/>
    </row>
    <row r="951" spans="1:11" ht="13.7" customHeight="1">
      <c r="A951" s="745"/>
      <c r="B951" s="740"/>
      <c r="C951" s="526"/>
      <c r="D951" s="525"/>
      <c r="E951" s="524"/>
      <c r="F951" s="523" t="s">
        <v>651</v>
      </c>
      <c r="G951" s="518" t="s">
        <v>651</v>
      </c>
      <c r="H951" s="517"/>
      <c r="I951" s="517"/>
      <c r="J951" s="517"/>
      <c r="K951" s="516"/>
    </row>
    <row r="952" spans="1:11" ht="13.7" customHeight="1">
      <c r="A952" s="739" t="s">
        <v>1465</v>
      </c>
      <c r="B952" s="740"/>
      <c r="C952" s="522" t="s">
        <v>621</v>
      </c>
      <c r="D952" s="521"/>
      <c r="E952" s="520"/>
      <c r="F952" s="519"/>
      <c r="G952" s="518" t="s">
        <v>651</v>
      </c>
      <c r="H952" s="517"/>
      <c r="I952" s="517"/>
      <c r="J952" s="517"/>
      <c r="K952" s="516"/>
    </row>
    <row r="953" spans="1:11" ht="13.7" customHeight="1">
      <c r="A953" s="741"/>
      <c r="B953" s="742"/>
      <c r="C953" s="515"/>
      <c r="D953" s="514"/>
      <c r="E953" s="513"/>
      <c r="F953" s="512"/>
      <c r="G953" s="511" t="s">
        <v>651</v>
      </c>
      <c r="H953" s="510"/>
      <c r="I953" s="510"/>
      <c r="J953" s="510"/>
      <c r="K953" s="509"/>
    </row>
    <row r="954" spans="1:11" ht="13.7" customHeight="1">
      <c r="A954" s="743" t="s">
        <v>1464</v>
      </c>
      <c r="B954" s="744"/>
      <c r="C954" s="533"/>
      <c r="D954" s="532"/>
      <c r="E954" s="531"/>
      <c r="F954" s="530"/>
      <c r="G954" s="529" t="s">
        <v>651</v>
      </c>
      <c r="H954" s="528"/>
      <c r="I954" s="528"/>
      <c r="J954" s="528"/>
      <c r="K954" s="527"/>
    </row>
    <row r="955" spans="1:11" ht="13.7" customHeight="1">
      <c r="A955" s="745"/>
      <c r="B955" s="740"/>
      <c r="C955" s="526"/>
      <c r="D955" s="525"/>
      <c r="E955" s="524"/>
      <c r="F955" s="523" t="s">
        <v>651</v>
      </c>
      <c r="G955" s="518" t="s">
        <v>651</v>
      </c>
      <c r="H955" s="517"/>
      <c r="I955" s="517"/>
      <c r="J955" s="517"/>
      <c r="K955" s="516"/>
    </row>
    <row r="956" spans="1:11" ht="13.7" customHeight="1">
      <c r="A956" s="739" t="s">
        <v>1463</v>
      </c>
      <c r="B956" s="740"/>
      <c r="C956" s="522" t="s">
        <v>621</v>
      </c>
      <c r="D956" s="521"/>
      <c r="E956" s="520"/>
      <c r="F956" s="519"/>
      <c r="G956" s="518" t="s">
        <v>651</v>
      </c>
      <c r="H956" s="517"/>
      <c r="I956" s="517"/>
      <c r="J956" s="517"/>
      <c r="K956" s="516"/>
    </row>
    <row r="957" spans="1:11" ht="13.7" customHeight="1">
      <c r="A957" s="741"/>
      <c r="B957" s="742"/>
      <c r="C957" s="515"/>
      <c r="D957" s="514"/>
      <c r="E957" s="513"/>
      <c r="F957" s="512"/>
      <c r="G957" s="511" t="s">
        <v>651</v>
      </c>
      <c r="H957" s="510"/>
      <c r="I957" s="510"/>
      <c r="J957" s="510"/>
      <c r="K957" s="509"/>
    </row>
    <row r="958" spans="1:11" ht="13.7" customHeight="1">
      <c r="A958" s="743" t="s">
        <v>1462</v>
      </c>
      <c r="B958" s="744"/>
      <c r="C958" s="533"/>
      <c r="D958" s="532"/>
      <c r="E958" s="531"/>
      <c r="F958" s="530"/>
      <c r="G958" s="529" t="s">
        <v>651</v>
      </c>
      <c r="H958" s="528"/>
      <c r="I958" s="528"/>
      <c r="J958" s="528"/>
      <c r="K958" s="527"/>
    </row>
    <row r="959" spans="1:11" ht="13.7" customHeight="1">
      <c r="A959" s="745"/>
      <c r="B959" s="740"/>
      <c r="C959" s="526"/>
      <c r="D959" s="525"/>
      <c r="E959" s="524"/>
      <c r="F959" s="523" t="s">
        <v>651</v>
      </c>
      <c r="G959" s="518" t="s">
        <v>651</v>
      </c>
      <c r="H959" s="517"/>
      <c r="I959" s="517"/>
      <c r="J959" s="517"/>
      <c r="K959" s="516"/>
    </row>
    <row r="960" spans="1:11" ht="13.7" customHeight="1">
      <c r="A960" s="739" t="s">
        <v>651</v>
      </c>
      <c r="B960" s="740"/>
      <c r="C960" s="522" t="s">
        <v>621</v>
      </c>
      <c r="D960" s="521"/>
      <c r="E960" s="520"/>
      <c r="F960" s="519"/>
      <c r="G960" s="518" t="s">
        <v>651</v>
      </c>
      <c r="H960" s="517"/>
      <c r="I960" s="517"/>
      <c r="J960" s="517"/>
      <c r="K960" s="516"/>
    </row>
    <row r="961" spans="1:11" ht="13.7" customHeight="1">
      <c r="A961" s="741"/>
      <c r="B961" s="742"/>
      <c r="C961" s="515"/>
      <c r="D961" s="514"/>
      <c r="E961" s="513"/>
      <c r="F961" s="512"/>
      <c r="G961" s="511" t="s">
        <v>651</v>
      </c>
      <c r="H961" s="510"/>
      <c r="I961" s="510"/>
      <c r="J961" s="510"/>
      <c r="K961" s="509"/>
    </row>
    <row r="962" spans="1:11" ht="13.7" customHeight="1">
      <c r="A962" s="743" t="s">
        <v>1460</v>
      </c>
      <c r="B962" s="744"/>
      <c r="C962" s="533"/>
      <c r="D962" s="532"/>
      <c r="E962" s="531"/>
      <c r="F962" s="530"/>
      <c r="G962" s="529" t="s">
        <v>651</v>
      </c>
      <c r="H962" s="528"/>
      <c r="I962" s="528"/>
      <c r="J962" s="528"/>
      <c r="K962" s="527"/>
    </row>
    <row r="963" spans="1:11" ht="13.7" customHeight="1">
      <c r="A963" s="745"/>
      <c r="B963" s="740"/>
      <c r="C963" s="526"/>
      <c r="D963" s="525"/>
      <c r="E963" s="524"/>
      <c r="F963" s="523" t="s">
        <v>651</v>
      </c>
      <c r="G963" s="518" t="s">
        <v>651</v>
      </c>
      <c r="H963" s="517"/>
      <c r="I963" s="517"/>
      <c r="J963" s="517"/>
      <c r="K963" s="516"/>
    </row>
    <row r="964" spans="1:11" ht="13.7" customHeight="1">
      <c r="A964" s="739" t="s">
        <v>1461</v>
      </c>
      <c r="B964" s="740"/>
      <c r="C964" s="522" t="s">
        <v>621</v>
      </c>
      <c r="D964" s="521"/>
      <c r="E964" s="520"/>
      <c r="F964" s="519"/>
      <c r="G964" s="518" t="s">
        <v>651</v>
      </c>
      <c r="H964" s="517"/>
      <c r="I964" s="517"/>
      <c r="J964" s="517"/>
      <c r="K964" s="516"/>
    </row>
    <row r="965" spans="1:11" ht="13.7" customHeight="1">
      <c r="A965" s="741"/>
      <c r="B965" s="742"/>
      <c r="C965" s="515"/>
      <c r="D965" s="514"/>
      <c r="E965" s="513"/>
      <c r="F965" s="512"/>
      <c r="G965" s="511" t="s">
        <v>651</v>
      </c>
      <c r="H965" s="510"/>
      <c r="I965" s="510"/>
      <c r="J965" s="510"/>
      <c r="K965" s="509"/>
    </row>
    <row r="966" spans="1:11" ht="13.7" customHeight="1">
      <c r="A966" s="743" t="s">
        <v>1460</v>
      </c>
      <c r="B966" s="744"/>
      <c r="C966" s="533"/>
      <c r="D966" s="532"/>
      <c r="E966" s="531"/>
      <c r="F966" s="530"/>
      <c r="G966" s="529" t="s">
        <v>651</v>
      </c>
      <c r="H966" s="528"/>
      <c r="I966" s="528"/>
      <c r="J966" s="528"/>
      <c r="K966" s="527"/>
    </row>
    <row r="967" spans="1:11" ht="13.7" customHeight="1">
      <c r="A967" s="745"/>
      <c r="B967" s="740"/>
      <c r="C967" s="526"/>
      <c r="D967" s="525"/>
      <c r="E967" s="524"/>
      <c r="F967" s="523" t="s">
        <v>651</v>
      </c>
      <c r="G967" s="518" t="s">
        <v>651</v>
      </c>
      <c r="H967" s="517"/>
      <c r="I967" s="517"/>
      <c r="J967" s="517"/>
      <c r="K967" s="516"/>
    </row>
    <row r="968" spans="1:11" ht="13.7" customHeight="1">
      <c r="A968" s="739" t="s">
        <v>1459</v>
      </c>
      <c r="B968" s="740"/>
      <c r="C968" s="522" t="s">
        <v>621</v>
      </c>
      <c r="D968" s="521"/>
      <c r="E968" s="520"/>
      <c r="F968" s="519"/>
      <c r="G968" s="518" t="s">
        <v>651</v>
      </c>
      <c r="H968" s="517"/>
      <c r="I968" s="517"/>
      <c r="J968" s="517"/>
      <c r="K968" s="516"/>
    </row>
    <row r="969" spans="1:11" ht="13.7" customHeight="1">
      <c r="A969" s="741"/>
      <c r="B969" s="742"/>
      <c r="C969" s="515"/>
      <c r="D969" s="514"/>
      <c r="E969" s="513"/>
      <c r="F969" s="512"/>
      <c r="G969" s="511" t="s">
        <v>651</v>
      </c>
      <c r="H969" s="510"/>
      <c r="I969" s="510"/>
      <c r="J969" s="510"/>
      <c r="K969" s="509"/>
    </row>
    <row r="970" spans="1:11" ht="13.7" customHeight="1">
      <c r="A970" s="743" t="s">
        <v>1457</v>
      </c>
      <c r="B970" s="744"/>
      <c r="C970" s="533"/>
      <c r="D970" s="532"/>
      <c r="E970" s="531"/>
      <c r="F970" s="530"/>
      <c r="G970" s="529" t="s">
        <v>651</v>
      </c>
      <c r="H970" s="528"/>
      <c r="I970" s="528"/>
      <c r="J970" s="528"/>
      <c r="K970" s="527"/>
    </row>
    <row r="971" spans="1:11" ht="13.7" customHeight="1">
      <c r="A971" s="745"/>
      <c r="B971" s="740"/>
      <c r="C971" s="526"/>
      <c r="D971" s="525"/>
      <c r="E971" s="524"/>
      <c r="F971" s="523" t="s">
        <v>651</v>
      </c>
      <c r="G971" s="518" t="s">
        <v>651</v>
      </c>
      <c r="H971" s="517"/>
      <c r="I971" s="517"/>
      <c r="J971" s="517"/>
      <c r="K971" s="516"/>
    </row>
    <row r="972" spans="1:11" ht="13.7" customHeight="1">
      <c r="A972" s="739" t="s">
        <v>1458</v>
      </c>
      <c r="B972" s="740"/>
      <c r="C972" s="522" t="s">
        <v>621</v>
      </c>
      <c r="D972" s="521"/>
      <c r="E972" s="520"/>
      <c r="F972" s="519"/>
      <c r="G972" s="518" t="s">
        <v>651</v>
      </c>
      <c r="H972" s="517"/>
      <c r="I972" s="517"/>
      <c r="J972" s="517"/>
      <c r="K972" s="516"/>
    </row>
    <row r="973" spans="1:11" ht="13.7" customHeight="1">
      <c r="A973" s="741"/>
      <c r="B973" s="742"/>
      <c r="C973" s="515"/>
      <c r="D973" s="514"/>
      <c r="E973" s="513"/>
      <c r="F973" s="512"/>
      <c r="G973" s="511" t="s">
        <v>651</v>
      </c>
      <c r="H973" s="510"/>
      <c r="I973" s="510"/>
      <c r="J973" s="510"/>
      <c r="K973" s="509"/>
    </row>
    <row r="974" spans="1:11" ht="13.7" customHeight="1"/>
    <row r="975" spans="1:11" ht="13.7" customHeight="1"/>
    <row r="976" spans="1:11" ht="6.2" customHeight="1"/>
    <row r="977" spans="1:11" ht="14.1" customHeight="1">
      <c r="A977" s="543" t="s">
        <v>1436</v>
      </c>
      <c r="B977" s="540" t="s">
        <v>1435</v>
      </c>
      <c r="C977" s="540"/>
      <c r="D977" s="540"/>
      <c r="E977" s="540"/>
      <c r="F977" s="540"/>
      <c r="G977" s="542" t="s">
        <v>617</v>
      </c>
      <c r="H977" s="541" t="s">
        <v>943</v>
      </c>
      <c r="I977" s="540" t="s">
        <v>1007</v>
      </c>
      <c r="J977" s="540"/>
      <c r="K977" s="539"/>
    </row>
    <row r="978" spans="1:11" ht="24" customHeight="1">
      <c r="A978" s="538" t="s">
        <v>651</v>
      </c>
      <c r="B978" s="537" t="s">
        <v>651</v>
      </c>
      <c r="C978" s="537"/>
      <c r="D978" s="537"/>
      <c r="E978" s="537"/>
      <c r="F978" s="537"/>
      <c r="G978" s="751">
        <v>1</v>
      </c>
      <c r="H978" s="751"/>
      <c r="I978" s="751"/>
      <c r="J978" s="536" t="s">
        <v>242</v>
      </c>
      <c r="K978" s="535" t="s">
        <v>618</v>
      </c>
    </row>
    <row r="979" spans="1:11" ht="17.100000000000001" customHeight="1">
      <c r="A979" s="746" t="s">
        <v>1006</v>
      </c>
      <c r="B979" s="747"/>
      <c r="C979" s="534" t="s">
        <v>309</v>
      </c>
      <c r="D979" s="534" t="s">
        <v>619</v>
      </c>
      <c r="E979" s="534" t="s">
        <v>620</v>
      </c>
      <c r="F979" s="534" t="s">
        <v>659</v>
      </c>
      <c r="G979" s="748" t="s">
        <v>1005</v>
      </c>
      <c r="H979" s="749"/>
      <c r="I979" s="749"/>
      <c r="J979" s="749"/>
      <c r="K979" s="750"/>
    </row>
    <row r="980" spans="1:11" ht="13.7" customHeight="1">
      <c r="A980" s="743" t="s">
        <v>1457</v>
      </c>
      <c r="B980" s="744"/>
      <c r="C980" s="533"/>
      <c r="D980" s="532"/>
      <c r="E980" s="531"/>
      <c r="F980" s="530"/>
      <c r="G980" s="529" t="s">
        <v>651</v>
      </c>
      <c r="H980" s="528"/>
      <c r="I980" s="528"/>
      <c r="J980" s="528"/>
      <c r="K980" s="527"/>
    </row>
    <row r="981" spans="1:11" ht="13.7" customHeight="1">
      <c r="A981" s="745"/>
      <c r="B981" s="740"/>
      <c r="C981" s="526"/>
      <c r="D981" s="525"/>
      <c r="E981" s="524"/>
      <c r="F981" s="523" t="s">
        <v>651</v>
      </c>
      <c r="G981" s="518" t="s">
        <v>651</v>
      </c>
      <c r="H981" s="517"/>
      <c r="I981" s="517"/>
      <c r="J981" s="517"/>
      <c r="K981" s="516"/>
    </row>
    <row r="982" spans="1:11" ht="13.7" customHeight="1">
      <c r="A982" s="739" t="s">
        <v>1456</v>
      </c>
      <c r="B982" s="740"/>
      <c r="C982" s="522" t="s">
        <v>621</v>
      </c>
      <c r="D982" s="521"/>
      <c r="E982" s="520"/>
      <c r="F982" s="519"/>
      <c r="G982" s="518" t="s">
        <v>651</v>
      </c>
      <c r="H982" s="517"/>
      <c r="I982" s="517"/>
      <c r="J982" s="517"/>
      <c r="K982" s="516"/>
    </row>
    <row r="983" spans="1:11" ht="13.7" customHeight="1">
      <c r="A983" s="741"/>
      <c r="B983" s="742"/>
      <c r="C983" s="515"/>
      <c r="D983" s="514"/>
      <c r="E983" s="513"/>
      <c r="F983" s="512"/>
      <c r="G983" s="511" t="s">
        <v>651</v>
      </c>
      <c r="H983" s="510"/>
      <c r="I983" s="510"/>
      <c r="J983" s="510"/>
      <c r="K983" s="509"/>
    </row>
    <row r="984" spans="1:11" ht="13.7" customHeight="1">
      <c r="A984" s="743" t="s">
        <v>1455</v>
      </c>
      <c r="B984" s="744"/>
      <c r="C984" s="533"/>
      <c r="D984" s="532"/>
      <c r="E984" s="531"/>
      <c r="F984" s="530"/>
      <c r="G984" s="529" t="s">
        <v>651</v>
      </c>
      <c r="H984" s="528"/>
      <c r="I984" s="528"/>
      <c r="J984" s="528"/>
      <c r="K984" s="527"/>
    </row>
    <row r="985" spans="1:11" ht="13.7" customHeight="1">
      <c r="A985" s="745"/>
      <c r="B985" s="740"/>
      <c r="C985" s="526"/>
      <c r="D985" s="525"/>
      <c r="E985" s="524"/>
      <c r="F985" s="523" t="s">
        <v>651</v>
      </c>
      <c r="G985" s="518" t="s">
        <v>651</v>
      </c>
      <c r="H985" s="517"/>
      <c r="I985" s="517"/>
      <c r="J985" s="517"/>
      <c r="K985" s="516"/>
    </row>
    <row r="986" spans="1:11" ht="13.7" customHeight="1">
      <c r="A986" s="739" t="s">
        <v>1454</v>
      </c>
      <c r="B986" s="740"/>
      <c r="C986" s="522" t="s">
        <v>621</v>
      </c>
      <c r="D986" s="521"/>
      <c r="E986" s="520"/>
      <c r="F986" s="519"/>
      <c r="G986" s="518" t="s">
        <v>651</v>
      </c>
      <c r="H986" s="517"/>
      <c r="I986" s="517"/>
      <c r="J986" s="517"/>
      <c r="K986" s="516"/>
    </row>
    <row r="987" spans="1:11" ht="13.7" customHeight="1">
      <c r="A987" s="741"/>
      <c r="B987" s="742"/>
      <c r="C987" s="515"/>
      <c r="D987" s="514"/>
      <c r="E987" s="513"/>
      <c r="F987" s="512"/>
      <c r="G987" s="511" t="s">
        <v>651</v>
      </c>
      <c r="H987" s="510"/>
      <c r="I987" s="510"/>
      <c r="J987" s="510"/>
      <c r="K987" s="509"/>
    </row>
    <row r="988" spans="1:11" ht="13.7" customHeight="1">
      <c r="A988" s="743" t="s">
        <v>1453</v>
      </c>
      <c r="B988" s="744"/>
      <c r="C988" s="533"/>
      <c r="D988" s="532"/>
      <c r="E988" s="531"/>
      <c r="F988" s="530"/>
      <c r="G988" s="529" t="s">
        <v>651</v>
      </c>
      <c r="H988" s="528"/>
      <c r="I988" s="528"/>
      <c r="J988" s="528"/>
      <c r="K988" s="527"/>
    </row>
    <row r="989" spans="1:11" ht="13.7" customHeight="1">
      <c r="A989" s="745"/>
      <c r="B989" s="740"/>
      <c r="C989" s="526"/>
      <c r="D989" s="525"/>
      <c r="E989" s="524"/>
      <c r="F989" s="523" t="s">
        <v>651</v>
      </c>
      <c r="G989" s="518" t="s">
        <v>651</v>
      </c>
      <c r="H989" s="517"/>
      <c r="I989" s="517"/>
      <c r="J989" s="517"/>
      <c r="K989" s="516"/>
    </row>
    <row r="990" spans="1:11" ht="13.7" customHeight="1">
      <c r="A990" s="739" t="s">
        <v>1452</v>
      </c>
      <c r="B990" s="740"/>
      <c r="C990" s="522" t="s">
        <v>621</v>
      </c>
      <c r="D990" s="521"/>
      <c r="E990" s="520"/>
      <c r="F990" s="519"/>
      <c r="G990" s="518" t="s">
        <v>651</v>
      </c>
      <c r="H990" s="517"/>
      <c r="I990" s="517"/>
      <c r="J990" s="517"/>
      <c r="K990" s="516"/>
    </row>
    <row r="991" spans="1:11" ht="13.7" customHeight="1">
      <c r="A991" s="741"/>
      <c r="B991" s="742"/>
      <c r="C991" s="515"/>
      <c r="D991" s="514"/>
      <c r="E991" s="513"/>
      <c r="F991" s="512"/>
      <c r="G991" s="511" t="s">
        <v>651</v>
      </c>
      <c r="H991" s="510"/>
      <c r="I991" s="510"/>
      <c r="J991" s="510"/>
      <c r="K991" s="509"/>
    </row>
    <row r="992" spans="1:11" ht="13.7" customHeight="1">
      <c r="A992" s="743" t="s">
        <v>1451</v>
      </c>
      <c r="B992" s="744"/>
      <c r="C992" s="533"/>
      <c r="D992" s="532"/>
      <c r="E992" s="531"/>
      <c r="F992" s="530"/>
      <c r="G992" s="529" t="s">
        <v>651</v>
      </c>
      <c r="H992" s="528"/>
      <c r="I992" s="528"/>
      <c r="J992" s="528"/>
      <c r="K992" s="527"/>
    </row>
    <row r="993" spans="1:11" ht="13.7" customHeight="1">
      <c r="A993" s="745"/>
      <c r="B993" s="740"/>
      <c r="C993" s="526"/>
      <c r="D993" s="525"/>
      <c r="E993" s="524"/>
      <c r="F993" s="523" t="s">
        <v>651</v>
      </c>
      <c r="G993" s="518" t="s">
        <v>651</v>
      </c>
      <c r="H993" s="517"/>
      <c r="I993" s="517"/>
      <c r="J993" s="517"/>
      <c r="K993" s="516"/>
    </row>
    <row r="994" spans="1:11" ht="13.7" customHeight="1">
      <c r="A994" s="739" t="s">
        <v>1437</v>
      </c>
      <c r="B994" s="740"/>
      <c r="C994" s="522" t="s">
        <v>621</v>
      </c>
      <c r="D994" s="521"/>
      <c r="E994" s="520"/>
      <c r="F994" s="519"/>
      <c r="G994" s="518" t="s">
        <v>651</v>
      </c>
      <c r="H994" s="517"/>
      <c r="I994" s="517"/>
      <c r="J994" s="517"/>
      <c r="K994" s="516"/>
    </row>
    <row r="995" spans="1:11" ht="13.7" customHeight="1">
      <c r="A995" s="741"/>
      <c r="B995" s="742"/>
      <c r="C995" s="515"/>
      <c r="D995" s="514"/>
      <c r="E995" s="513"/>
      <c r="F995" s="512"/>
      <c r="G995" s="511" t="s">
        <v>651</v>
      </c>
      <c r="H995" s="510"/>
      <c r="I995" s="510"/>
      <c r="J995" s="510"/>
      <c r="K995" s="509"/>
    </row>
    <row r="996" spans="1:11" ht="13.7" customHeight="1">
      <c r="A996" s="743" t="s">
        <v>1450</v>
      </c>
      <c r="B996" s="744"/>
      <c r="C996" s="533"/>
      <c r="D996" s="532"/>
      <c r="E996" s="531"/>
      <c r="F996" s="530"/>
      <c r="G996" s="529" t="s">
        <v>651</v>
      </c>
      <c r="H996" s="528"/>
      <c r="I996" s="528"/>
      <c r="J996" s="528"/>
      <c r="K996" s="527"/>
    </row>
    <row r="997" spans="1:11" ht="13.7" customHeight="1">
      <c r="A997" s="745"/>
      <c r="B997" s="740"/>
      <c r="C997" s="526"/>
      <c r="D997" s="525"/>
      <c r="E997" s="524"/>
      <c r="F997" s="523" t="s">
        <v>651</v>
      </c>
      <c r="G997" s="518" t="s">
        <v>651</v>
      </c>
      <c r="H997" s="517"/>
      <c r="I997" s="517"/>
      <c r="J997" s="517"/>
      <c r="K997" s="516"/>
    </row>
    <row r="998" spans="1:11" ht="13.7" customHeight="1">
      <c r="A998" s="739" t="s">
        <v>1449</v>
      </c>
      <c r="B998" s="740"/>
      <c r="C998" s="522" t="s">
        <v>621</v>
      </c>
      <c r="D998" s="521"/>
      <c r="E998" s="520"/>
      <c r="F998" s="519"/>
      <c r="G998" s="518" t="s">
        <v>651</v>
      </c>
      <c r="H998" s="517"/>
      <c r="I998" s="517"/>
      <c r="J998" s="517"/>
      <c r="K998" s="516"/>
    </row>
    <row r="999" spans="1:11" ht="13.7" customHeight="1">
      <c r="A999" s="741"/>
      <c r="B999" s="742"/>
      <c r="C999" s="515"/>
      <c r="D999" s="514"/>
      <c r="E999" s="513"/>
      <c r="F999" s="512"/>
      <c r="G999" s="511" t="s">
        <v>651</v>
      </c>
      <c r="H999" s="510"/>
      <c r="I999" s="510"/>
      <c r="J999" s="510"/>
      <c r="K999" s="509"/>
    </row>
    <row r="1000" spans="1:11" ht="13.7" customHeight="1">
      <c r="A1000" s="743" t="s">
        <v>1447</v>
      </c>
      <c r="B1000" s="744"/>
      <c r="C1000" s="533"/>
      <c r="D1000" s="532"/>
      <c r="E1000" s="531"/>
      <c r="F1000" s="530"/>
      <c r="G1000" s="529" t="s">
        <v>651</v>
      </c>
      <c r="H1000" s="528"/>
      <c r="I1000" s="528"/>
      <c r="J1000" s="528"/>
      <c r="K1000" s="527"/>
    </row>
    <row r="1001" spans="1:11" ht="13.7" customHeight="1">
      <c r="A1001" s="745"/>
      <c r="B1001" s="740"/>
      <c r="C1001" s="526"/>
      <c r="D1001" s="525"/>
      <c r="E1001" s="524"/>
      <c r="F1001" s="523" t="s">
        <v>651</v>
      </c>
      <c r="G1001" s="518" t="s">
        <v>651</v>
      </c>
      <c r="H1001" s="517"/>
      <c r="I1001" s="517"/>
      <c r="J1001" s="517"/>
      <c r="K1001" s="516"/>
    </row>
    <row r="1002" spans="1:11" ht="13.7" customHeight="1">
      <c r="A1002" s="739" t="s">
        <v>1448</v>
      </c>
      <c r="B1002" s="740"/>
      <c r="C1002" s="522" t="s">
        <v>621</v>
      </c>
      <c r="D1002" s="521"/>
      <c r="E1002" s="520"/>
      <c r="F1002" s="519"/>
      <c r="G1002" s="518" t="s">
        <v>651</v>
      </c>
      <c r="H1002" s="517"/>
      <c r="I1002" s="517"/>
      <c r="J1002" s="517"/>
      <c r="K1002" s="516"/>
    </row>
    <row r="1003" spans="1:11" ht="13.7" customHeight="1">
      <c r="A1003" s="741"/>
      <c r="B1003" s="742"/>
      <c r="C1003" s="515"/>
      <c r="D1003" s="514"/>
      <c r="E1003" s="513"/>
      <c r="F1003" s="512"/>
      <c r="G1003" s="511" t="s">
        <v>651</v>
      </c>
      <c r="H1003" s="510"/>
      <c r="I1003" s="510"/>
      <c r="J1003" s="510"/>
      <c r="K1003" s="509"/>
    </row>
    <row r="1004" spans="1:11" ht="13.7" customHeight="1">
      <c r="A1004" s="743" t="s">
        <v>1447</v>
      </c>
      <c r="B1004" s="744"/>
      <c r="C1004" s="533"/>
      <c r="D1004" s="532"/>
      <c r="E1004" s="531"/>
      <c r="F1004" s="530"/>
      <c r="G1004" s="529" t="s">
        <v>651</v>
      </c>
      <c r="H1004" s="528"/>
      <c r="I1004" s="528"/>
      <c r="J1004" s="528"/>
      <c r="K1004" s="527"/>
    </row>
    <row r="1005" spans="1:11" ht="13.7" customHeight="1">
      <c r="A1005" s="745"/>
      <c r="B1005" s="740"/>
      <c r="C1005" s="526"/>
      <c r="D1005" s="525"/>
      <c r="E1005" s="524"/>
      <c r="F1005" s="523" t="s">
        <v>651</v>
      </c>
      <c r="G1005" s="518" t="s">
        <v>651</v>
      </c>
      <c r="H1005" s="517"/>
      <c r="I1005" s="517"/>
      <c r="J1005" s="517"/>
      <c r="K1005" s="516"/>
    </row>
    <row r="1006" spans="1:11" ht="13.7" customHeight="1">
      <c r="A1006" s="739" t="s">
        <v>1446</v>
      </c>
      <c r="B1006" s="740"/>
      <c r="C1006" s="522" t="s">
        <v>621</v>
      </c>
      <c r="D1006" s="521"/>
      <c r="E1006" s="520"/>
      <c r="F1006" s="519"/>
      <c r="G1006" s="518" t="s">
        <v>651</v>
      </c>
      <c r="H1006" s="517"/>
      <c r="I1006" s="517"/>
      <c r="J1006" s="517"/>
      <c r="K1006" s="516"/>
    </row>
    <row r="1007" spans="1:11" ht="13.7" customHeight="1">
      <c r="A1007" s="741"/>
      <c r="B1007" s="742"/>
      <c r="C1007" s="515"/>
      <c r="D1007" s="514"/>
      <c r="E1007" s="513"/>
      <c r="F1007" s="512"/>
      <c r="G1007" s="511" t="s">
        <v>651</v>
      </c>
      <c r="H1007" s="510"/>
      <c r="I1007" s="510"/>
      <c r="J1007" s="510"/>
      <c r="K1007" s="509"/>
    </row>
    <row r="1008" spans="1:11" ht="13.7" customHeight="1">
      <c r="A1008" s="743" t="s">
        <v>1445</v>
      </c>
      <c r="B1008" s="744"/>
      <c r="C1008" s="533"/>
      <c r="D1008" s="532"/>
      <c r="E1008" s="531"/>
      <c r="F1008" s="530"/>
      <c r="G1008" s="529" t="s">
        <v>651</v>
      </c>
      <c r="H1008" s="528"/>
      <c r="I1008" s="528"/>
      <c r="J1008" s="528"/>
      <c r="K1008" s="527"/>
    </row>
    <row r="1009" spans="1:11" ht="13.7" customHeight="1">
      <c r="A1009" s="745"/>
      <c r="B1009" s="740"/>
      <c r="C1009" s="526"/>
      <c r="D1009" s="525"/>
      <c r="E1009" s="524"/>
      <c r="F1009" s="523" t="s">
        <v>651</v>
      </c>
      <c r="G1009" s="518" t="s">
        <v>651</v>
      </c>
      <c r="H1009" s="517"/>
      <c r="I1009" s="517"/>
      <c r="J1009" s="517"/>
      <c r="K1009" s="516"/>
    </row>
    <row r="1010" spans="1:11" ht="13.7" customHeight="1">
      <c r="A1010" s="739" t="s">
        <v>1437</v>
      </c>
      <c r="B1010" s="740"/>
      <c r="C1010" s="522" t="s">
        <v>621</v>
      </c>
      <c r="D1010" s="521"/>
      <c r="E1010" s="520"/>
      <c r="F1010" s="519"/>
      <c r="G1010" s="518" t="s">
        <v>651</v>
      </c>
      <c r="H1010" s="517"/>
      <c r="I1010" s="517"/>
      <c r="J1010" s="517"/>
      <c r="K1010" s="516"/>
    </row>
    <row r="1011" spans="1:11" ht="13.7" customHeight="1">
      <c r="A1011" s="741"/>
      <c r="B1011" s="742"/>
      <c r="C1011" s="515"/>
      <c r="D1011" s="514"/>
      <c r="E1011" s="513"/>
      <c r="F1011" s="512"/>
      <c r="G1011" s="511" t="s">
        <v>651</v>
      </c>
      <c r="H1011" s="510"/>
      <c r="I1011" s="510"/>
      <c r="J1011" s="510"/>
      <c r="K1011" s="509"/>
    </row>
    <row r="1012" spans="1:11" ht="13.7" customHeight="1"/>
    <row r="1013" spans="1:11" ht="13.7" customHeight="1"/>
    <row r="1014" spans="1:11" ht="6.2" customHeight="1"/>
    <row r="1015" spans="1:11" ht="14.1" customHeight="1">
      <c r="A1015" s="543" t="s">
        <v>1436</v>
      </c>
      <c r="B1015" s="540" t="s">
        <v>1435</v>
      </c>
      <c r="C1015" s="540"/>
      <c r="D1015" s="540"/>
      <c r="E1015" s="540"/>
      <c r="F1015" s="540"/>
      <c r="G1015" s="542" t="s">
        <v>617</v>
      </c>
      <c r="H1015" s="541" t="s">
        <v>943</v>
      </c>
      <c r="I1015" s="540" t="s">
        <v>1007</v>
      </c>
      <c r="J1015" s="540"/>
      <c r="K1015" s="539"/>
    </row>
    <row r="1016" spans="1:11" ht="24" customHeight="1">
      <c r="A1016" s="538" t="s">
        <v>651</v>
      </c>
      <c r="B1016" s="537" t="s">
        <v>651</v>
      </c>
      <c r="C1016" s="537"/>
      <c r="D1016" s="537"/>
      <c r="E1016" s="537"/>
      <c r="F1016" s="537"/>
      <c r="G1016" s="751">
        <v>1</v>
      </c>
      <c r="H1016" s="751"/>
      <c r="I1016" s="751"/>
      <c r="J1016" s="536" t="s">
        <v>242</v>
      </c>
      <c r="K1016" s="535" t="s">
        <v>618</v>
      </c>
    </row>
    <row r="1017" spans="1:11" ht="17.100000000000001" customHeight="1">
      <c r="A1017" s="746" t="s">
        <v>1006</v>
      </c>
      <c r="B1017" s="747"/>
      <c r="C1017" s="534" t="s">
        <v>309</v>
      </c>
      <c r="D1017" s="534" t="s">
        <v>619</v>
      </c>
      <c r="E1017" s="534" t="s">
        <v>620</v>
      </c>
      <c r="F1017" s="534" t="s">
        <v>659</v>
      </c>
      <c r="G1017" s="748" t="s">
        <v>1005</v>
      </c>
      <c r="H1017" s="749"/>
      <c r="I1017" s="749"/>
      <c r="J1017" s="749"/>
      <c r="K1017" s="750"/>
    </row>
    <row r="1018" spans="1:11" ht="13.7" customHeight="1">
      <c r="A1018" s="743" t="s">
        <v>1444</v>
      </c>
      <c r="B1018" s="744"/>
      <c r="C1018" s="533"/>
      <c r="D1018" s="532"/>
      <c r="E1018" s="531"/>
      <c r="F1018" s="530"/>
      <c r="G1018" s="529" t="s">
        <v>651</v>
      </c>
      <c r="H1018" s="528"/>
      <c r="I1018" s="528"/>
      <c r="J1018" s="528"/>
      <c r="K1018" s="527"/>
    </row>
    <row r="1019" spans="1:11" ht="13.7" customHeight="1">
      <c r="A1019" s="745"/>
      <c r="B1019" s="740"/>
      <c r="C1019" s="526"/>
      <c r="D1019" s="525"/>
      <c r="E1019" s="524"/>
      <c r="F1019" s="523" t="s">
        <v>651</v>
      </c>
      <c r="G1019" s="518" t="s">
        <v>651</v>
      </c>
      <c r="H1019" s="517"/>
      <c r="I1019" s="517"/>
      <c r="J1019" s="517"/>
      <c r="K1019" s="516"/>
    </row>
    <row r="1020" spans="1:11" ht="13.7" customHeight="1">
      <c r="A1020" s="739" t="s">
        <v>1437</v>
      </c>
      <c r="B1020" s="740"/>
      <c r="C1020" s="522" t="s">
        <v>621</v>
      </c>
      <c r="D1020" s="521"/>
      <c r="E1020" s="520"/>
      <c r="F1020" s="519"/>
      <c r="G1020" s="518" t="s">
        <v>651</v>
      </c>
      <c r="H1020" s="517"/>
      <c r="I1020" s="517"/>
      <c r="J1020" s="517"/>
      <c r="K1020" s="516"/>
    </row>
    <row r="1021" spans="1:11" ht="13.7" customHeight="1">
      <c r="A1021" s="741"/>
      <c r="B1021" s="742"/>
      <c r="C1021" s="515"/>
      <c r="D1021" s="514"/>
      <c r="E1021" s="513"/>
      <c r="F1021" s="512"/>
      <c r="G1021" s="511" t="s">
        <v>651</v>
      </c>
      <c r="H1021" s="510"/>
      <c r="I1021" s="510"/>
      <c r="J1021" s="510"/>
      <c r="K1021" s="509"/>
    </row>
    <row r="1022" spans="1:11" ht="13.7" customHeight="1">
      <c r="A1022" s="743" t="s">
        <v>1443</v>
      </c>
      <c r="B1022" s="744"/>
      <c r="C1022" s="533"/>
      <c r="D1022" s="532"/>
      <c r="E1022" s="531"/>
      <c r="F1022" s="530"/>
      <c r="G1022" s="529" t="s">
        <v>651</v>
      </c>
      <c r="H1022" s="528"/>
      <c r="I1022" s="528"/>
      <c r="J1022" s="528"/>
      <c r="K1022" s="527"/>
    </row>
    <row r="1023" spans="1:11" ht="13.7" customHeight="1">
      <c r="A1023" s="745"/>
      <c r="B1023" s="740"/>
      <c r="C1023" s="526"/>
      <c r="D1023" s="525"/>
      <c r="E1023" s="524"/>
      <c r="F1023" s="523" t="s">
        <v>651</v>
      </c>
      <c r="G1023" s="518" t="s">
        <v>651</v>
      </c>
      <c r="H1023" s="517"/>
      <c r="I1023" s="517"/>
      <c r="J1023" s="517"/>
      <c r="K1023" s="516"/>
    </row>
    <row r="1024" spans="1:11" ht="13.7" customHeight="1">
      <c r="A1024" s="739" t="s">
        <v>1442</v>
      </c>
      <c r="B1024" s="740"/>
      <c r="C1024" s="522" t="s">
        <v>621</v>
      </c>
      <c r="D1024" s="521"/>
      <c r="E1024" s="520"/>
      <c r="F1024" s="519"/>
      <c r="G1024" s="518" t="s">
        <v>651</v>
      </c>
      <c r="H1024" s="517"/>
      <c r="I1024" s="517"/>
      <c r="J1024" s="517"/>
      <c r="K1024" s="516"/>
    </row>
    <row r="1025" spans="1:11" ht="13.7" customHeight="1">
      <c r="A1025" s="741"/>
      <c r="B1025" s="742"/>
      <c r="C1025" s="515"/>
      <c r="D1025" s="514"/>
      <c r="E1025" s="513"/>
      <c r="F1025" s="512"/>
      <c r="G1025" s="511" t="s">
        <v>651</v>
      </c>
      <c r="H1025" s="510"/>
      <c r="I1025" s="510"/>
      <c r="J1025" s="510"/>
      <c r="K1025" s="509"/>
    </row>
    <row r="1026" spans="1:11" ht="13.7" customHeight="1">
      <c r="A1026" s="743" t="s">
        <v>1441</v>
      </c>
      <c r="B1026" s="744"/>
      <c r="C1026" s="533"/>
      <c r="D1026" s="532"/>
      <c r="E1026" s="531"/>
      <c r="F1026" s="530"/>
      <c r="G1026" s="529" t="s">
        <v>651</v>
      </c>
      <c r="H1026" s="528"/>
      <c r="I1026" s="528"/>
      <c r="J1026" s="528"/>
      <c r="K1026" s="527"/>
    </row>
    <row r="1027" spans="1:11" ht="13.7" customHeight="1">
      <c r="A1027" s="745"/>
      <c r="B1027" s="740"/>
      <c r="C1027" s="526"/>
      <c r="D1027" s="525"/>
      <c r="E1027" s="524"/>
      <c r="F1027" s="523" t="s">
        <v>651</v>
      </c>
      <c r="G1027" s="518" t="s">
        <v>651</v>
      </c>
      <c r="H1027" s="517"/>
      <c r="I1027" s="517"/>
      <c r="J1027" s="517"/>
      <c r="K1027" s="516"/>
    </row>
    <row r="1028" spans="1:11" ht="13.7" customHeight="1">
      <c r="A1028" s="739" t="s">
        <v>1437</v>
      </c>
      <c r="B1028" s="740"/>
      <c r="C1028" s="522" t="s">
        <v>621</v>
      </c>
      <c r="D1028" s="521"/>
      <c r="E1028" s="520"/>
      <c r="F1028" s="519"/>
      <c r="G1028" s="518" t="s">
        <v>651</v>
      </c>
      <c r="H1028" s="517"/>
      <c r="I1028" s="517"/>
      <c r="J1028" s="517"/>
      <c r="K1028" s="516"/>
    </row>
    <row r="1029" spans="1:11" ht="13.7" customHeight="1">
      <c r="A1029" s="741"/>
      <c r="B1029" s="742"/>
      <c r="C1029" s="515"/>
      <c r="D1029" s="514"/>
      <c r="E1029" s="513"/>
      <c r="F1029" s="512"/>
      <c r="G1029" s="511" t="s">
        <v>651</v>
      </c>
      <c r="H1029" s="510"/>
      <c r="I1029" s="510"/>
      <c r="J1029" s="510"/>
      <c r="K1029" s="509"/>
    </row>
    <row r="1030" spans="1:11" ht="13.7" customHeight="1">
      <c r="A1030" s="743" t="s">
        <v>1441</v>
      </c>
      <c r="B1030" s="744"/>
      <c r="C1030" s="533"/>
      <c r="D1030" s="532"/>
      <c r="E1030" s="531"/>
      <c r="F1030" s="530"/>
      <c r="G1030" s="529" t="s">
        <v>651</v>
      </c>
      <c r="H1030" s="528"/>
      <c r="I1030" s="528"/>
      <c r="J1030" s="528"/>
      <c r="K1030" s="527"/>
    </row>
    <row r="1031" spans="1:11" ht="13.7" customHeight="1">
      <c r="A1031" s="745"/>
      <c r="B1031" s="740"/>
      <c r="C1031" s="526"/>
      <c r="D1031" s="525"/>
      <c r="E1031" s="524"/>
      <c r="F1031" s="523" t="s">
        <v>651</v>
      </c>
      <c r="G1031" s="518" t="s">
        <v>651</v>
      </c>
      <c r="H1031" s="517"/>
      <c r="I1031" s="517"/>
      <c r="J1031" s="517"/>
      <c r="K1031" s="516"/>
    </row>
    <row r="1032" spans="1:11" ht="13.7" customHeight="1">
      <c r="A1032" s="739" t="s">
        <v>1439</v>
      </c>
      <c r="B1032" s="740"/>
      <c r="C1032" s="522" t="s">
        <v>621</v>
      </c>
      <c r="D1032" s="521"/>
      <c r="E1032" s="520"/>
      <c r="F1032" s="519"/>
      <c r="G1032" s="518" t="s">
        <v>651</v>
      </c>
      <c r="H1032" s="517"/>
      <c r="I1032" s="517"/>
      <c r="J1032" s="517"/>
      <c r="K1032" s="516"/>
    </row>
    <row r="1033" spans="1:11" ht="13.7" customHeight="1">
      <c r="A1033" s="741"/>
      <c r="B1033" s="742"/>
      <c r="C1033" s="515"/>
      <c r="D1033" s="514"/>
      <c r="E1033" s="513"/>
      <c r="F1033" s="512"/>
      <c r="G1033" s="511" t="s">
        <v>651</v>
      </c>
      <c r="H1033" s="510"/>
      <c r="I1033" s="510"/>
      <c r="J1033" s="510"/>
      <c r="K1033" s="509"/>
    </row>
    <row r="1034" spans="1:11" ht="13.7" customHeight="1">
      <c r="A1034" s="743" t="s">
        <v>1440</v>
      </c>
      <c r="B1034" s="744"/>
      <c r="C1034" s="533"/>
      <c r="D1034" s="532"/>
      <c r="E1034" s="531"/>
      <c r="F1034" s="530"/>
      <c r="G1034" s="529" t="s">
        <v>651</v>
      </c>
      <c r="H1034" s="528"/>
      <c r="I1034" s="528"/>
      <c r="J1034" s="528"/>
      <c r="K1034" s="527"/>
    </row>
    <row r="1035" spans="1:11" ht="13.7" customHeight="1">
      <c r="A1035" s="745"/>
      <c r="B1035" s="740"/>
      <c r="C1035" s="526"/>
      <c r="D1035" s="525"/>
      <c r="E1035" s="524"/>
      <c r="F1035" s="523" t="s">
        <v>651</v>
      </c>
      <c r="G1035" s="518" t="s">
        <v>651</v>
      </c>
      <c r="H1035" s="517"/>
      <c r="I1035" s="517"/>
      <c r="J1035" s="517"/>
      <c r="K1035" s="516"/>
    </row>
    <row r="1036" spans="1:11" ht="13.7" customHeight="1">
      <c r="A1036" s="739" t="s">
        <v>1437</v>
      </c>
      <c r="B1036" s="740"/>
      <c r="C1036" s="522" t="s">
        <v>621</v>
      </c>
      <c r="D1036" s="521"/>
      <c r="E1036" s="520"/>
      <c r="F1036" s="519"/>
      <c r="G1036" s="518" t="s">
        <v>651</v>
      </c>
      <c r="H1036" s="517"/>
      <c r="I1036" s="517"/>
      <c r="J1036" s="517"/>
      <c r="K1036" s="516"/>
    </row>
    <row r="1037" spans="1:11" ht="13.7" customHeight="1">
      <c r="A1037" s="741"/>
      <c r="B1037" s="742"/>
      <c r="C1037" s="515"/>
      <c r="D1037" s="514"/>
      <c r="E1037" s="513"/>
      <c r="F1037" s="512"/>
      <c r="G1037" s="511" t="s">
        <v>651</v>
      </c>
      <c r="H1037" s="510"/>
      <c r="I1037" s="510"/>
      <c r="J1037" s="510"/>
      <c r="K1037" s="509"/>
    </row>
    <row r="1038" spans="1:11" ht="13.7" customHeight="1">
      <c r="A1038" s="743" t="s">
        <v>1440</v>
      </c>
      <c r="B1038" s="744"/>
      <c r="C1038" s="533"/>
      <c r="D1038" s="532"/>
      <c r="E1038" s="531"/>
      <c r="F1038" s="530"/>
      <c r="G1038" s="529" t="s">
        <v>651</v>
      </c>
      <c r="H1038" s="528"/>
      <c r="I1038" s="528"/>
      <c r="J1038" s="528"/>
      <c r="K1038" s="527"/>
    </row>
    <row r="1039" spans="1:11" ht="13.7" customHeight="1">
      <c r="A1039" s="745"/>
      <c r="B1039" s="740"/>
      <c r="C1039" s="526"/>
      <c r="D1039" s="525"/>
      <c r="E1039" s="524"/>
      <c r="F1039" s="523" t="s">
        <v>651</v>
      </c>
      <c r="G1039" s="518" t="s">
        <v>651</v>
      </c>
      <c r="H1039" s="517"/>
      <c r="I1039" s="517"/>
      <c r="J1039" s="517"/>
      <c r="K1039" s="516"/>
    </row>
    <row r="1040" spans="1:11" ht="13.7" customHeight="1">
      <c r="A1040" s="739" t="s">
        <v>1439</v>
      </c>
      <c r="B1040" s="740"/>
      <c r="C1040" s="522" t="s">
        <v>621</v>
      </c>
      <c r="D1040" s="521"/>
      <c r="E1040" s="520"/>
      <c r="F1040" s="519"/>
      <c r="G1040" s="518" t="s">
        <v>651</v>
      </c>
      <c r="H1040" s="517"/>
      <c r="I1040" s="517"/>
      <c r="J1040" s="517"/>
      <c r="K1040" s="516"/>
    </row>
    <row r="1041" spans="1:11" ht="13.7" customHeight="1">
      <c r="A1041" s="741"/>
      <c r="B1041" s="742"/>
      <c r="C1041" s="515"/>
      <c r="D1041" s="514"/>
      <c r="E1041" s="513"/>
      <c r="F1041" s="512"/>
      <c r="G1041" s="511" t="s">
        <v>651</v>
      </c>
      <c r="H1041" s="510"/>
      <c r="I1041" s="510"/>
      <c r="J1041" s="510"/>
      <c r="K1041" s="509"/>
    </row>
    <row r="1042" spans="1:11" ht="13.7" customHeight="1">
      <c r="A1042" s="743" t="s">
        <v>1438</v>
      </c>
      <c r="B1042" s="744"/>
      <c r="C1042" s="533"/>
      <c r="D1042" s="532"/>
      <c r="E1042" s="531"/>
      <c r="F1042" s="530"/>
      <c r="G1042" s="529" t="s">
        <v>651</v>
      </c>
      <c r="H1042" s="528"/>
      <c r="I1042" s="528"/>
      <c r="J1042" s="528"/>
      <c r="K1042" s="527"/>
    </row>
    <row r="1043" spans="1:11" ht="13.7" customHeight="1">
      <c r="A1043" s="745"/>
      <c r="B1043" s="740"/>
      <c r="C1043" s="526"/>
      <c r="D1043" s="525"/>
      <c r="E1043" s="524"/>
      <c r="F1043" s="523" t="s">
        <v>651</v>
      </c>
      <c r="G1043" s="518" t="s">
        <v>651</v>
      </c>
      <c r="H1043" s="517"/>
      <c r="I1043" s="517"/>
      <c r="J1043" s="517"/>
      <c r="K1043" s="516"/>
    </row>
    <row r="1044" spans="1:11" ht="13.7" customHeight="1">
      <c r="A1044" s="739" t="s">
        <v>1437</v>
      </c>
      <c r="B1044" s="740"/>
      <c r="C1044" s="522" t="s">
        <v>621</v>
      </c>
      <c r="D1044" s="521"/>
      <c r="E1044" s="520"/>
      <c r="F1044" s="519"/>
      <c r="G1044" s="518" t="s">
        <v>651</v>
      </c>
      <c r="H1044" s="517"/>
      <c r="I1044" s="517"/>
      <c r="J1044" s="517"/>
      <c r="K1044" s="516"/>
    </row>
    <row r="1045" spans="1:11" ht="13.7" customHeight="1">
      <c r="A1045" s="741"/>
      <c r="B1045" s="742"/>
      <c r="C1045" s="515"/>
      <c r="D1045" s="514"/>
      <c r="E1045" s="513"/>
      <c r="F1045" s="512"/>
      <c r="G1045" s="511" t="s">
        <v>651</v>
      </c>
      <c r="H1045" s="510"/>
      <c r="I1045" s="510"/>
      <c r="J1045" s="510"/>
      <c r="K1045" s="509"/>
    </row>
    <row r="1046" spans="1:11" ht="13.7" customHeight="1">
      <c r="A1046" s="743" t="s">
        <v>651</v>
      </c>
      <c r="B1046" s="744"/>
      <c r="C1046" s="533"/>
      <c r="D1046" s="532"/>
      <c r="E1046" s="531"/>
      <c r="F1046" s="530"/>
      <c r="G1046" s="529" t="s">
        <v>651</v>
      </c>
      <c r="H1046" s="528"/>
      <c r="I1046" s="528"/>
      <c r="J1046" s="528"/>
      <c r="K1046" s="527"/>
    </row>
    <row r="1047" spans="1:11" ht="13.7" customHeight="1">
      <c r="A1047" s="745"/>
      <c r="B1047" s="740"/>
      <c r="C1047" s="526"/>
      <c r="D1047" s="525"/>
      <c r="E1047" s="524"/>
      <c r="F1047" s="523" t="s">
        <v>651</v>
      </c>
      <c r="G1047" s="518" t="s">
        <v>651</v>
      </c>
      <c r="H1047" s="517"/>
      <c r="I1047" s="517"/>
      <c r="J1047" s="517"/>
      <c r="K1047" s="516"/>
    </row>
    <row r="1048" spans="1:11" ht="13.7" customHeight="1">
      <c r="A1048" s="739" t="s">
        <v>652</v>
      </c>
      <c r="B1048" s="740"/>
      <c r="C1048" s="522" t="s">
        <v>242</v>
      </c>
      <c r="D1048" s="521">
        <v>1</v>
      </c>
      <c r="E1048" s="520"/>
      <c r="F1048" s="519"/>
      <c r="G1048" s="518" t="s">
        <v>651</v>
      </c>
      <c r="H1048" s="517"/>
      <c r="I1048" s="517"/>
      <c r="J1048" s="517"/>
      <c r="K1048" s="516"/>
    </row>
    <row r="1049" spans="1:11" ht="13.7" customHeight="1">
      <c r="A1049" s="741"/>
      <c r="B1049" s="742"/>
      <c r="C1049" s="515"/>
      <c r="D1049" s="514"/>
      <c r="E1049" s="513"/>
      <c r="F1049" s="512"/>
      <c r="G1049" s="511" t="s">
        <v>651</v>
      </c>
      <c r="H1049" s="510"/>
      <c r="I1049" s="510"/>
      <c r="J1049" s="510"/>
      <c r="K1049" s="509"/>
    </row>
    <row r="1050" spans="1:11" ht="13.7" customHeight="1"/>
    <row r="1051" spans="1:11" ht="13.7" customHeight="1"/>
    <row r="1052" spans="1:11" ht="6.2" customHeight="1"/>
    <row r="1053" spans="1:11" ht="14.1" customHeight="1">
      <c r="A1053" s="543" t="s">
        <v>1436</v>
      </c>
      <c r="B1053" s="540" t="s">
        <v>1435</v>
      </c>
      <c r="C1053" s="540"/>
      <c r="D1053" s="540"/>
      <c r="E1053" s="540"/>
      <c r="F1053" s="540"/>
      <c r="G1053" s="542" t="s">
        <v>617</v>
      </c>
      <c r="H1053" s="541" t="s">
        <v>943</v>
      </c>
      <c r="I1053" s="540" t="s">
        <v>1007</v>
      </c>
      <c r="J1053" s="540"/>
      <c r="K1053" s="539"/>
    </row>
    <row r="1054" spans="1:11" ht="24" customHeight="1">
      <c r="A1054" s="538" t="s">
        <v>651</v>
      </c>
      <c r="B1054" s="537" t="s">
        <v>651</v>
      </c>
      <c r="C1054" s="537"/>
      <c r="D1054" s="537"/>
      <c r="E1054" s="537"/>
      <c r="F1054" s="537"/>
      <c r="G1054" s="751">
        <v>1</v>
      </c>
      <c r="H1054" s="751"/>
      <c r="I1054" s="751"/>
      <c r="J1054" s="536" t="s">
        <v>242</v>
      </c>
      <c r="K1054" s="535" t="s">
        <v>618</v>
      </c>
    </row>
    <row r="1055" spans="1:11" ht="17.100000000000001" customHeight="1">
      <c r="A1055" s="746" t="s">
        <v>1006</v>
      </c>
      <c r="B1055" s="747"/>
      <c r="C1055" s="534" t="s">
        <v>309</v>
      </c>
      <c r="D1055" s="534" t="s">
        <v>619</v>
      </c>
      <c r="E1055" s="534" t="s">
        <v>620</v>
      </c>
      <c r="F1055" s="534" t="s">
        <v>659</v>
      </c>
      <c r="G1055" s="748" t="s">
        <v>1005</v>
      </c>
      <c r="H1055" s="749"/>
      <c r="I1055" s="749"/>
      <c r="J1055" s="749"/>
      <c r="K1055" s="750"/>
    </row>
    <row r="1056" spans="1:11" ht="13.7" customHeight="1">
      <c r="A1056" s="743" t="s">
        <v>651</v>
      </c>
      <c r="B1056" s="744"/>
      <c r="C1056" s="533"/>
      <c r="D1056" s="532"/>
      <c r="E1056" s="531"/>
      <c r="F1056" s="530"/>
      <c r="G1056" s="529" t="s">
        <v>651</v>
      </c>
      <c r="H1056" s="528"/>
      <c r="I1056" s="528"/>
      <c r="J1056" s="528"/>
      <c r="K1056" s="527"/>
    </row>
    <row r="1057" spans="1:11" ht="13.7" customHeight="1">
      <c r="A1057" s="745"/>
      <c r="B1057" s="740"/>
      <c r="C1057" s="526"/>
      <c r="D1057" s="525"/>
      <c r="E1057" s="524"/>
      <c r="F1057" s="523" t="s">
        <v>651</v>
      </c>
      <c r="G1057" s="518" t="s">
        <v>651</v>
      </c>
      <c r="H1057" s="517"/>
      <c r="I1057" s="517"/>
      <c r="J1057" s="517"/>
      <c r="K1057" s="516"/>
    </row>
    <row r="1058" spans="1:11" ht="13.7" customHeight="1">
      <c r="A1058" s="739" t="s">
        <v>681</v>
      </c>
      <c r="B1058" s="740"/>
      <c r="C1058" s="522" t="s">
        <v>242</v>
      </c>
      <c r="D1058" s="521">
        <v>1</v>
      </c>
      <c r="E1058" s="520" t="s">
        <v>1002</v>
      </c>
      <c r="F1058" s="519"/>
      <c r="G1058" s="518" t="s">
        <v>651</v>
      </c>
      <c r="H1058" s="517"/>
      <c r="I1058" s="517"/>
      <c r="J1058" s="517"/>
      <c r="K1058" s="516"/>
    </row>
    <row r="1059" spans="1:11" ht="13.7" customHeight="1">
      <c r="A1059" s="741"/>
      <c r="B1059" s="742"/>
      <c r="C1059" s="515"/>
      <c r="D1059" s="514"/>
      <c r="E1059" s="513"/>
      <c r="F1059" s="512"/>
      <c r="G1059" s="511" t="s">
        <v>651</v>
      </c>
      <c r="H1059" s="510"/>
      <c r="I1059" s="510"/>
      <c r="J1059" s="510"/>
      <c r="K1059" s="509"/>
    </row>
    <row r="1060" spans="1:11" ht="13.7" customHeight="1"/>
    <row r="1061" spans="1:11" ht="13.7" customHeight="1"/>
    <row r="1062" spans="1:11" ht="13.7" customHeight="1"/>
    <row r="1063" spans="1:11" ht="13.7" customHeight="1"/>
    <row r="1064" spans="1:11" ht="13.7" customHeight="1"/>
    <row r="1065" spans="1:11" ht="13.7" customHeight="1"/>
    <row r="1066" spans="1:11" ht="13.7" customHeight="1"/>
    <row r="1067" spans="1:11" ht="13.7" customHeight="1"/>
    <row r="1068" spans="1:11" ht="13.7" customHeight="1"/>
    <row r="1069" spans="1:11" ht="13.7" customHeight="1"/>
    <row r="1070" spans="1:11" ht="13.7" customHeight="1"/>
    <row r="1071" spans="1:11" ht="13.7" customHeight="1"/>
    <row r="1072" spans="1:11" ht="13.7" customHeight="1"/>
    <row r="1073" ht="13.7" customHeight="1"/>
    <row r="1074" ht="13.7" customHeight="1"/>
    <row r="1075" ht="13.7" customHeight="1"/>
    <row r="1076" ht="13.7" customHeight="1"/>
    <row r="1077" ht="13.7" customHeight="1"/>
    <row r="1078" ht="13.7" customHeight="1"/>
    <row r="1079" ht="13.7" customHeight="1"/>
    <row r="1080" ht="13.7" customHeight="1"/>
    <row r="1081" ht="13.7" customHeight="1"/>
    <row r="1082" ht="13.7" customHeight="1"/>
    <row r="1083" ht="13.7" customHeight="1"/>
    <row r="1084" ht="13.7" customHeight="1"/>
    <row r="1085" ht="13.7" customHeight="1"/>
    <row r="1086" ht="13.7" customHeight="1"/>
    <row r="1087" ht="13.7" customHeight="1"/>
    <row r="1088" ht="13.7" customHeight="1"/>
    <row r="1089" spans="1:11" ht="13.7" customHeight="1"/>
    <row r="1090" spans="1:11" ht="6.2" customHeight="1"/>
    <row r="1091" spans="1:11" ht="14.1" customHeight="1">
      <c r="A1091" s="543" t="s">
        <v>1434</v>
      </c>
      <c r="B1091" s="540" t="s">
        <v>1433</v>
      </c>
      <c r="C1091" s="540"/>
      <c r="D1091" s="540"/>
      <c r="E1091" s="540"/>
      <c r="F1091" s="540"/>
      <c r="G1091" s="542" t="s">
        <v>617</v>
      </c>
      <c r="H1091" s="541" t="s">
        <v>941</v>
      </c>
      <c r="I1091" s="540" t="s">
        <v>1007</v>
      </c>
      <c r="J1091" s="540"/>
      <c r="K1091" s="539"/>
    </row>
    <row r="1092" spans="1:11" ht="24" customHeight="1">
      <c r="A1092" s="538" t="s">
        <v>651</v>
      </c>
      <c r="B1092" s="537" t="s">
        <v>651</v>
      </c>
      <c r="C1092" s="537"/>
      <c r="D1092" s="537"/>
      <c r="E1092" s="537"/>
      <c r="F1092" s="537"/>
      <c r="G1092" s="751">
        <v>1</v>
      </c>
      <c r="H1092" s="751"/>
      <c r="I1092" s="751"/>
      <c r="J1092" s="536" t="s">
        <v>242</v>
      </c>
      <c r="K1092" s="535" t="s">
        <v>618</v>
      </c>
    </row>
    <row r="1093" spans="1:11" ht="17.100000000000001" customHeight="1">
      <c r="A1093" s="746" t="s">
        <v>1006</v>
      </c>
      <c r="B1093" s="747"/>
      <c r="C1093" s="534" t="s">
        <v>309</v>
      </c>
      <c r="D1093" s="534" t="s">
        <v>619</v>
      </c>
      <c r="E1093" s="534" t="s">
        <v>620</v>
      </c>
      <c r="F1093" s="534" t="s">
        <v>659</v>
      </c>
      <c r="G1093" s="748" t="s">
        <v>1005</v>
      </c>
      <c r="H1093" s="749"/>
      <c r="I1093" s="749"/>
      <c r="J1093" s="749"/>
      <c r="K1093" s="750"/>
    </row>
    <row r="1094" spans="1:11" ht="13.7" customHeight="1">
      <c r="A1094" s="743" t="s">
        <v>1698</v>
      </c>
      <c r="B1094" s="744"/>
      <c r="C1094" s="533"/>
      <c r="D1094" s="532"/>
      <c r="E1094" s="531"/>
      <c r="F1094" s="530"/>
      <c r="G1094" s="529" t="s">
        <v>651</v>
      </c>
      <c r="H1094" s="528"/>
      <c r="I1094" s="528"/>
      <c r="J1094" s="528"/>
      <c r="K1094" s="527"/>
    </row>
    <row r="1095" spans="1:11" ht="13.7" customHeight="1">
      <c r="A1095" s="745"/>
      <c r="B1095" s="740"/>
      <c r="C1095" s="526"/>
      <c r="D1095" s="525"/>
      <c r="E1095" s="524"/>
      <c r="F1095" s="523" t="s">
        <v>651</v>
      </c>
      <c r="G1095" s="518" t="s">
        <v>651</v>
      </c>
      <c r="H1095" s="517"/>
      <c r="I1095" s="517"/>
      <c r="J1095" s="517"/>
      <c r="K1095" s="516"/>
    </row>
    <row r="1096" spans="1:11" ht="13.7" customHeight="1">
      <c r="A1096" s="739" t="s">
        <v>651</v>
      </c>
      <c r="B1096" s="740"/>
      <c r="C1096" s="522" t="s">
        <v>248</v>
      </c>
      <c r="D1096" s="521"/>
      <c r="E1096" s="520"/>
      <c r="F1096" s="519"/>
      <c r="G1096" s="518" t="s">
        <v>651</v>
      </c>
      <c r="H1096" s="517"/>
      <c r="I1096" s="517"/>
      <c r="J1096" s="517"/>
      <c r="K1096" s="516"/>
    </row>
    <row r="1097" spans="1:11" ht="13.7" customHeight="1">
      <c r="A1097" s="741"/>
      <c r="B1097" s="742"/>
      <c r="C1097" s="515"/>
      <c r="D1097" s="514"/>
      <c r="E1097" s="513"/>
      <c r="F1097" s="512"/>
      <c r="G1097" s="511" t="s">
        <v>651</v>
      </c>
      <c r="H1097" s="510"/>
      <c r="I1097" s="510"/>
      <c r="J1097" s="510"/>
      <c r="K1097" s="509"/>
    </row>
    <row r="1098" spans="1:11" ht="13.7" customHeight="1">
      <c r="A1098" s="743" t="s">
        <v>1697</v>
      </c>
      <c r="B1098" s="744"/>
      <c r="C1098" s="533"/>
      <c r="D1098" s="532"/>
      <c r="E1098" s="531"/>
      <c r="F1098" s="530"/>
      <c r="G1098" s="529" t="s">
        <v>651</v>
      </c>
      <c r="H1098" s="528"/>
      <c r="I1098" s="528"/>
      <c r="J1098" s="528"/>
      <c r="K1098" s="527"/>
    </row>
    <row r="1099" spans="1:11" ht="13.7" customHeight="1">
      <c r="A1099" s="745"/>
      <c r="B1099" s="740"/>
      <c r="C1099" s="526"/>
      <c r="D1099" s="525"/>
      <c r="E1099" s="524"/>
      <c r="F1099" s="523" t="s">
        <v>651</v>
      </c>
      <c r="G1099" s="518" t="s">
        <v>651</v>
      </c>
      <c r="H1099" s="517"/>
      <c r="I1099" s="517"/>
      <c r="J1099" s="517"/>
      <c r="K1099" s="516"/>
    </row>
    <row r="1100" spans="1:11" ht="13.7" customHeight="1">
      <c r="A1100" s="739" t="s">
        <v>651</v>
      </c>
      <c r="B1100" s="740"/>
      <c r="C1100" s="522" t="s">
        <v>248</v>
      </c>
      <c r="D1100" s="521"/>
      <c r="E1100" s="520"/>
      <c r="F1100" s="519"/>
      <c r="G1100" s="518" t="s">
        <v>651</v>
      </c>
      <c r="H1100" s="517"/>
      <c r="I1100" s="517"/>
      <c r="J1100" s="517"/>
      <c r="K1100" s="516"/>
    </row>
    <row r="1101" spans="1:11" ht="13.7" customHeight="1">
      <c r="A1101" s="741"/>
      <c r="B1101" s="742"/>
      <c r="C1101" s="515"/>
      <c r="D1101" s="514"/>
      <c r="E1101" s="513"/>
      <c r="F1101" s="512"/>
      <c r="G1101" s="511" t="s">
        <v>651</v>
      </c>
      <c r="H1101" s="510"/>
      <c r="I1101" s="510"/>
      <c r="J1101" s="510"/>
      <c r="K1101" s="509"/>
    </row>
    <row r="1102" spans="1:11" ht="13.7" customHeight="1">
      <c r="A1102" s="743" t="s">
        <v>1696</v>
      </c>
      <c r="B1102" s="744"/>
      <c r="C1102" s="533"/>
      <c r="D1102" s="532"/>
      <c r="E1102" s="531"/>
      <c r="F1102" s="530"/>
      <c r="G1102" s="529" t="s">
        <v>651</v>
      </c>
      <c r="H1102" s="528"/>
      <c r="I1102" s="528"/>
      <c r="J1102" s="528"/>
      <c r="K1102" s="527"/>
    </row>
    <row r="1103" spans="1:11" ht="13.7" customHeight="1">
      <c r="A1103" s="745"/>
      <c r="B1103" s="740"/>
      <c r="C1103" s="526"/>
      <c r="D1103" s="525"/>
      <c r="E1103" s="524"/>
      <c r="F1103" s="523" t="s">
        <v>651</v>
      </c>
      <c r="G1103" s="518" t="s">
        <v>651</v>
      </c>
      <c r="H1103" s="517"/>
      <c r="I1103" s="517"/>
      <c r="J1103" s="517"/>
      <c r="K1103" s="516"/>
    </row>
    <row r="1104" spans="1:11" ht="13.7" customHeight="1">
      <c r="A1104" s="739" t="s">
        <v>651</v>
      </c>
      <c r="B1104" s="740"/>
      <c r="C1104" s="522" t="s">
        <v>248</v>
      </c>
      <c r="D1104" s="521"/>
      <c r="E1104" s="520"/>
      <c r="F1104" s="519"/>
      <c r="G1104" s="518" t="s">
        <v>651</v>
      </c>
      <c r="H1104" s="517"/>
      <c r="I1104" s="517"/>
      <c r="J1104" s="517"/>
      <c r="K1104" s="516"/>
    </row>
    <row r="1105" spans="1:11" ht="13.7" customHeight="1">
      <c r="A1105" s="741"/>
      <c r="B1105" s="742"/>
      <c r="C1105" s="515"/>
      <c r="D1105" s="514"/>
      <c r="E1105" s="513"/>
      <c r="F1105" s="512"/>
      <c r="G1105" s="511" t="s">
        <v>651</v>
      </c>
      <c r="H1105" s="510"/>
      <c r="I1105" s="510"/>
      <c r="J1105" s="510"/>
      <c r="K1105" s="509"/>
    </row>
    <row r="1106" spans="1:11" ht="13.7" customHeight="1">
      <c r="A1106" s="743" t="s">
        <v>1432</v>
      </c>
      <c r="B1106" s="744"/>
      <c r="C1106" s="533"/>
      <c r="D1106" s="532"/>
      <c r="E1106" s="531"/>
      <c r="F1106" s="530"/>
      <c r="G1106" s="529" t="s">
        <v>651</v>
      </c>
      <c r="H1106" s="528"/>
      <c r="I1106" s="528"/>
      <c r="J1106" s="528"/>
      <c r="K1106" s="527"/>
    </row>
    <row r="1107" spans="1:11" ht="13.7" customHeight="1">
      <c r="A1107" s="745"/>
      <c r="B1107" s="740"/>
      <c r="C1107" s="526"/>
      <c r="D1107" s="525"/>
      <c r="E1107" s="524"/>
      <c r="F1107" s="523" t="s">
        <v>651</v>
      </c>
      <c r="G1107" s="518" t="s">
        <v>651</v>
      </c>
      <c r="H1107" s="517"/>
      <c r="I1107" s="517"/>
      <c r="J1107" s="517"/>
      <c r="K1107" s="516"/>
    </row>
    <row r="1108" spans="1:11" ht="13.7" customHeight="1">
      <c r="A1108" s="739" t="s">
        <v>651</v>
      </c>
      <c r="B1108" s="740"/>
      <c r="C1108" s="522" t="s">
        <v>242</v>
      </c>
      <c r="D1108" s="521">
        <v>1</v>
      </c>
      <c r="E1108" s="520"/>
      <c r="F1108" s="519"/>
      <c r="G1108" s="518" t="s">
        <v>651</v>
      </c>
      <c r="H1108" s="517"/>
      <c r="I1108" s="517"/>
      <c r="J1108" s="517"/>
      <c r="K1108" s="516"/>
    </row>
    <row r="1109" spans="1:11" ht="13.7" customHeight="1">
      <c r="A1109" s="741"/>
      <c r="B1109" s="742"/>
      <c r="C1109" s="515"/>
      <c r="D1109" s="514"/>
      <c r="E1109" s="513"/>
      <c r="F1109" s="512"/>
      <c r="G1109" s="511" t="s">
        <v>651</v>
      </c>
      <c r="H1109" s="510"/>
      <c r="I1109" s="510"/>
      <c r="J1109" s="510"/>
      <c r="K1109" s="509"/>
    </row>
    <row r="1110" spans="1:11" ht="13.7" customHeight="1">
      <c r="A1110" s="743" t="s">
        <v>1431</v>
      </c>
      <c r="B1110" s="744"/>
      <c r="C1110" s="533"/>
      <c r="D1110" s="532"/>
      <c r="E1110" s="531"/>
      <c r="F1110" s="530"/>
      <c r="G1110" s="529" t="s">
        <v>651</v>
      </c>
      <c r="H1110" s="528"/>
      <c r="I1110" s="528"/>
      <c r="J1110" s="528"/>
      <c r="K1110" s="527"/>
    </row>
    <row r="1111" spans="1:11" ht="13.7" customHeight="1">
      <c r="A1111" s="745"/>
      <c r="B1111" s="740"/>
      <c r="C1111" s="526"/>
      <c r="D1111" s="525"/>
      <c r="E1111" s="524"/>
      <c r="F1111" s="523" t="s">
        <v>651</v>
      </c>
      <c r="G1111" s="518" t="s">
        <v>651</v>
      </c>
      <c r="H1111" s="517"/>
      <c r="I1111" s="517"/>
      <c r="J1111" s="517"/>
      <c r="K1111" s="516"/>
    </row>
    <row r="1112" spans="1:11" ht="13.7" customHeight="1">
      <c r="A1112" s="739" t="s">
        <v>651</v>
      </c>
      <c r="B1112" s="740"/>
      <c r="C1112" s="522" t="s">
        <v>242</v>
      </c>
      <c r="D1112" s="521">
        <v>1</v>
      </c>
      <c r="E1112" s="520"/>
      <c r="F1112" s="519"/>
      <c r="G1112" s="518" t="s">
        <v>651</v>
      </c>
      <c r="H1112" s="517"/>
      <c r="I1112" s="517"/>
      <c r="J1112" s="517"/>
      <c r="K1112" s="516"/>
    </row>
    <row r="1113" spans="1:11" ht="13.7" customHeight="1">
      <c r="A1113" s="741"/>
      <c r="B1113" s="742"/>
      <c r="C1113" s="515"/>
      <c r="D1113" s="514"/>
      <c r="E1113" s="513"/>
      <c r="F1113" s="512"/>
      <c r="G1113" s="511" t="s">
        <v>651</v>
      </c>
      <c r="H1113" s="510"/>
      <c r="I1113" s="510"/>
      <c r="J1113" s="510"/>
      <c r="K1113" s="509"/>
    </row>
    <row r="1114" spans="1:11" ht="13.7" customHeight="1">
      <c r="A1114" s="743" t="s">
        <v>651</v>
      </c>
      <c r="B1114" s="744"/>
      <c r="C1114" s="533"/>
      <c r="D1114" s="532"/>
      <c r="E1114" s="531"/>
      <c r="F1114" s="530"/>
      <c r="G1114" s="529" t="s">
        <v>651</v>
      </c>
      <c r="H1114" s="528"/>
      <c r="I1114" s="528"/>
      <c r="J1114" s="528"/>
      <c r="K1114" s="527"/>
    </row>
    <row r="1115" spans="1:11" ht="13.7" customHeight="1">
      <c r="A1115" s="745"/>
      <c r="B1115" s="740"/>
      <c r="C1115" s="526"/>
      <c r="D1115" s="525"/>
      <c r="E1115" s="524"/>
      <c r="F1115" s="523" t="s">
        <v>651</v>
      </c>
      <c r="G1115" s="518" t="s">
        <v>651</v>
      </c>
      <c r="H1115" s="517"/>
      <c r="I1115" s="517"/>
      <c r="J1115" s="517"/>
      <c r="K1115" s="516"/>
    </row>
    <row r="1116" spans="1:11" ht="13.7" customHeight="1">
      <c r="A1116" s="739" t="s">
        <v>652</v>
      </c>
      <c r="B1116" s="740"/>
      <c r="C1116" s="522" t="s">
        <v>242</v>
      </c>
      <c r="D1116" s="521">
        <v>1</v>
      </c>
      <c r="E1116" s="520"/>
      <c r="F1116" s="519"/>
      <c r="G1116" s="518" t="s">
        <v>651</v>
      </c>
      <c r="H1116" s="517"/>
      <c r="I1116" s="517"/>
      <c r="J1116" s="517"/>
      <c r="K1116" s="516"/>
    </row>
    <row r="1117" spans="1:11" ht="13.7" customHeight="1">
      <c r="A1117" s="741"/>
      <c r="B1117" s="742"/>
      <c r="C1117" s="515"/>
      <c r="D1117" s="514"/>
      <c r="E1117" s="513"/>
      <c r="F1117" s="512"/>
      <c r="G1117" s="511" t="s">
        <v>651</v>
      </c>
      <c r="H1117" s="510"/>
      <c r="I1117" s="510"/>
      <c r="J1117" s="510"/>
      <c r="K1117" s="509"/>
    </row>
    <row r="1118" spans="1:11" ht="13.7" customHeight="1">
      <c r="A1118" s="743" t="s">
        <v>651</v>
      </c>
      <c r="B1118" s="744"/>
      <c r="C1118" s="533"/>
      <c r="D1118" s="532"/>
      <c r="E1118" s="531"/>
      <c r="F1118" s="530"/>
      <c r="G1118" s="529" t="s">
        <v>651</v>
      </c>
      <c r="H1118" s="528"/>
      <c r="I1118" s="528"/>
      <c r="J1118" s="528"/>
      <c r="K1118" s="527"/>
    </row>
    <row r="1119" spans="1:11" ht="13.7" customHeight="1">
      <c r="A1119" s="745"/>
      <c r="B1119" s="740"/>
      <c r="C1119" s="526"/>
      <c r="D1119" s="525"/>
      <c r="E1119" s="524"/>
      <c r="F1119" s="523" t="s">
        <v>651</v>
      </c>
      <c r="G1119" s="518" t="s">
        <v>651</v>
      </c>
      <c r="H1119" s="517"/>
      <c r="I1119" s="517"/>
      <c r="J1119" s="517"/>
      <c r="K1119" s="516"/>
    </row>
    <row r="1120" spans="1:11" ht="13.7" customHeight="1">
      <c r="A1120" s="739" t="s">
        <v>681</v>
      </c>
      <c r="B1120" s="740"/>
      <c r="C1120" s="522" t="s">
        <v>242</v>
      </c>
      <c r="D1120" s="521">
        <v>1</v>
      </c>
      <c r="E1120" s="520" t="s">
        <v>1002</v>
      </c>
      <c r="F1120" s="519"/>
      <c r="G1120" s="518" t="s">
        <v>651</v>
      </c>
      <c r="H1120" s="517"/>
      <c r="I1120" s="517"/>
      <c r="J1120" s="517"/>
      <c r="K1120" s="516"/>
    </row>
    <row r="1121" spans="1:11" ht="13.7" customHeight="1">
      <c r="A1121" s="741"/>
      <c r="B1121" s="742"/>
      <c r="C1121" s="515"/>
      <c r="D1121" s="514"/>
      <c r="E1121" s="513"/>
      <c r="F1121" s="512"/>
      <c r="G1121" s="511" t="s">
        <v>651</v>
      </c>
      <c r="H1121" s="510"/>
      <c r="I1121" s="510"/>
      <c r="J1121" s="510"/>
      <c r="K1121" s="509"/>
    </row>
    <row r="1122" spans="1:11" ht="13.7" customHeight="1"/>
    <row r="1123" spans="1:11" ht="13.7" customHeight="1"/>
    <row r="1124" spans="1:11" ht="13.7" customHeight="1"/>
    <row r="1125" spans="1:11" ht="13.7" customHeight="1"/>
    <row r="1126" spans="1:11" ht="13.7" customHeight="1"/>
    <row r="1127" spans="1:11" ht="13.7" customHeight="1"/>
    <row r="1128" spans="1:11" ht="6.2" customHeight="1"/>
    <row r="1129" spans="1:11" ht="14.1" customHeight="1">
      <c r="A1129" s="543" t="s">
        <v>1423</v>
      </c>
      <c r="B1129" s="540" t="s">
        <v>1422</v>
      </c>
      <c r="C1129" s="540"/>
      <c r="D1129" s="540"/>
      <c r="E1129" s="540"/>
      <c r="F1129" s="540"/>
      <c r="G1129" s="542" t="s">
        <v>617</v>
      </c>
      <c r="H1129" s="541" t="s">
        <v>939</v>
      </c>
      <c r="I1129" s="540" t="s">
        <v>1007</v>
      </c>
      <c r="J1129" s="540"/>
      <c r="K1129" s="539"/>
    </row>
    <row r="1130" spans="1:11" ht="24" customHeight="1">
      <c r="A1130" s="538" t="s">
        <v>651</v>
      </c>
      <c r="B1130" s="537" t="s">
        <v>651</v>
      </c>
      <c r="C1130" s="537"/>
      <c r="D1130" s="537"/>
      <c r="E1130" s="537"/>
      <c r="F1130" s="537"/>
      <c r="G1130" s="751">
        <v>1</v>
      </c>
      <c r="H1130" s="751"/>
      <c r="I1130" s="751"/>
      <c r="J1130" s="536" t="s">
        <v>1421</v>
      </c>
      <c r="K1130" s="535" t="s">
        <v>618</v>
      </c>
    </row>
    <row r="1131" spans="1:11" ht="17.100000000000001" customHeight="1">
      <c r="A1131" s="746" t="s">
        <v>1006</v>
      </c>
      <c r="B1131" s="747"/>
      <c r="C1131" s="534" t="s">
        <v>309</v>
      </c>
      <c r="D1131" s="534" t="s">
        <v>619</v>
      </c>
      <c r="E1131" s="534" t="s">
        <v>620</v>
      </c>
      <c r="F1131" s="534" t="s">
        <v>659</v>
      </c>
      <c r="G1131" s="748" t="s">
        <v>1005</v>
      </c>
      <c r="H1131" s="749"/>
      <c r="I1131" s="749"/>
      <c r="J1131" s="749"/>
      <c r="K1131" s="750"/>
    </row>
    <row r="1132" spans="1:11" ht="13.7" customHeight="1">
      <c r="A1132" s="743" t="s">
        <v>1376</v>
      </c>
      <c r="B1132" s="744"/>
      <c r="C1132" s="533"/>
      <c r="D1132" s="532"/>
      <c r="E1132" s="531"/>
      <c r="F1132" s="530"/>
      <c r="G1132" s="529" t="s">
        <v>1392</v>
      </c>
      <c r="H1132" s="528"/>
      <c r="I1132" s="528"/>
      <c r="J1132" s="528"/>
      <c r="K1132" s="527"/>
    </row>
    <row r="1133" spans="1:11" ht="13.7" customHeight="1">
      <c r="A1133" s="745"/>
      <c r="B1133" s="740"/>
      <c r="C1133" s="526"/>
      <c r="D1133" s="525"/>
      <c r="E1133" s="524"/>
      <c r="F1133" s="523" t="s">
        <v>651</v>
      </c>
      <c r="G1133" s="518" t="s">
        <v>651</v>
      </c>
      <c r="H1133" s="517"/>
      <c r="I1133" s="517"/>
      <c r="J1133" s="517"/>
      <c r="K1133" s="516"/>
    </row>
    <row r="1134" spans="1:11" ht="13.7" customHeight="1">
      <c r="A1134" s="739" t="s">
        <v>1374</v>
      </c>
      <c r="B1134" s="740"/>
      <c r="C1134" s="522" t="s">
        <v>193</v>
      </c>
      <c r="D1134" s="521">
        <v>4.5</v>
      </c>
      <c r="E1134" s="520"/>
      <c r="F1134" s="519"/>
      <c r="G1134" s="518" t="s">
        <v>651</v>
      </c>
      <c r="H1134" s="517"/>
      <c r="I1134" s="517"/>
      <c r="J1134" s="517"/>
      <c r="K1134" s="516"/>
    </row>
    <row r="1135" spans="1:11" ht="13.7" customHeight="1">
      <c r="A1135" s="741"/>
      <c r="B1135" s="742"/>
      <c r="C1135" s="515"/>
      <c r="D1135" s="514"/>
      <c r="E1135" s="513"/>
      <c r="F1135" s="512"/>
      <c r="G1135" s="511" t="s">
        <v>651</v>
      </c>
      <c r="H1135" s="510"/>
      <c r="I1135" s="510"/>
      <c r="J1135" s="510"/>
      <c r="K1135" s="509"/>
    </row>
    <row r="1136" spans="1:11" ht="13.7" customHeight="1">
      <c r="A1136" s="743" t="s">
        <v>1388</v>
      </c>
      <c r="B1136" s="744"/>
      <c r="C1136" s="533"/>
      <c r="D1136" s="532"/>
      <c r="E1136" s="531"/>
      <c r="F1136" s="530"/>
      <c r="G1136" s="529" t="s">
        <v>1387</v>
      </c>
      <c r="H1136" s="528"/>
      <c r="I1136" s="528"/>
      <c r="J1136" s="528"/>
      <c r="K1136" s="527"/>
    </row>
    <row r="1137" spans="1:11" ht="13.7" customHeight="1">
      <c r="A1137" s="745"/>
      <c r="B1137" s="740"/>
      <c r="C1137" s="526"/>
      <c r="D1137" s="525"/>
      <c r="E1137" s="524"/>
      <c r="F1137" s="523" t="s">
        <v>651</v>
      </c>
      <c r="G1137" s="518" t="s">
        <v>651</v>
      </c>
      <c r="H1137" s="517"/>
      <c r="I1137" s="517"/>
      <c r="J1137" s="517"/>
      <c r="K1137" s="516"/>
    </row>
    <row r="1138" spans="1:11" ht="13.7" customHeight="1">
      <c r="A1138" s="739" t="s">
        <v>1386</v>
      </c>
      <c r="B1138" s="740"/>
      <c r="C1138" s="522" t="s">
        <v>193</v>
      </c>
      <c r="D1138" s="521">
        <v>1.8</v>
      </c>
      <c r="E1138" s="520"/>
      <c r="F1138" s="519"/>
      <c r="G1138" s="518" t="s">
        <v>651</v>
      </c>
      <c r="H1138" s="517"/>
      <c r="I1138" s="517"/>
      <c r="J1138" s="517"/>
      <c r="K1138" s="516"/>
    </row>
    <row r="1139" spans="1:11" ht="13.7" customHeight="1">
      <c r="A1139" s="741"/>
      <c r="B1139" s="742"/>
      <c r="C1139" s="515"/>
      <c r="D1139" s="514"/>
      <c r="E1139" s="513"/>
      <c r="F1139" s="512"/>
      <c r="G1139" s="511" t="s">
        <v>651</v>
      </c>
      <c r="H1139" s="510"/>
      <c r="I1139" s="510"/>
      <c r="J1139" s="510"/>
      <c r="K1139" s="509"/>
    </row>
    <row r="1140" spans="1:11" ht="13.7" customHeight="1">
      <c r="A1140" s="743" t="s">
        <v>1391</v>
      </c>
      <c r="B1140" s="744"/>
      <c r="C1140" s="533"/>
      <c r="D1140" s="532"/>
      <c r="E1140" s="531"/>
      <c r="F1140" s="530"/>
      <c r="G1140" s="529" t="s">
        <v>1430</v>
      </c>
      <c r="H1140" s="528"/>
      <c r="I1140" s="528"/>
      <c r="J1140" s="528"/>
      <c r="K1140" s="527"/>
    </row>
    <row r="1141" spans="1:11" ht="13.7" customHeight="1">
      <c r="A1141" s="745"/>
      <c r="B1141" s="740"/>
      <c r="C1141" s="526"/>
      <c r="D1141" s="525"/>
      <c r="E1141" s="524"/>
      <c r="F1141" s="523" t="s">
        <v>651</v>
      </c>
      <c r="G1141" s="518" t="s">
        <v>651</v>
      </c>
      <c r="H1141" s="517"/>
      <c r="I1141" s="517"/>
      <c r="J1141" s="517"/>
      <c r="K1141" s="516"/>
    </row>
    <row r="1142" spans="1:11" ht="13.7" customHeight="1">
      <c r="A1142" s="739" t="s">
        <v>1429</v>
      </c>
      <c r="B1142" s="740"/>
      <c r="C1142" s="522" t="s">
        <v>193</v>
      </c>
      <c r="D1142" s="521">
        <v>2.7</v>
      </c>
      <c r="E1142" s="520"/>
      <c r="F1142" s="519"/>
      <c r="G1142" s="518" t="s">
        <v>651</v>
      </c>
      <c r="H1142" s="517"/>
      <c r="I1142" s="517"/>
      <c r="J1142" s="517"/>
      <c r="K1142" s="516"/>
    </row>
    <row r="1143" spans="1:11" ht="13.7" customHeight="1">
      <c r="A1143" s="741"/>
      <c r="B1143" s="742"/>
      <c r="C1143" s="515"/>
      <c r="D1143" s="514"/>
      <c r="E1143" s="513"/>
      <c r="F1143" s="512"/>
      <c r="G1143" s="511" t="s">
        <v>651</v>
      </c>
      <c r="H1143" s="510"/>
      <c r="I1143" s="510"/>
      <c r="J1143" s="510"/>
      <c r="K1143" s="509"/>
    </row>
    <row r="1144" spans="1:11" ht="13.7" customHeight="1">
      <c r="A1144" s="743" t="s">
        <v>964</v>
      </c>
      <c r="B1144" s="744"/>
      <c r="C1144" s="533"/>
      <c r="D1144" s="532"/>
      <c r="E1144" s="531"/>
      <c r="F1144" s="530"/>
      <c r="G1144" s="529" t="s">
        <v>1428</v>
      </c>
      <c r="H1144" s="528"/>
      <c r="I1144" s="528"/>
      <c r="J1144" s="528"/>
      <c r="K1144" s="527"/>
    </row>
    <row r="1145" spans="1:11" ht="13.7" customHeight="1">
      <c r="A1145" s="745"/>
      <c r="B1145" s="740"/>
      <c r="C1145" s="526"/>
      <c r="D1145" s="525"/>
      <c r="E1145" s="524"/>
      <c r="F1145" s="523" t="s">
        <v>651</v>
      </c>
      <c r="G1145" s="518" t="s">
        <v>651</v>
      </c>
      <c r="H1145" s="517"/>
      <c r="I1145" s="517"/>
      <c r="J1145" s="517"/>
      <c r="K1145" s="516"/>
    </row>
    <row r="1146" spans="1:11" ht="13.7" customHeight="1">
      <c r="A1146" s="739" t="s">
        <v>1427</v>
      </c>
      <c r="B1146" s="740"/>
      <c r="C1146" s="522" t="s">
        <v>193</v>
      </c>
      <c r="D1146" s="521">
        <v>2.9</v>
      </c>
      <c r="E1146" s="520"/>
      <c r="F1146" s="519"/>
      <c r="G1146" s="518" t="s">
        <v>651</v>
      </c>
      <c r="H1146" s="517"/>
      <c r="I1146" s="517"/>
      <c r="J1146" s="517"/>
      <c r="K1146" s="516"/>
    </row>
    <row r="1147" spans="1:11" ht="13.7" customHeight="1">
      <c r="A1147" s="741"/>
      <c r="B1147" s="742"/>
      <c r="C1147" s="515"/>
      <c r="D1147" s="514"/>
      <c r="E1147" s="513"/>
      <c r="F1147" s="512"/>
      <c r="G1147" s="511" t="s">
        <v>651</v>
      </c>
      <c r="H1147" s="510"/>
      <c r="I1147" s="510"/>
      <c r="J1147" s="510"/>
      <c r="K1147" s="509"/>
    </row>
    <row r="1148" spans="1:11" ht="13.7" customHeight="1">
      <c r="A1148" s="743" t="s">
        <v>1426</v>
      </c>
      <c r="B1148" s="744"/>
      <c r="C1148" s="533"/>
      <c r="D1148" s="532"/>
      <c r="E1148" s="531"/>
      <c r="F1148" s="530"/>
      <c r="G1148" s="529" t="s">
        <v>651</v>
      </c>
      <c r="H1148" s="528"/>
      <c r="I1148" s="528"/>
      <c r="J1148" s="528"/>
      <c r="K1148" s="527"/>
    </row>
    <row r="1149" spans="1:11" ht="13.7" customHeight="1">
      <c r="A1149" s="745"/>
      <c r="B1149" s="740"/>
      <c r="C1149" s="526"/>
      <c r="D1149" s="525"/>
      <c r="E1149" s="524"/>
      <c r="F1149" s="523" t="s">
        <v>651</v>
      </c>
      <c r="G1149" s="518" t="s">
        <v>651</v>
      </c>
      <c r="H1149" s="517"/>
      <c r="I1149" s="517"/>
      <c r="J1149" s="517"/>
      <c r="K1149" s="516"/>
    </row>
    <row r="1150" spans="1:11" ht="13.7" customHeight="1">
      <c r="A1150" s="739" t="s">
        <v>1425</v>
      </c>
      <c r="B1150" s="740"/>
      <c r="C1150" s="522" t="s">
        <v>1424</v>
      </c>
      <c r="D1150" s="521">
        <v>8.5999999999999993E-2</v>
      </c>
      <c r="E1150" s="520"/>
      <c r="F1150" s="519"/>
      <c r="G1150" s="518" t="s">
        <v>651</v>
      </c>
      <c r="H1150" s="517"/>
      <c r="I1150" s="517"/>
      <c r="J1150" s="517"/>
      <c r="K1150" s="516"/>
    </row>
    <row r="1151" spans="1:11" ht="13.7" customHeight="1">
      <c r="A1151" s="741"/>
      <c r="B1151" s="742"/>
      <c r="C1151" s="515"/>
      <c r="D1151" s="514"/>
      <c r="E1151" s="513"/>
      <c r="F1151" s="512"/>
      <c r="G1151" s="511" t="s">
        <v>651</v>
      </c>
      <c r="H1151" s="510"/>
      <c r="I1151" s="510"/>
      <c r="J1151" s="510"/>
      <c r="K1151" s="509"/>
    </row>
    <row r="1152" spans="1:11" ht="13.7" customHeight="1">
      <c r="A1152" s="743" t="s">
        <v>961</v>
      </c>
      <c r="B1152" s="744"/>
      <c r="C1152" s="533"/>
      <c r="D1152" s="532"/>
      <c r="E1152" s="531"/>
      <c r="F1152" s="530"/>
      <c r="G1152" s="529" t="s">
        <v>1380</v>
      </c>
      <c r="H1152" s="528"/>
      <c r="I1152" s="528"/>
      <c r="J1152" s="528"/>
      <c r="K1152" s="527"/>
    </row>
    <row r="1153" spans="1:11" ht="13.7" customHeight="1">
      <c r="A1153" s="745"/>
      <c r="B1153" s="740"/>
      <c r="C1153" s="526"/>
      <c r="D1153" s="525"/>
      <c r="E1153" s="524"/>
      <c r="F1153" s="523" t="s">
        <v>651</v>
      </c>
      <c r="G1153" s="518" t="s">
        <v>651</v>
      </c>
      <c r="H1153" s="517"/>
      <c r="I1153" s="517"/>
      <c r="J1153" s="517"/>
      <c r="K1153" s="516"/>
    </row>
    <row r="1154" spans="1:11" ht="13.7" customHeight="1">
      <c r="A1154" s="739" t="s">
        <v>959</v>
      </c>
      <c r="B1154" s="740"/>
      <c r="C1154" s="522" t="s">
        <v>194</v>
      </c>
      <c r="D1154" s="521">
        <v>9.1999999999999993</v>
      </c>
      <c r="E1154" s="520"/>
      <c r="F1154" s="519"/>
      <c r="G1154" s="518" t="s">
        <v>651</v>
      </c>
      <c r="H1154" s="517"/>
      <c r="I1154" s="517"/>
      <c r="J1154" s="517"/>
      <c r="K1154" s="516"/>
    </row>
    <row r="1155" spans="1:11" ht="13.7" customHeight="1">
      <c r="A1155" s="741"/>
      <c r="B1155" s="742"/>
      <c r="C1155" s="515"/>
      <c r="D1155" s="514"/>
      <c r="E1155" s="513"/>
      <c r="F1155" s="512"/>
      <c r="G1155" s="511" t="s">
        <v>651</v>
      </c>
      <c r="H1155" s="510"/>
      <c r="I1155" s="510"/>
      <c r="J1155" s="510"/>
      <c r="K1155" s="509"/>
    </row>
    <row r="1156" spans="1:11" ht="13.7" customHeight="1">
      <c r="A1156" s="743" t="s">
        <v>1066</v>
      </c>
      <c r="B1156" s="744"/>
      <c r="C1156" s="533"/>
      <c r="D1156" s="532"/>
      <c r="E1156" s="531"/>
      <c r="F1156" s="530"/>
      <c r="G1156" s="529" t="s">
        <v>1382</v>
      </c>
      <c r="H1156" s="528"/>
      <c r="I1156" s="528"/>
      <c r="J1156" s="528"/>
      <c r="K1156" s="527"/>
    </row>
    <row r="1157" spans="1:11" ht="13.7" customHeight="1">
      <c r="A1157" s="745"/>
      <c r="B1157" s="740"/>
      <c r="C1157" s="526"/>
      <c r="D1157" s="525"/>
      <c r="E1157" s="524"/>
      <c r="F1157" s="523" t="s">
        <v>651</v>
      </c>
      <c r="G1157" s="518" t="s">
        <v>651</v>
      </c>
      <c r="H1157" s="517"/>
      <c r="I1157" s="517"/>
      <c r="J1157" s="517"/>
      <c r="K1157" s="516"/>
    </row>
    <row r="1158" spans="1:11" ht="13.7" customHeight="1">
      <c r="A1158" s="739" t="s">
        <v>1381</v>
      </c>
      <c r="B1158" s="740"/>
      <c r="C1158" s="522" t="s">
        <v>194</v>
      </c>
      <c r="D1158" s="521">
        <v>3.3</v>
      </c>
      <c r="E1158" s="520"/>
      <c r="F1158" s="519"/>
      <c r="G1158" s="518" t="s">
        <v>651</v>
      </c>
      <c r="H1158" s="517"/>
      <c r="I1158" s="517"/>
      <c r="J1158" s="517"/>
      <c r="K1158" s="516"/>
    </row>
    <row r="1159" spans="1:11" ht="13.7" customHeight="1">
      <c r="A1159" s="741"/>
      <c r="B1159" s="742"/>
      <c r="C1159" s="515"/>
      <c r="D1159" s="514"/>
      <c r="E1159" s="513"/>
      <c r="F1159" s="512"/>
      <c r="G1159" s="511" t="s">
        <v>651</v>
      </c>
      <c r="H1159" s="510"/>
      <c r="I1159" s="510"/>
      <c r="J1159" s="510"/>
      <c r="K1159" s="509"/>
    </row>
    <row r="1160" spans="1:11" ht="13.7" customHeight="1">
      <c r="A1160" s="743" t="s">
        <v>651</v>
      </c>
      <c r="B1160" s="744"/>
      <c r="C1160" s="533"/>
      <c r="D1160" s="532"/>
      <c r="E1160" s="531"/>
      <c r="F1160" s="530"/>
      <c r="G1160" s="529" t="s">
        <v>651</v>
      </c>
      <c r="H1160" s="528"/>
      <c r="I1160" s="528"/>
      <c r="J1160" s="528"/>
      <c r="K1160" s="527"/>
    </row>
    <row r="1161" spans="1:11" ht="13.7" customHeight="1">
      <c r="A1161" s="745"/>
      <c r="B1161" s="740"/>
      <c r="C1161" s="526"/>
      <c r="D1161" s="525"/>
      <c r="E1161" s="524"/>
      <c r="F1161" s="523" t="s">
        <v>651</v>
      </c>
      <c r="G1161" s="518" t="s">
        <v>651</v>
      </c>
      <c r="H1161" s="517"/>
      <c r="I1161" s="517"/>
      <c r="J1161" s="517"/>
      <c r="K1161" s="516"/>
    </row>
    <row r="1162" spans="1:11" ht="13.7" customHeight="1">
      <c r="A1162" s="739" t="s">
        <v>652</v>
      </c>
      <c r="B1162" s="740"/>
      <c r="C1162" s="522" t="s">
        <v>1421</v>
      </c>
      <c r="D1162" s="521">
        <v>1</v>
      </c>
      <c r="E1162" s="520"/>
      <c r="F1162" s="519"/>
      <c r="G1162" s="518" t="s">
        <v>651</v>
      </c>
      <c r="H1162" s="517"/>
      <c r="I1162" s="517"/>
      <c r="J1162" s="517"/>
      <c r="K1162" s="516"/>
    </row>
    <row r="1163" spans="1:11" ht="13.7" customHeight="1">
      <c r="A1163" s="741"/>
      <c r="B1163" s="742"/>
      <c r="C1163" s="515"/>
      <c r="D1163" s="514"/>
      <c r="E1163" s="513"/>
      <c r="F1163" s="512"/>
      <c r="G1163" s="511" t="s">
        <v>651</v>
      </c>
      <c r="H1163" s="510"/>
      <c r="I1163" s="510"/>
      <c r="J1163" s="510"/>
      <c r="K1163" s="509"/>
    </row>
    <row r="1164" spans="1:11" ht="13.7" customHeight="1"/>
    <row r="1165" spans="1:11" ht="13.7" customHeight="1"/>
    <row r="1166" spans="1:11" ht="6.2" customHeight="1"/>
    <row r="1167" spans="1:11" ht="14.1" customHeight="1">
      <c r="A1167" s="543" t="s">
        <v>1423</v>
      </c>
      <c r="B1167" s="540" t="s">
        <v>1422</v>
      </c>
      <c r="C1167" s="540"/>
      <c r="D1167" s="540"/>
      <c r="E1167" s="540"/>
      <c r="F1167" s="540"/>
      <c r="G1167" s="542" t="s">
        <v>617</v>
      </c>
      <c r="H1167" s="541" t="s">
        <v>939</v>
      </c>
      <c r="I1167" s="540" t="s">
        <v>1007</v>
      </c>
      <c r="J1167" s="540"/>
      <c r="K1167" s="539"/>
    </row>
    <row r="1168" spans="1:11" ht="24" customHeight="1">
      <c r="A1168" s="538" t="s">
        <v>651</v>
      </c>
      <c r="B1168" s="537" t="s">
        <v>651</v>
      </c>
      <c r="C1168" s="537"/>
      <c r="D1168" s="537"/>
      <c r="E1168" s="537"/>
      <c r="F1168" s="537"/>
      <c r="G1168" s="751">
        <v>1</v>
      </c>
      <c r="H1168" s="751"/>
      <c r="I1168" s="751"/>
      <c r="J1168" s="536" t="s">
        <v>1421</v>
      </c>
      <c r="K1168" s="535" t="s">
        <v>618</v>
      </c>
    </row>
    <row r="1169" spans="1:11" ht="17.100000000000001" customHeight="1">
      <c r="A1169" s="746" t="s">
        <v>1006</v>
      </c>
      <c r="B1169" s="747"/>
      <c r="C1169" s="534" t="s">
        <v>309</v>
      </c>
      <c r="D1169" s="534" t="s">
        <v>619</v>
      </c>
      <c r="E1169" s="534" t="s">
        <v>620</v>
      </c>
      <c r="F1169" s="534" t="s">
        <v>659</v>
      </c>
      <c r="G1169" s="748" t="s">
        <v>1005</v>
      </c>
      <c r="H1169" s="749"/>
      <c r="I1169" s="749"/>
      <c r="J1169" s="749"/>
      <c r="K1169" s="750"/>
    </row>
    <row r="1170" spans="1:11" ht="13.7" customHeight="1">
      <c r="A1170" s="743" t="s">
        <v>651</v>
      </c>
      <c r="B1170" s="744"/>
      <c r="C1170" s="533"/>
      <c r="D1170" s="532"/>
      <c r="E1170" s="531"/>
      <c r="F1170" s="530"/>
      <c r="G1170" s="529" t="s">
        <v>651</v>
      </c>
      <c r="H1170" s="528"/>
      <c r="I1170" s="528"/>
      <c r="J1170" s="528"/>
      <c r="K1170" s="527"/>
    </row>
    <row r="1171" spans="1:11" ht="13.7" customHeight="1">
      <c r="A1171" s="745"/>
      <c r="B1171" s="740"/>
      <c r="C1171" s="526"/>
      <c r="D1171" s="525"/>
      <c r="E1171" s="524"/>
      <c r="F1171" s="523" t="s">
        <v>651</v>
      </c>
      <c r="G1171" s="518" t="s">
        <v>651</v>
      </c>
      <c r="H1171" s="517"/>
      <c r="I1171" s="517"/>
      <c r="J1171" s="517"/>
      <c r="K1171" s="516"/>
    </row>
    <row r="1172" spans="1:11" ht="13.7" customHeight="1">
      <c r="A1172" s="739" t="s">
        <v>681</v>
      </c>
      <c r="B1172" s="740"/>
      <c r="C1172" s="522" t="s">
        <v>1421</v>
      </c>
      <c r="D1172" s="521">
        <v>1</v>
      </c>
      <c r="E1172" s="520" t="s">
        <v>1002</v>
      </c>
      <c r="F1172" s="519"/>
      <c r="G1172" s="518" t="s">
        <v>651</v>
      </c>
      <c r="H1172" s="517"/>
      <c r="I1172" s="517"/>
      <c r="J1172" s="517"/>
      <c r="K1172" s="516"/>
    </row>
    <row r="1173" spans="1:11" ht="13.7" customHeight="1">
      <c r="A1173" s="741"/>
      <c r="B1173" s="742"/>
      <c r="C1173" s="515"/>
      <c r="D1173" s="514"/>
      <c r="E1173" s="513"/>
      <c r="F1173" s="512"/>
      <c r="G1173" s="511" t="s">
        <v>651</v>
      </c>
      <c r="H1173" s="510"/>
      <c r="I1173" s="510"/>
      <c r="J1173" s="510"/>
      <c r="K1173" s="509"/>
    </row>
    <row r="1174" spans="1:11" ht="54.95" customHeight="1"/>
    <row r="1175" spans="1:11" ht="14.1" customHeight="1">
      <c r="A1175" s="543" t="s">
        <v>1420</v>
      </c>
      <c r="B1175" s="540" t="s">
        <v>1419</v>
      </c>
      <c r="C1175" s="540"/>
      <c r="D1175" s="540"/>
      <c r="E1175" s="540"/>
      <c r="F1175" s="540"/>
      <c r="G1175" s="542" t="s">
        <v>617</v>
      </c>
      <c r="H1175" s="541" t="s">
        <v>937</v>
      </c>
      <c r="I1175" s="540" t="s">
        <v>1007</v>
      </c>
      <c r="J1175" s="540"/>
      <c r="K1175" s="539"/>
    </row>
    <row r="1176" spans="1:11" ht="24" customHeight="1">
      <c r="A1176" s="538" t="s">
        <v>651</v>
      </c>
      <c r="B1176" s="537" t="s">
        <v>651</v>
      </c>
      <c r="C1176" s="537"/>
      <c r="D1176" s="537"/>
      <c r="E1176" s="537"/>
      <c r="F1176" s="537"/>
      <c r="G1176" s="751">
        <v>1</v>
      </c>
      <c r="H1176" s="751"/>
      <c r="I1176" s="751"/>
      <c r="J1176" s="536" t="s">
        <v>242</v>
      </c>
      <c r="K1176" s="535" t="s">
        <v>618</v>
      </c>
    </row>
    <row r="1177" spans="1:11" ht="17.100000000000001" customHeight="1">
      <c r="A1177" s="746" t="s">
        <v>1006</v>
      </c>
      <c r="B1177" s="747"/>
      <c r="C1177" s="534" t="s">
        <v>309</v>
      </c>
      <c r="D1177" s="534" t="s">
        <v>619</v>
      </c>
      <c r="E1177" s="534" t="s">
        <v>620</v>
      </c>
      <c r="F1177" s="534" t="s">
        <v>659</v>
      </c>
      <c r="G1177" s="748" t="s">
        <v>1005</v>
      </c>
      <c r="H1177" s="749"/>
      <c r="I1177" s="749"/>
      <c r="J1177" s="749"/>
      <c r="K1177" s="750"/>
    </row>
    <row r="1178" spans="1:11" ht="13.7" customHeight="1">
      <c r="A1178" s="743" t="s">
        <v>1414</v>
      </c>
      <c r="B1178" s="744"/>
      <c r="C1178" s="533"/>
      <c r="D1178" s="532"/>
      <c r="E1178" s="531"/>
      <c r="F1178" s="530"/>
      <c r="G1178" s="529" t="s">
        <v>1418</v>
      </c>
      <c r="H1178" s="528"/>
      <c r="I1178" s="528"/>
      <c r="J1178" s="528"/>
      <c r="K1178" s="527"/>
    </row>
    <row r="1179" spans="1:11" ht="13.7" customHeight="1">
      <c r="A1179" s="745"/>
      <c r="B1179" s="740"/>
      <c r="C1179" s="526"/>
      <c r="D1179" s="525"/>
      <c r="E1179" s="524"/>
      <c r="F1179" s="523" t="s">
        <v>651</v>
      </c>
      <c r="G1179" s="518" t="s">
        <v>651</v>
      </c>
      <c r="H1179" s="517"/>
      <c r="I1179" s="517"/>
      <c r="J1179" s="517"/>
      <c r="K1179" s="516"/>
    </row>
    <row r="1180" spans="1:11" ht="13.7" customHeight="1">
      <c r="A1180" s="739" t="s">
        <v>651</v>
      </c>
      <c r="B1180" s="740"/>
      <c r="C1180" s="522" t="s">
        <v>242</v>
      </c>
      <c r="D1180" s="521">
        <v>1</v>
      </c>
      <c r="E1180" s="520"/>
      <c r="F1180" s="519"/>
      <c r="G1180" s="518" t="s">
        <v>651</v>
      </c>
      <c r="H1180" s="517"/>
      <c r="I1180" s="517"/>
      <c r="J1180" s="517"/>
      <c r="K1180" s="516"/>
    </row>
    <row r="1181" spans="1:11" ht="13.7" customHeight="1">
      <c r="A1181" s="741"/>
      <c r="B1181" s="742"/>
      <c r="C1181" s="515"/>
      <c r="D1181" s="514"/>
      <c r="E1181" s="513"/>
      <c r="F1181" s="512"/>
      <c r="G1181" s="511" t="s">
        <v>651</v>
      </c>
      <c r="H1181" s="510"/>
      <c r="I1181" s="510"/>
      <c r="J1181" s="510"/>
      <c r="K1181" s="509"/>
    </row>
    <row r="1182" spans="1:11" ht="13.7" customHeight="1">
      <c r="A1182" s="743" t="s">
        <v>1377</v>
      </c>
      <c r="B1182" s="744"/>
      <c r="C1182" s="533"/>
      <c r="D1182" s="532"/>
      <c r="E1182" s="531"/>
      <c r="F1182" s="530"/>
      <c r="G1182" s="529" t="s">
        <v>1417</v>
      </c>
      <c r="H1182" s="528"/>
      <c r="I1182" s="528"/>
      <c r="J1182" s="528"/>
      <c r="K1182" s="527"/>
    </row>
    <row r="1183" spans="1:11" ht="13.7" customHeight="1">
      <c r="A1183" s="745"/>
      <c r="B1183" s="740"/>
      <c r="C1183" s="526"/>
      <c r="D1183" s="525"/>
      <c r="E1183" s="524"/>
      <c r="F1183" s="523" t="s">
        <v>651</v>
      </c>
      <c r="G1183" s="518" t="s">
        <v>651</v>
      </c>
      <c r="H1183" s="517"/>
      <c r="I1183" s="517"/>
      <c r="J1183" s="517"/>
      <c r="K1183" s="516"/>
    </row>
    <row r="1184" spans="1:11" ht="13.7" customHeight="1">
      <c r="A1184" s="739" t="s">
        <v>651</v>
      </c>
      <c r="B1184" s="740"/>
      <c r="C1184" s="522" t="s">
        <v>242</v>
      </c>
      <c r="D1184" s="521">
        <v>1</v>
      </c>
      <c r="E1184" s="520"/>
      <c r="F1184" s="519"/>
      <c r="G1184" s="518" t="s">
        <v>651</v>
      </c>
      <c r="H1184" s="517"/>
      <c r="I1184" s="517"/>
      <c r="J1184" s="517"/>
      <c r="K1184" s="516"/>
    </row>
    <row r="1185" spans="1:11" ht="13.7" customHeight="1">
      <c r="A1185" s="741"/>
      <c r="B1185" s="742"/>
      <c r="C1185" s="515"/>
      <c r="D1185" s="514"/>
      <c r="E1185" s="513"/>
      <c r="F1185" s="512"/>
      <c r="G1185" s="511" t="s">
        <v>651</v>
      </c>
      <c r="H1185" s="510"/>
      <c r="I1185" s="510"/>
      <c r="J1185" s="510"/>
      <c r="K1185" s="509"/>
    </row>
    <row r="1186" spans="1:11" ht="13.7" customHeight="1">
      <c r="A1186" s="743" t="s">
        <v>1364</v>
      </c>
      <c r="B1186" s="744"/>
      <c r="C1186" s="533"/>
      <c r="D1186" s="532"/>
      <c r="E1186" s="531"/>
      <c r="F1186" s="530"/>
      <c r="G1186" s="529" t="s">
        <v>1416</v>
      </c>
      <c r="H1186" s="528"/>
      <c r="I1186" s="528"/>
      <c r="J1186" s="528"/>
      <c r="K1186" s="527"/>
    </row>
    <row r="1187" spans="1:11" ht="13.7" customHeight="1">
      <c r="A1187" s="745"/>
      <c r="B1187" s="740"/>
      <c r="C1187" s="526"/>
      <c r="D1187" s="525"/>
      <c r="E1187" s="524"/>
      <c r="F1187" s="523" t="s">
        <v>651</v>
      </c>
      <c r="G1187" s="518" t="s">
        <v>651</v>
      </c>
      <c r="H1187" s="517"/>
      <c r="I1187" s="517"/>
      <c r="J1187" s="517"/>
      <c r="K1187" s="516"/>
    </row>
    <row r="1188" spans="1:11" ht="13.7" customHeight="1">
      <c r="A1188" s="739" t="s">
        <v>651</v>
      </c>
      <c r="B1188" s="740"/>
      <c r="C1188" s="522" t="s">
        <v>242</v>
      </c>
      <c r="D1188" s="521">
        <v>1</v>
      </c>
      <c r="E1188" s="520"/>
      <c r="F1188" s="519"/>
      <c r="G1188" s="518" t="s">
        <v>651</v>
      </c>
      <c r="H1188" s="517"/>
      <c r="I1188" s="517"/>
      <c r="J1188" s="517"/>
      <c r="K1188" s="516"/>
    </row>
    <row r="1189" spans="1:11" ht="13.7" customHeight="1">
      <c r="A1189" s="741"/>
      <c r="B1189" s="742"/>
      <c r="C1189" s="515"/>
      <c r="D1189" s="514"/>
      <c r="E1189" s="513"/>
      <c r="F1189" s="512"/>
      <c r="G1189" s="511" t="s">
        <v>651</v>
      </c>
      <c r="H1189" s="510"/>
      <c r="I1189" s="510"/>
      <c r="J1189" s="510"/>
      <c r="K1189" s="509"/>
    </row>
    <row r="1190" spans="1:11" ht="13.7" customHeight="1">
      <c r="A1190" s="743" t="s">
        <v>651</v>
      </c>
      <c r="B1190" s="744"/>
      <c r="C1190" s="533"/>
      <c r="D1190" s="532"/>
      <c r="E1190" s="531"/>
      <c r="F1190" s="530"/>
      <c r="G1190" s="529" t="s">
        <v>651</v>
      </c>
      <c r="H1190" s="528"/>
      <c r="I1190" s="528"/>
      <c r="J1190" s="528"/>
      <c r="K1190" s="527"/>
    </row>
    <row r="1191" spans="1:11" ht="13.7" customHeight="1">
      <c r="A1191" s="745"/>
      <c r="B1191" s="740"/>
      <c r="C1191" s="526"/>
      <c r="D1191" s="525"/>
      <c r="E1191" s="524"/>
      <c r="F1191" s="523" t="s">
        <v>651</v>
      </c>
      <c r="G1191" s="518" t="s">
        <v>651</v>
      </c>
      <c r="H1191" s="517"/>
      <c r="I1191" s="517"/>
      <c r="J1191" s="517"/>
      <c r="K1191" s="516"/>
    </row>
    <row r="1192" spans="1:11" ht="13.7" customHeight="1">
      <c r="A1192" s="739" t="s">
        <v>652</v>
      </c>
      <c r="B1192" s="740"/>
      <c r="C1192" s="522" t="s">
        <v>242</v>
      </c>
      <c r="D1192" s="521">
        <v>1</v>
      </c>
      <c r="E1192" s="520"/>
      <c r="F1192" s="519"/>
      <c r="G1192" s="518" t="s">
        <v>651</v>
      </c>
      <c r="H1192" s="517"/>
      <c r="I1192" s="517"/>
      <c r="J1192" s="517"/>
      <c r="K1192" s="516"/>
    </row>
    <row r="1193" spans="1:11" ht="13.7" customHeight="1">
      <c r="A1193" s="741"/>
      <c r="B1193" s="742"/>
      <c r="C1193" s="515"/>
      <c r="D1193" s="514"/>
      <c r="E1193" s="513"/>
      <c r="F1193" s="512"/>
      <c r="G1193" s="511" t="s">
        <v>651</v>
      </c>
      <c r="H1193" s="510"/>
      <c r="I1193" s="510"/>
      <c r="J1193" s="510"/>
      <c r="K1193" s="509"/>
    </row>
    <row r="1194" spans="1:11" ht="13.7" customHeight="1">
      <c r="A1194" s="743" t="s">
        <v>651</v>
      </c>
      <c r="B1194" s="744"/>
      <c r="C1194" s="533"/>
      <c r="D1194" s="532"/>
      <c r="E1194" s="531"/>
      <c r="F1194" s="530"/>
      <c r="G1194" s="529" t="s">
        <v>651</v>
      </c>
      <c r="H1194" s="528"/>
      <c r="I1194" s="528"/>
      <c r="J1194" s="528"/>
      <c r="K1194" s="527"/>
    </row>
    <row r="1195" spans="1:11" ht="13.7" customHeight="1">
      <c r="A1195" s="745"/>
      <c r="B1195" s="740"/>
      <c r="C1195" s="526"/>
      <c r="D1195" s="525"/>
      <c r="E1195" s="524"/>
      <c r="F1195" s="523" t="s">
        <v>651</v>
      </c>
      <c r="G1195" s="518" t="s">
        <v>651</v>
      </c>
      <c r="H1195" s="517"/>
      <c r="I1195" s="517"/>
      <c r="J1195" s="517"/>
      <c r="K1195" s="516"/>
    </row>
    <row r="1196" spans="1:11" ht="13.7" customHeight="1">
      <c r="A1196" s="739" t="s">
        <v>681</v>
      </c>
      <c r="B1196" s="740"/>
      <c r="C1196" s="522" t="s">
        <v>242</v>
      </c>
      <c r="D1196" s="521">
        <v>1</v>
      </c>
      <c r="E1196" s="520" t="s">
        <v>1002</v>
      </c>
      <c r="F1196" s="519"/>
      <c r="G1196" s="518" t="s">
        <v>651</v>
      </c>
      <c r="H1196" s="517"/>
      <c r="I1196" s="517"/>
      <c r="J1196" s="517"/>
      <c r="K1196" s="516"/>
    </row>
    <row r="1197" spans="1:11" ht="13.7" customHeight="1">
      <c r="A1197" s="741"/>
      <c r="B1197" s="742"/>
      <c r="C1197" s="515"/>
      <c r="D1197" s="514"/>
      <c r="E1197" s="513"/>
      <c r="F1197" s="512"/>
      <c r="G1197" s="511" t="s">
        <v>651</v>
      </c>
      <c r="H1197" s="510"/>
      <c r="I1197" s="510"/>
      <c r="J1197" s="510"/>
      <c r="K1197" s="509"/>
    </row>
    <row r="1198" spans="1:11" ht="13.7" customHeight="1"/>
    <row r="1199" spans="1:11" ht="13.7" customHeight="1"/>
    <row r="1200" spans="1:11" ht="6.2" customHeight="1"/>
    <row r="1201" spans="1:11" ht="14.1" customHeight="1">
      <c r="A1201" s="543" t="s">
        <v>1415</v>
      </c>
      <c r="B1201" s="540" t="s">
        <v>1414</v>
      </c>
      <c r="C1201" s="540"/>
      <c r="D1201" s="540"/>
      <c r="E1201" s="540"/>
      <c r="F1201" s="540"/>
      <c r="G1201" s="542" t="s">
        <v>617</v>
      </c>
      <c r="H1201" s="541" t="s">
        <v>935</v>
      </c>
      <c r="I1201" s="540" t="s">
        <v>1007</v>
      </c>
      <c r="J1201" s="540"/>
      <c r="K1201" s="539"/>
    </row>
    <row r="1202" spans="1:11" ht="24" customHeight="1">
      <c r="A1202" s="538" t="s">
        <v>651</v>
      </c>
      <c r="B1202" s="537" t="s">
        <v>651</v>
      </c>
      <c r="C1202" s="537"/>
      <c r="D1202" s="537"/>
      <c r="E1202" s="537"/>
      <c r="F1202" s="537"/>
      <c r="G1202" s="751">
        <v>1</v>
      </c>
      <c r="H1202" s="751"/>
      <c r="I1202" s="751"/>
      <c r="J1202" s="536" t="s">
        <v>242</v>
      </c>
      <c r="K1202" s="535" t="s">
        <v>618</v>
      </c>
    </row>
    <row r="1203" spans="1:11" ht="17.100000000000001" customHeight="1">
      <c r="A1203" s="746" t="s">
        <v>1006</v>
      </c>
      <c r="B1203" s="747"/>
      <c r="C1203" s="534" t="s">
        <v>309</v>
      </c>
      <c r="D1203" s="534" t="s">
        <v>619</v>
      </c>
      <c r="E1203" s="534" t="s">
        <v>620</v>
      </c>
      <c r="F1203" s="534" t="s">
        <v>659</v>
      </c>
      <c r="G1203" s="748" t="s">
        <v>1005</v>
      </c>
      <c r="H1203" s="749"/>
      <c r="I1203" s="749"/>
      <c r="J1203" s="749"/>
      <c r="K1203" s="750"/>
    </row>
    <row r="1204" spans="1:11" ht="13.7" customHeight="1">
      <c r="A1204" s="743" t="s">
        <v>1398</v>
      </c>
      <c r="B1204" s="744"/>
      <c r="C1204" s="533"/>
      <c r="D1204" s="532"/>
      <c r="E1204" s="531"/>
      <c r="F1204" s="530"/>
      <c r="G1204" s="529" t="s">
        <v>1413</v>
      </c>
      <c r="H1204" s="528"/>
      <c r="I1204" s="528"/>
      <c r="J1204" s="528"/>
      <c r="K1204" s="527"/>
    </row>
    <row r="1205" spans="1:11" ht="13.7" customHeight="1">
      <c r="A1205" s="745"/>
      <c r="B1205" s="740"/>
      <c r="C1205" s="526"/>
      <c r="D1205" s="525"/>
      <c r="E1205" s="524"/>
      <c r="F1205" s="523" t="s">
        <v>651</v>
      </c>
      <c r="G1205" s="518" t="s">
        <v>651</v>
      </c>
      <c r="H1205" s="517"/>
      <c r="I1205" s="517"/>
      <c r="J1205" s="517"/>
      <c r="K1205" s="516"/>
    </row>
    <row r="1206" spans="1:11" ht="13.7" customHeight="1">
      <c r="A1206" s="739" t="s">
        <v>1397</v>
      </c>
      <c r="B1206" s="740"/>
      <c r="C1206" s="522" t="s">
        <v>242</v>
      </c>
      <c r="D1206" s="521">
        <v>1</v>
      </c>
      <c r="E1206" s="520"/>
      <c r="F1206" s="519"/>
      <c r="G1206" s="518" t="s">
        <v>651</v>
      </c>
      <c r="H1206" s="517"/>
      <c r="I1206" s="517"/>
      <c r="J1206" s="517"/>
      <c r="K1206" s="516"/>
    </row>
    <row r="1207" spans="1:11" ht="13.7" customHeight="1">
      <c r="A1207" s="741"/>
      <c r="B1207" s="742"/>
      <c r="C1207" s="515"/>
      <c r="D1207" s="514"/>
      <c r="E1207" s="513"/>
      <c r="F1207" s="512"/>
      <c r="G1207" s="511" t="s">
        <v>651</v>
      </c>
      <c r="H1207" s="510"/>
      <c r="I1207" s="510"/>
      <c r="J1207" s="510"/>
      <c r="K1207" s="509"/>
    </row>
    <row r="1208" spans="1:11" ht="13.7" customHeight="1">
      <c r="A1208" s="743" t="s">
        <v>651</v>
      </c>
      <c r="B1208" s="744"/>
      <c r="C1208" s="533"/>
      <c r="D1208" s="532"/>
      <c r="E1208" s="531"/>
      <c r="F1208" s="530"/>
      <c r="G1208" s="529" t="s">
        <v>651</v>
      </c>
      <c r="H1208" s="528"/>
      <c r="I1208" s="528"/>
      <c r="J1208" s="528"/>
      <c r="K1208" s="527"/>
    </row>
    <row r="1209" spans="1:11" ht="13.7" customHeight="1">
      <c r="A1209" s="745"/>
      <c r="B1209" s="740"/>
      <c r="C1209" s="526"/>
      <c r="D1209" s="525"/>
      <c r="E1209" s="524"/>
      <c r="F1209" s="523" t="s">
        <v>651</v>
      </c>
      <c r="G1209" s="518" t="s">
        <v>651</v>
      </c>
      <c r="H1209" s="517"/>
      <c r="I1209" s="517"/>
      <c r="J1209" s="517"/>
      <c r="K1209" s="516"/>
    </row>
    <row r="1210" spans="1:11" ht="13.7" customHeight="1">
      <c r="A1210" s="739" t="s">
        <v>652</v>
      </c>
      <c r="B1210" s="740"/>
      <c r="C1210" s="522" t="s">
        <v>242</v>
      </c>
      <c r="D1210" s="521">
        <v>1</v>
      </c>
      <c r="E1210" s="520"/>
      <c r="F1210" s="519"/>
      <c r="G1210" s="518" t="s">
        <v>651</v>
      </c>
      <c r="H1210" s="517"/>
      <c r="I1210" s="517"/>
      <c r="J1210" s="517"/>
      <c r="K1210" s="516"/>
    </row>
    <row r="1211" spans="1:11" ht="13.7" customHeight="1">
      <c r="A1211" s="741"/>
      <c r="B1211" s="742"/>
      <c r="C1211" s="515"/>
      <c r="D1211" s="514"/>
      <c r="E1211" s="513"/>
      <c r="F1211" s="512"/>
      <c r="G1211" s="511" t="s">
        <v>651</v>
      </c>
      <c r="H1211" s="510"/>
      <c r="I1211" s="510"/>
      <c r="J1211" s="510"/>
      <c r="K1211" s="509"/>
    </row>
    <row r="1212" spans="1:11" ht="13.7" customHeight="1">
      <c r="A1212" s="743" t="s">
        <v>651</v>
      </c>
      <c r="B1212" s="744"/>
      <c r="C1212" s="533"/>
      <c r="D1212" s="532"/>
      <c r="E1212" s="531"/>
      <c r="F1212" s="530"/>
      <c r="G1212" s="529" t="s">
        <v>651</v>
      </c>
      <c r="H1212" s="528"/>
      <c r="I1212" s="528"/>
      <c r="J1212" s="528"/>
      <c r="K1212" s="527"/>
    </row>
    <row r="1213" spans="1:11" ht="13.7" customHeight="1">
      <c r="A1213" s="745"/>
      <c r="B1213" s="740"/>
      <c r="C1213" s="526"/>
      <c r="D1213" s="525"/>
      <c r="E1213" s="524"/>
      <c r="F1213" s="523" t="s">
        <v>651</v>
      </c>
      <c r="G1213" s="518" t="s">
        <v>651</v>
      </c>
      <c r="H1213" s="517"/>
      <c r="I1213" s="517"/>
      <c r="J1213" s="517"/>
      <c r="K1213" s="516"/>
    </row>
    <row r="1214" spans="1:11" ht="13.7" customHeight="1">
      <c r="A1214" s="739" t="s">
        <v>681</v>
      </c>
      <c r="B1214" s="740"/>
      <c r="C1214" s="522" t="s">
        <v>242</v>
      </c>
      <c r="D1214" s="521">
        <v>1</v>
      </c>
      <c r="E1214" s="520" t="s">
        <v>1002</v>
      </c>
      <c r="F1214" s="519"/>
      <c r="G1214" s="518" t="s">
        <v>651</v>
      </c>
      <c r="H1214" s="517"/>
      <c r="I1214" s="517"/>
      <c r="J1214" s="517"/>
      <c r="K1214" s="516"/>
    </row>
    <row r="1215" spans="1:11" ht="13.7" customHeight="1">
      <c r="A1215" s="741"/>
      <c r="B1215" s="742"/>
      <c r="C1215" s="515"/>
      <c r="D1215" s="514"/>
      <c r="E1215" s="513"/>
      <c r="F1215" s="512"/>
      <c r="G1215" s="511" t="s">
        <v>651</v>
      </c>
      <c r="H1215" s="510"/>
      <c r="I1215" s="510"/>
      <c r="J1215" s="510"/>
      <c r="K1215" s="509"/>
    </row>
    <row r="1216" spans="1:11" ht="13.7" customHeight="1"/>
    <row r="1217" ht="13.7" customHeight="1"/>
    <row r="1218" ht="13.7" customHeight="1"/>
    <row r="1219" ht="13.7" customHeight="1"/>
    <row r="1220" ht="13.7" customHeight="1"/>
    <row r="1221" ht="13.7" customHeight="1"/>
    <row r="1222" ht="13.7" customHeight="1"/>
    <row r="1223" ht="13.7" customHeight="1"/>
    <row r="1224" ht="13.7" customHeight="1"/>
    <row r="1225" ht="13.7" customHeight="1"/>
    <row r="1226" ht="13.7" customHeight="1"/>
    <row r="1227" ht="13.7" customHeight="1"/>
    <row r="1228" ht="13.7" customHeight="1"/>
    <row r="1229" ht="13.7" customHeight="1"/>
    <row r="1230" ht="13.7" customHeight="1"/>
    <row r="1231" ht="13.7" customHeight="1"/>
    <row r="1232" ht="13.7" customHeight="1"/>
    <row r="1233" spans="1:11" ht="13.7" customHeight="1"/>
    <row r="1234" spans="1:11" ht="13.7" customHeight="1"/>
    <row r="1235" spans="1:11" ht="13.7" customHeight="1"/>
    <row r="1236" spans="1:11" ht="13.7" customHeight="1"/>
    <row r="1237" spans="1:11" ht="13.7" customHeight="1"/>
    <row r="1238" spans="1:11" ht="6.2" customHeight="1"/>
    <row r="1239" spans="1:11" ht="14.1" customHeight="1">
      <c r="A1239" s="543" t="s">
        <v>1399</v>
      </c>
      <c r="B1239" s="540" t="s">
        <v>1398</v>
      </c>
      <c r="C1239" s="540"/>
      <c r="D1239" s="540"/>
      <c r="E1239" s="540"/>
      <c r="F1239" s="540"/>
      <c r="G1239" s="542" t="s">
        <v>617</v>
      </c>
      <c r="H1239" s="541" t="s">
        <v>931</v>
      </c>
      <c r="I1239" s="540" t="s">
        <v>1007</v>
      </c>
      <c r="J1239" s="540"/>
      <c r="K1239" s="539"/>
    </row>
    <row r="1240" spans="1:11" ht="24" customHeight="1">
      <c r="A1240" s="538" t="s">
        <v>651</v>
      </c>
      <c r="B1240" s="537" t="s">
        <v>1397</v>
      </c>
      <c r="C1240" s="537"/>
      <c r="D1240" s="537"/>
      <c r="E1240" s="537"/>
      <c r="F1240" s="537"/>
      <c r="G1240" s="751">
        <v>1</v>
      </c>
      <c r="H1240" s="751"/>
      <c r="I1240" s="751"/>
      <c r="J1240" s="536" t="s">
        <v>242</v>
      </c>
      <c r="K1240" s="535" t="s">
        <v>618</v>
      </c>
    </row>
    <row r="1241" spans="1:11" ht="17.100000000000001" customHeight="1">
      <c r="A1241" s="746" t="s">
        <v>1006</v>
      </c>
      <c r="B1241" s="747"/>
      <c r="C1241" s="534" t="s">
        <v>309</v>
      </c>
      <c r="D1241" s="534" t="s">
        <v>619</v>
      </c>
      <c r="E1241" s="534" t="s">
        <v>620</v>
      </c>
      <c r="F1241" s="534" t="s">
        <v>659</v>
      </c>
      <c r="G1241" s="748" t="s">
        <v>1005</v>
      </c>
      <c r="H1241" s="749"/>
      <c r="I1241" s="749"/>
      <c r="J1241" s="749"/>
      <c r="K1241" s="750"/>
    </row>
    <row r="1242" spans="1:11" ht="13.7" customHeight="1">
      <c r="A1242" s="743" t="s">
        <v>1398</v>
      </c>
      <c r="B1242" s="744"/>
      <c r="C1242" s="533"/>
      <c r="D1242" s="532"/>
      <c r="E1242" s="531"/>
      <c r="F1242" s="530"/>
      <c r="G1242" s="529" t="s">
        <v>651</v>
      </c>
      <c r="H1242" s="528"/>
      <c r="I1242" s="528"/>
      <c r="J1242" s="528"/>
      <c r="K1242" s="527"/>
    </row>
    <row r="1243" spans="1:11" ht="13.7" customHeight="1">
      <c r="A1243" s="745"/>
      <c r="B1243" s="740"/>
      <c r="C1243" s="526"/>
      <c r="D1243" s="525"/>
      <c r="E1243" s="524"/>
      <c r="F1243" s="523" t="s">
        <v>651</v>
      </c>
      <c r="G1243" s="518" t="s">
        <v>651</v>
      </c>
      <c r="H1243" s="517"/>
      <c r="I1243" s="517"/>
      <c r="J1243" s="517"/>
      <c r="K1243" s="516"/>
    </row>
    <row r="1244" spans="1:11" ht="13.7" customHeight="1">
      <c r="A1244" s="739" t="s">
        <v>1412</v>
      </c>
      <c r="B1244" s="740"/>
      <c r="C1244" s="522" t="s">
        <v>234</v>
      </c>
      <c r="D1244" s="521">
        <v>1</v>
      </c>
      <c r="E1244" s="520"/>
      <c r="F1244" s="519"/>
      <c r="G1244" s="518" t="s">
        <v>651</v>
      </c>
      <c r="H1244" s="517"/>
      <c r="I1244" s="517"/>
      <c r="J1244" s="517"/>
      <c r="K1244" s="516"/>
    </row>
    <row r="1245" spans="1:11" ht="13.7" customHeight="1">
      <c r="A1245" s="741"/>
      <c r="B1245" s="742"/>
      <c r="C1245" s="515"/>
      <c r="D1245" s="514"/>
      <c r="E1245" s="513"/>
      <c r="F1245" s="512"/>
      <c r="G1245" s="511" t="s">
        <v>651</v>
      </c>
      <c r="H1245" s="510"/>
      <c r="I1245" s="510"/>
      <c r="J1245" s="510"/>
      <c r="K1245" s="509"/>
    </row>
    <row r="1246" spans="1:11" ht="13.7" customHeight="1">
      <c r="A1246" s="743" t="s">
        <v>1411</v>
      </c>
      <c r="B1246" s="744"/>
      <c r="C1246" s="533"/>
      <c r="D1246" s="532"/>
      <c r="E1246" s="531"/>
      <c r="F1246" s="530"/>
      <c r="G1246" s="529" t="s">
        <v>651</v>
      </c>
      <c r="H1246" s="528"/>
      <c r="I1246" s="528"/>
      <c r="J1246" s="528"/>
      <c r="K1246" s="527"/>
    </row>
    <row r="1247" spans="1:11" ht="13.7" customHeight="1">
      <c r="A1247" s="745"/>
      <c r="B1247" s="740"/>
      <c r="C1247" s="526"/>
      <c r="D1247" s="525"/>
      <c r="E1247" s="524"/>
      <c r="F1247" s="523" t="s">
        <v>651</v>
      </c>
      <c r="G1247" s="518" t="s">
        <v>651</v>
      </c>
      <c r="H1247" s="517"/>
      <c r="I1247" s="517"/>
      <c r="J1247" s="517"/>
      <c r="K1247" s="516"/>
    </row>
    <row r="1248" spans="1:11" ht="13.7" customHeight="1">
      <c r="A1248" s="739" t="s">
        <v>1410</v>
      </c>
      <c r="B1248" s="740"/>
      <c r="C1248" s="522" t="s">
        <v>1409</v>
      </c>
      <c r="D1248" s="521">
        <v>3</v>
      </c>
      <c r="E1248" s="520"/>
      <c r="F1248" s="519"/>
      <c r="G1248" s="518" t="s">
        <v>651</v>
      </c>
      <c r="H1248" s="517"/>
      <c r="I1248" s="517"/>
      <c r="J1248" s="517"/>
      <c r="K1248" s="516"/>
    </row>
    <row r="1249" spans="1:11" ht="13.7" customHeight="1">
      <c r="A1249" s="741"/>
      <c r="B1249" s="742"/>
      <c r="C1249" s="515"/>
      <c r="D1249" s="514"/>
      <c r="E1249" s="513"/>
      <c r="F1249" s="512"/>
      <c r="G1249" s="511" t="s">
        <v>651</v>
      </c>
      <c r="H1249" s="510"/>
      <c r="I1249" s="510"/>
      <c r="J1249" s="510"/>
      <c r="K1249" s="509"/>
    </row>
    <row r="1250" spans="1:11" ht="13.7" customHeight="1">
      <c r="A1250" s="743" t="s">
        <v>1407</v>
      </c>
      <c r="B1250" s="744"/>
      <c r="C1250" s="533"/>
      <c r="D1250" s="532"/>
      <c r="E1250" s="531"/>
      <c r="F1250" s="530"/>
      <c r="G1250" s="529" t="s">
        <v>651</v>
      </c>
      <c r="H1250" s="528"/>
      <c r="I1250" s="528"/>
      <c r="J1250" s="528"/>
      <c r="K1250" s="527"/>
    </row>
    <row r="1251" spans="1:11" ht="13.7" customHeight="1">
      <c r="A1251" s="745"/>
      <c r="B1251" s="740"/>
      <c r="C1251" s="526"/>
      <c r="D1251" s="525"/>
      <c r="E1251" s="524"/>
      <c r="F1251" s="523" t="s">
        <v>651</v>
      </c>
      <c r="G1251" s="518" t="s">
        <v>651</v>
      </c>
      <c r="H1251" s="517"/>
      <c r="I1251" s="517"/>
      <c r="J1251" s="517"/>
      <c r="K1251" s="516"/>
    </row>
    <row r="1252" spans="1:11" ht="13.7" customHeight="1">
      <c r="A1252" s="739" t="s">
        <v>1408</v>
      </c>
      <c r="B1252" s="740"/>
      <c r="C1252" s="522" t="s">
        <v>1393</v>
      </c>
      <c r="D1252" s="521">
        <v>1</v>
      </c>
      <c r="E1252" s="520"/>
      <c r="F1252" s="519"/>
      <c r="G1252" s="518" t="s">
        <v>651</v>
      </c>
      <c r="H1252" s="517"/>
      <c r="I1252" s="517"/>
      <c r="J1252" s="517"/>
      <c r="K1252" s="516"/>
    </row>
    <row r="1253" spans="1:11" ht="13.7" customHeight="1">
      <c r="A1253" s="741"/>
      <c r="B1253" s="742"/>
      <c r="C1253" s="515"/>
      <c r="D1253" s="514"/>
      <c r="E1253" s="513"/>
      <c r="F1253" s="512"/>
      <c r="G1253" s="511" t="s">
        <v>651</v>
      </c>
      <c r="H1253" s="510"/>
      <c r="I1253" s="510"/>
      <c r="J1253" s="510"/>
      <c r="K1253" s="509"/>
    </row>
    <row r="1254" spans="1:11" ht="13.7" customHeight="1">
      <c r="A1254" s="743" t="s">
        <v>1407</v>
      </c>
      <c r="B1254" s="744"/>
      <c r="C1254" s="533"/>
      <c r="D1254" s="532"/>
      <c r="E1254" s="531"/>
      <c r="F1254" s="530"/>
      <c r="G1254" s="529" t="s">
        <v>651</v>
      </c>
      <c r="H1254" s="528"/>
      <c r="I1254" s="528"/>
      <c r="J1254" s="528"/>
      <c r="K1254" s="527"/>
    </row>
    <row r="1255" spans="1:11" ht="13.7" customHeight="1">
      <c r="A1255" s="745"/>
      <c r="B1255" s="740"/>
      <c r="C1255" s="526"/>
      <c r="D1255" s="525"/>
      <c r="E1255" s="524"/>
      <c r="F1255" s="523" t="s">
        <v>651</v>
      </c>
      <c r="G1255" s="518" t="s">
        <v>651</v>
      </c>
      <c r="H1255" s="517"/>
      <c r="I1255" s="517"/>
      <c r="J1255" s="517"/>
      <c r="K1255" s="516"/>
    </row>
    <row r="1256" spans="1:11" ht="13.7" customHeight="1">
      <c r="A1256" s="739" t="s">
        <v>1406</v>
      </c>
      <c r="B1256" s="740"/>
      <c r="C1256" s="522" t="s">
        <v>1393</v>
      </c>
      <c r="D1256" s="521">
        <v>1</v>
      </c>
      <c r="E1256" s="520"/>
      <c r="F1256" s="519"/>
      <c r="G1256" s="518" t="s">
        <v>651</v>
      </c>
      <c r="H1256" s="517"/>
      <c r="I1256" s="517"/>
      <c r="J1256" s="517"/>
      <c r="K1256" s="516"/>
    </row>
    <row r="1257" spans="1:11" ht="13.7" customHeight="1">
      <c r="A1257" s="741"/>
      <c r="B1257" s="742"/>
      <c r="C1257" s="515"/>
      <c r="D1257" s="514"/>
      <c r="E1257" s="513"/>
      <c r="F1257" s="512"/>
      <c r="G1257" s="511" t="s">
        <v>651</v>
      </c>
      <c r="H1257" s="510"/>
      <c r="I1257" s="510"/>
      <c r="J1257" s="510"/>
      <c r="K1257" s="509"/>
    </row>
    <row r="1258" spans="1:11" ht="13.7" customHeight="1">
      <c r="A1258" s="743" t="s">
        <v>1405</v>
      </c>
      <c r="B1258" s="744"/>
      <c r="C1258" s="533"/>
      <c r="D1258" s="532"/>
      <c r="E1258" s="531"/>
      <c r="F1258" s="530"/>
      <c r="G1258" s="529" t="s">
        <v>651</v>
      </c>
      <c r="H1258" s="528"/>
      <c r="I1258" s="528"/>
      <c r="J1258" s="528"/>
      <c r="K1258" s="527"/>
    </row>
    <row r="1259" spans="1:11" ht="13.7" customHeight="1">
      <c r="A1259" s="745"/>
      <c r="B1259" s="740"/>
      <c r="C1259" s="526"/>
      <c r="D1259" s="525"/>
      <c r="E1259" s="524"/>
      <c r="F1259" s="523" t="s">
        <v>651</v>
      </c>
      <c r="G1259" s="518" t="s">
        <v>651</v>
      </c>
      <c r="H1259" s="517"/>
      <c r="I1259" s="517"/>
      <c r="J1259" s="517"/>
      <c r="K1259" s="516"/>
    </row>
    <row r="1260" spans="1:11" ht="13.7" customHeight="1">
      <c r="A1260" s="739" t="s">
        <v>1404</v>
      </c>
      <c r="B1260" s="740"/>
      <c r="C1260" s="522" t="s">
        <v>242</v>
      </c>
      <c r="D1260" s="521">
        <v>1</v>
      </c>
      <c r="E1260" s="520"/>
      <c r="F1260" s="519"/>
      <c r="G1260" s="518" t="s">
        <v>651</v>
      </c>
      <c r="H1260" s="517"/>
      <c r="I1260" s="517"/>
      <c r="J1260" s="517"/>
      <c r="K1260" s="516"/>
    </row>
    <row r="1261" spans="1:11" ht="13.7" customHeight="1">
      <c r="A1261" s="741"/>
      <c r="B1261" s="742"/>
      <c r="C1261" s="515"/>
      <c r="D1261" s="514"/>
      <c r="E1261" s="513"/>
      <c r="F1261" s="512"/>
      <c r="G1261" s="511" t="s">
        <v>651</v>
      </c>
      <c r="H1261" s="510"/>
      <c r="I1261" s="510"/>
      <c r="J1261" s="510"/>
      <c r="K1261" s="509"/>
    </row>
    <row r="1262" spans="1:11" ht="13.7" customHeight="1">
      <c r="A1262" s="743" t="s">
        <v>1403</v>
      </c>
      <c r="B1262" s="744"/>
      <c r="C1262" s="533"/>
      <c r="D1262" s="532"/>
      <c r="E1262" s="531"/>
      <c r="F1262" s="530"/>
      <c r="G1262" s="529" t="s">
        <v>651</v>
      </c>
      <c r="H1262" s="528"/>
      <c r="I1262" s="528"/>
      <c r="J1262" s="528"/>
      <c r="K1262" s="527"/>
    </row>
    <row r="1263" spans="1:11" ht="13.7" customHeight="1">
      <c r="A1263" s="745"/>
      <c r="B1263" s="740"/>
      <c r="C1263" s="526"/>
      <c r="D1263" s="525"/>
      <c r="E1263" s="524"/>
      <c r="F1263" s="523" t="s">
        <v>651</v>
      </c>
      <c r="G1263" s="518" t="s">
        <v>651</v>
      </c>
      <c r="H1263" s="517"/>
      <c r="I1263" s="517"/>
      <c r="J1263" s="517"/>
      <c r="K1263" s="516"/>
    </row>
    <row r="1264" spans="1:11" ht="13.7" customHeight="1">
      <c r="A1264" s="739" t="s">
        <v>651</v>
      </c>
      <c r="B1264" s="740"/>
      <c r="C1264" s="522" t="s">
        <v>242</v>
      </c>
      <c r="D1264" s="521">
        <v>1</v>
      </c>
      <c r="E1264" s="520"/>
      <c r="F1264" s="519"/>
      <c r="G1264" s="518" t="s">
        <v>651</v>
      </c>
      <c r="H1264" s="517"/>
      <c r="I1264" s="517"/>
      <c r="J1264" s="517"/>
      <c r="K1264" s="516"/>
    </row>
    <row r="1265" spans="1:11" ht="13.7" customHeight="1">
      <c r="A1265" s="741"/>
      <c r="B1265" s="742"/>
      <c r="C1265" s="515"/>
      <c r="D1265" s="514"/>
      <c r="E1265" s="513"/>
      <c r="F1265" s="512"/>
      <c r="G1265" s="511" t="s">
        <v>651</v>
      </c>
      <c r="H1265" s="510"/>
      <c r="I1265" s="510"/>
      <c r="J1265" s="510"/>
      <c r="K1265" s="509"/>
    </row>
    <row r="1266" spans="1:11" ht="13.7" customHeight="1">
      <c r="A1266" s="743" t="s">
        <v>1402</v>
      </c>
      <c r="B1266" s="744"/>
      <c r="C1266" s="533"/>
      <c r="D1266" s="532"/>
      <c r="E1266" s="531"/>
      <c r="F1266" s="530"/>
      <c r="G1266" s="529" t="s">
        <v>651</v>
      </c>
      <c r="H1266" s="528"/>
      <c r="I1266" s="528"/>
      <c r="J1266" s="528"/>
      <c r="K1266" s="527"/>
    </row>
    <row r="1267" spans="1:11" ht="13.7" customHeight="1">
      <c r="A1267" s="745"/>
      <c r="B1267" s="740"/>
      <c r="C1267" s="526"/>
      <c r="D1267" s="525"/>
      <c r="E1267" s="524"/>
      <c r="F1267" s="523" t="s">
        <v>651</v>
      </c>
      <c r="G1267" s="518" t="s">
        <v>651</v>
      </c>
      <c r="H1267" s="517"/>
      <c r="I1267" s="517"/>
      <c r="J1267" s="517"/>
      <c r="K1267" s="516"/>
    </row>
    <row r="1268" spans="1:11" ht="13.7" customHeight="1">
      <c r="A1268" s="739" t="s">
        <v>1401</v>
      </c>
      <c r="B1268" s="740"/>
      <c r="C1268" s="522" t="s">
        <v>242</v>
      </c>
      <c r="D1268" s="521">
        <v>1</v>
      </c>
      <c r="E1268" s="520"/>
      <c r="F1268" s="519"/>
      <c r="G1268" s="518" t="s">
        <v>651</v>
      </c>
      <c r="H1268" s="517"/>
      <c r="I1268" s="517"/>
      <c r="J1268" s="517"/>
      <c r="K1268" s="516"/>
    </row>
    <row r="1269" spans="1:11" ht="13.7" customHeight="1">
      <c r="A1269" s="741"/>
      <c r="B1269" s="742"/>
      <c r="C1269" s="515"/>
      <c r="D1269" s="514"/>
      <c r="E1269" s="513"/>
      <c r="F1269" s="512"/>
      <c r="G1269" s="511" t="s">
        <v>651</v>
      </c>
      <c r="H1269" s="510"/>
      <c r="I1269" s="510"/>
      <c r="J1269" s="510"/>
      <c r="K1269" s="509"/>
    </row>
    <row r="1270" spans="1:11" ht="13.7" customHeight="1">
      <c r="A1270" s="743" t="s">
        <v>1400</v>
      </c>
      <c r="B1270" s="744"/>
      <c r="C1270" s="533"/>
      <c r="D1270" s="532"/>
      <c r="E1270" s="531"/>
      <c r="F1270" s="530"/>
      <c r="G1270" s="529" t="s">
        <v>651</v>
      </c>
      <c r="H1270" s="528"/>
      <c r="I1270" s="528"/>
      <c r="J1270" s="528"/>
      <c r="K1270" s="527"/>
    </row>
    <row r="1271" spans="1:11" ht="13.7" customHeight="1">
      <c r="A1271" s="745"/>
      <c r="B1271" s="740"/>
      <c r="C1271" s="526"/>
      <c r="D1271" s="525"/>
      <c r="E1271" s="524"/>
      <c r="F1271" s="523" t="s">
        <v>651</v>
      </c>
      <c r="G1271" s="518" t="s">
        <v>651</v>
      </c>
      <c r="H1271" s="517"/>
      <c r="I1271" s="517"/>
      <c r="J1271" s="517"/>
      <c r="K1271" s="516"/>
    </row>
    <row r="1272" spans="1:11" ht="13.7" customHeight="1">
      <c r="A1272" s="739" t="s">
        <v>651</v>
      </c>
      <c r="B1272" s="740"/>
      <c r="C1272" s="522" t="s">
        <v>242</v>
      </c>
      <c r="D1272" s="521">
        <v>1</v>
      </c>
      <c r="E1272" s="520"/>
      <c r="F1272" s="519"/>
      <c r="G1272" s="518" t="s">
        <v>651</v>
      </c>
      <c r="H1272" s="517"/>
      <c r="I1272" s="517"/>
      <c r="J1272" s="517"/>
      <c r="K1272" s="516"/>
    </row>
    <row r="1273" spans="1:11" ht="13.7" customHeight="1">
      <c r="A1273" s="741"/>
      <c r="B1273" s="742"/>
      <c r="C1273" s="515"/>
      <c r="D1273" s="514"/>
      <c r="E1273" s="513"/>
      <c r="F1273" s="512"/>
      <c r="G1273" s="511" t="s">
        <v>651</v>
      </c>
      <c r="H1273" s="510"/>
      <c r="I1273" s="510"/>
      <c r="J1273" s="510"/>
      <c r="K1273" s="509"/>
    </row>
    <row r="1274" spans="1:11" ht="13.7" customHeight="1"/>
    <row r="1275" spans="1:11" ht="13.7" customHeight="1"/>
    <row r="1276" spans="1:11" ht="6.2" customHeight="1"/>
    <row r="1277" spans="1:11" ht="14.1" customHeight="1">
      <c r="A1277" s="543" t="s">
        <v>1399</v>
      </c>
      <c r="B1277" s="540" t="s">
        <v>1398</v>
      </c>
      <c r="C1277" s="540"/>
      <c r="D1277" s="540"/>
      <c r="E1277" s="540"/>
      <c r="F1277" s="540"/>
      <c r="G1277" s="542" t="s">
        <v>617</v>
      </c>
      <c r="H1277" s="541" t="s">
        <v>931</v>
      </c>
      <c r="I1277" s="540" t="s">
        <v>1007</v>
      </c>
      <c r="J1277" s="540"/>
      <c r="K1277" s="539"/>
    </row>
    <row r="1278" spans="1:11" ht="24" customHeight="1">
      <c r="A1278" s="538" t="s">
        <v>651</v>
      </c>
      <c r="B1278" s="537" t="s">
        <v>1397</v>
      </c>
      <c r="C1278" s="537"/>
      <c r="D1278" s="537"/>
      <c r="E1278" s="537"/>
      <c r="F1278" s="537"/>
      <c r="G1278" s="751">
        <v>1</v>
      </c>
      <c r="H1278" s="751"/>
      <c r="I1278" s="751"/>
      <c r="J1278" s="536" t="s">
        <v>242</v>
      </c>
      <c r="K1278" s="535" t="s">
        <v>618</v>
      </c>
    </row>
    <row r="1279" spans="1:11" ht="17.100000000000001" customHeight="1">
      <c r="A1279" s="746" t="s">
        <v>1006</v>
      </c>
      <c r="B1279" s="747"/>
      <c r="C1279" s="534" t="s">
        <v>309</v>
      </c>
      <c r="D1279" s="534" t="s">
        <v>619</v>
      </c>
      <c r="E1279" s="534" t="s">
        <v>620</v>
      </c>
      <c r="F1279" s="534" t="s">
        <v>659</v>
      </c>
      <c r="G1279" s="748" t="s">
        <v>1005</v>
      </c>
      <c r="H1279" s="749"/>
      <c r="I1279" s="749"/>
      <c r="J1279" s="749"/>
      <c r="K1279" s="750"/>
    </row>
    <row r="1280" spans="1:11" ht="13.7" customHeight="1">
      <c r="A1280" s="743" t="s">
        <v>1396</v>
      </c>
      <c r="B1280" s="744"/>
      <c r="C1280" s="533"/>
      <c r="D1280" s="532"/>
      <c r="E1280" s="531"/>
      <c r="F1280" s="530"/>
      <c r="G1280" s="529" t="s">
        <v>651</v>
      </c>
      <c r="H1280" s="528"/>
      <c r="I1280" s="528"/>
      <c r="J1280" s="528"/>
      <c r="K1280" s="527"/>
    </row>
    <row r="1281" spans="1:11" ht="13.7" customHeight="1">
      <c r="A1281" s="745"/>
      <c r="B1281" s="740"/>
      <c r="C1281" s="526"/>
      <c r="D1281" s="525"/>
      <c r="E1281" s="524"/>
      <c r="F1281" s="523" t="s">
        <v>651</v>
      </c>
      <c r="G1281" s="518" t="s">
        <v>651</v>
      </c>
      <c r="H1281" s="517"/>
      <c r="I1281" s="517"/>
      <c r="J1281" s="517"/>
      <c r="K1281" s="516"/>
    </row>
    <row r="1282" spans="1:11" ht="13.7" customHeight="1">
      <c r="A1282" s="739" t="s">
        <v>1395</v>
      </c>
      <c r="B1282" s="740"/>
      <c r="C1282" s="522" t="s">
        <v>242</v>
      </c>
      <c r="D1282" s="521">
        <v>1</v>
      </c>
      <c r="E1282" s="520"/>
      <c r="F1282" s="519"/>
      <c r="G1282" s="518" t="s">
        <v>651</v>
      </c>
      <c r="H1282" s="517"/>
      <c r="I1282" s="517"/>
      <c r="J1282" s="517"/>
      <c r="K1282" s="516"/>
    </row>
    <row r="1283" spans="1:11" ht="13.7" customHeight="1">
      <c r="A1283" s="741"/>
      <c r="B1283" s="742"/>
      <c r="C1283" s="515"/>
      <c r="D1283" s="514"/>
      <c r="E1283" s="513"/>
      <c r="F1283" s="512"/>
      <c r="G1283" s="511" t="s">
        <v>651</v>
      </c>
      <c r="H1283" s="510"/>
      <c r="I1283" s="510"/>
      <c r="J1283" s="510"/>
      <c r="K1283" s="509"/>
    </row>
    <row r="1284" spans="1:11" ht="13.7" customHeight="1">
      <c r="A1284" s="743" t="s">
        <v>1394</v>
      </c>
      <c r="B1284" s="744"/>
      <c r="C1284" s="533"/>
      <c r="D1284" s="532"/>
      <c r="E1284" s="531"/>
      <c r="F1284" s="530"/>
      <c r="G1284" s="529" t="s">
        <v>651</v>
      </c>
      <c r="H1284" s="528"/>
      <c r="I1284" s="528"/>
      <c r="J1284" s="528"/>
      <c r="K1284" s="527"/>
    </row>
    <row r="1285" spans="1:11" ht="13.7" customHeight="1">
      <c r="A1285" s="745"/>
      <c r="B1285" s="740"/>
      <c r="C1285" s="526"/>
      <c r="D1285" s="525"/>
      <c r="E1285" s="524"/>
      <c r="F1285" s="523" t="s">
        <v>651</v>
      </c>
      <c r="G1285" s="518" t="s">
        <v>651</v>
      </c>
      <c r="H1285" s="517"/>
      <c r="I1285" s="517"/>
      <c r="J1285" s="517"/>
      <c r="K1285" s="516"/>
    </row>
    <row r="1286" spans="1:11" ht="13.7" customHeight="1">
      <c r="A1286" s="739" t="s">
        <v>651</v>
      </c>
      <c r="B1286" s="740"/>
      <c r="C1286" s="522" t="s">
        <v>1393</v>
      </c>
      <c r="D1286" s="521">
        <v>1</v>
      </c>
      <c r="E1286" s="520"/>
      <c r="F1286" s="519"/>
      <c r="G1286" s="518" t="s">
        <v>651</v>
      </c>
      <c r="H1286" s="517"/>
      <c r="I1286" s="517"/>
      <c r="J1286" s="517"/>
      <c r="K1286" s="516"/>
    </row>
    <row r="1287" spans="1:11" ht="13.7" customHeight="1">
      <c r="A1287" s="741"/>
      <c r="B1287" s="742"/>
      <c r="C1287" s="515"/>
      <c r="D1287" s="514"/>
      <c r="E1287" s="513"/>
      <c r="F1287" s="512"/>
      <c r="G1287" s="511" t="s">
        <v>651</v>
      </c>
      <c r="H1287" s="510"/>
      <c r="I1287" s="510"/>
      <c r="J1287" s="510"/>
      <c r="K1287" s="509"/>
    </row>
    <row r="1288" spans="1:11" ht="13.7" customHeight="1">
      <c r="A1288" s="743" t="s">
        <v>651</v>
      </c>
      <c r="B1288" s="744"/>
      <c r="C1288" s="533"/>
      <c r="D1288" s="532"/>
      <c r="E1288" s="531"/>
      <c r="F1288" s="530"/>
      <c r="G1288" s="529" t="s">
        <v>651</v>
      </c>
      <c r="H1288" s="528"/>
      <c r="I1288" s="528"/>
      <c r="J1288" s="528"/>
      <c r="K1288" s="527"/>
    </row>
    <row r="1289" spans="1:11" ht="13.7" customHeight="1">
      <c r="A1289" s="745"/>
      <c r="B1289" s="740"/>
      <c r="C1289" s="526"/>
      <c r="D1289" s="525"/>
      <c r="E1289" s="524"/>
      <c r="F1289" s="523" t="s">
        <v>651</v>
      </c>
      <c r="G1289" s="518" t="s">
        <v>651</v>
      </c>
      <c r="H1289" s="517"/>
      <c r="I1289" s="517"/>
      <c r="J1289" s="517"/>
      <c r="K1289" s="516"/>
    </row>
    <row r="1290" spans="1:11" ht="13.7" customHeight="1">
      <c r="A1290" s="739" t="s">
        <v>652</v>
      </c>
      <c r="B1290" s="740"/>
      <c r="C1290" s="522" t="s">
        <v>242</v>
      </c>
      <c r="D1290" s="521">
        <v>1</v>
      </c>
      <c r="E1290" s="520"/>
      <c r="F1290" s="519"/>
      <c r="G1290" s="518" t="s">
        <v>651</v>
      </c>
      <c r="H1290" s="517"/>
      <c r="I1290" s="517"/>
      <c r="J1290" s="517"/>
      <c r="K1290" s="516"/>
    </row>
    <row r="1291" spans="1:11" ht="13.7" customHeight="1">
      <c r="A1291" s="741"/>
      <c r="B1291" s="742"/>
      <c r="C1291" s="515"/>
      <c r="D1291" s="514"/>
      <c r="E1291" s="513"/>
      <c r="F1291" s="512"/>
      <c r="G1291" s="511" t="s">
        <v>651</v>
      </c>
      <c r="H1291" s="510"/>
      <c r="I1291" s="510"/>
      <c r="J1291" s="510"/>
      <c r="K1291" s="509"/>
    </row>
    <row r="1292" spans="1:11" ht="13.7" customHeight="1">
      <c r="A1292" s="743" t="s">
        <v>651</v>
      </c>
      <c r="B1292" s="744"/>
      <c r="C1292" s="533"/>
      <c r="D1292" s="532"/>
      <c r="E1292" s="531"/>
      <c r="F1292" s="530"/>
      <c r="G1292" s="529" t="s">
        <v>651</v>
      </c>
      <c r="H1292" s="528"/>
      <c r="I1292" s="528"/>
      <c r="J1292" s="528"/>
      <c r="K1292" s="527"/>
    </row>
    <row r="1293" spans="1:11" ht="13.7" customHeight="1">
      <c r="A1293" s="745"/>
      <c r="B1293" s="740"/>
      <c r="C1293" s="526"/>
      <c r="D1293" s="525"/>
      <c r="E1293" s="524"/>
      <c r="F1293" s="523" t="s">
        <v>651</v>
      </c>
      <c r="G1293" s="518" t="s">
        <v>651</v>
      </c>
      <c r="H1293" s="517"/>
      <c r="I1293" s="517"/>
      <c r="J1293" s="517"/>
      <c r="K1293" s="516"/>
    </row>
    <row r="1294" spans="1:11" ht="13.7" customHeight="1">
      <c r="A1294" s="739" t="s">
        <v>681</v>
      </c>
      <c r="B1294" s="740"/>
      <c r="C1294" s="522" t="s">
        <v>242</v>
      </c>
      <c r="D1294" s="521">
        <v>1</v>
      </c>
      <c r="E1294" s="520" t="s">
        <v>1002</v>
      </c>
      <c r="F1294" s="519"/>
      <c r="G1294" s="518" t="s">
        <v>651</v>
      </c>
      <c r="H1294" s="517"/>
      <c r="I1294" s="517"/>
      <c r="J1294" s="517"/>
      <c r="K1294" s="516"/>
    </row>
    <row r="1295" spans="1:11" ht="13.7" customHeight="1">
      <c r="A1295" s="741"/>
      <c r="B1295" s="742"/>
      <c r="C1295" s="515"/>
      <c r="D1295" s="514"/>
      <c r="E1295" s="513"/>
      <c r="F1295" s="512"/>
      <c r="G1295" s="511" t="s">
        <v>651</v>
      </c>
      <c r="H1295" s="510"/>
      <c r="I1295" s="510"/>
      <c r="J1295" s="510"/>
      <c r="K1295" s="509"/>
    </row>
    <row r="1296" spans="1:11" ht="13.7" customHeight="1"/>
    <row r="1297" ht="13.7" customHeight="1"/>
    <row r="1298" ht="13.7" customHeight="1"/>
    <row r="1299" ht="13.7" customHeight="1"/>
    <row r="1300" ht="13.7" customHeight="1"/>
    <row r="1301" ht="13.7" customHeight="1"/>
    <row r="1302" ht="13.7" customHeight="1"/>
    <row r="1303" ht="13.7" customHeight="1"/>
    <row r="1304" ht="13.7" customHeight="1"/>
    <row r="1305" ht="13.7" customHeight="1"/>
    <row r="1306" ht="13.7" customHeight="1"/>
    <row r="1307" ht="13.7" customHeight="1"/>
    <row r="1308" ht="13.7" customHeight="1"/>
    <row r="1309" ht="13.7" customHeight="1"/>
    <row r="1310" ht="13.7" customHeight="1"/>
    <row r="1311" ht="13.7" customHeight="1"/>
    <row r="1312" ht="13.7" customHeight="1"/>
    <row r="1313" spans="1:11" ht="13.7" customHeight="1"/>
    <row r="1314" spans="1:11" ht="6.2" customHeight="1"/>
    <row r="1315" spans="1:11" ht="14.1" customHeight="1">
      <c r="A1315" s="543" t="s">
        <v>1378</v>
      </c>
      <c r="B1315" s="540" t="s">
        <v>1377</v>
      </c>
      <c r="C1315" s="540"/>
      <c r="D1315" s="540"/>
      <c r="E1315" s="540"/>
      <c r="F1315" s="540"/>
      <c r="G1315" s="542" t="s">
        <v>617</v>
      </c>
      <c r="H1315" s="541" t="s">
        <v>929</v>
      </c>
      <c r="I1315" s="540" t="s">
        <v>1007</v>
      </c>
      <c r="J1315" s="540"/>
      <c r="K1315" s="539"/>
    </row>
    <row r="1316" spans="1:11" ht="24" customHeight="1">
      <c r="A1316" s="538" t="s">
        <v>651</v>
      </c>
      <c r="B1316" s="537" t="s">
        <v>651</v>
      </c>
      <c r="C1316" s="537"/>
      <c r="D1316" s="537"/>
      <c r="E1316" s="537"/>
      <c r="F1316" s="537"/>
      <c r="G1316" s="751">
        <v>1</v>
      </c>
      <c r="H1316" s="751"/>
      <c r="I1316" s="751"/>
      <c r="J1316" s="536" t="s">
        <v>242</v>
      </c>
      <c r="K1316" s="535" t="s">
        <v>618</v>
      </c>
    </row>
    <row r="1317" spans="1:11" ht="17.100000000000001" customHeight="1">
      <c r="A1317" s="746" t="s">
        <v>1006</v>
      </c>
      <c r="B1317" s="747"/>
      <c r="C1317" s="534" t="s">
        <v>309</v>
      </c>
      <c r="D1317" s="534" t="s">
        <v>619</v>
      </c>
      <c r="E1317" s="534" t="s">
        <v>620</v>
      </c>
      <c r="F1317" s="534" t="s">
        <v>659</v>
      </c>
      <c r="G1317" s="748" t="s">
        <v>1005</v>
      </c>
      <c r="H1317" s="749"/>
      <c r="I1317" s="749"/>
      <c r="J1317" s="749"/>
      <c r="K1317" s="750"/>
    </row>
    <row r="1318" spans="1:11" ht="13.7" customHeight="1">
      <c r="A1318" s="743" t="s">
        <v>1376</v>
      </c>
      <c r="B1318" s="744"/>
      <c r="C1318" s="533"/>
      <c r="D1318" s="532"/>
      <c r="E1318" s="531"/>
      <c r="F1318" s="530"/>
      <c r="G1318" s="529" t="s">
        <v>1392</v>
      </c>
      <c r="H1318" s="528"/>
      <c r="I1318" s="528"/>
      <c r="J1318" s="528"/>
      <c r="K1318" s="527"/>
    </row>
    <row r="1319" spans="1:11" ht="13.7" customHeight="1">
      <c r="A1319" s="745"/>
      <c r="B1319" s="740"/>
      <c r="C1319" s="526"/>
      <c r="D1319" s="525"/>
      <c r="E1319" s="524"/>
      <c r="F1319" s="523" t="s">
        <v>651</v>
      </c>
      <c r="G1319" s="518" t="s">
        <v>651</v>
      </c>
      <c r="H1319" s="517"/>
      <c r="I1319" s="517"/>
      <c r="J1319" s="517"/>
      <c r="K1319" s="516"/>
    </row>
    <row r="1320" spans="1:11" ht="13.7" customHeight="1">
      <c r="A1320" s="739" t="s">
        <v>1374</v>
      </c>
      <c r="B1320" s="740"/>
      <c r="C1320" s="522" t="s">
        <v>193</v>
      </c>
      <c r="D1320" s="521">
        <v>17</v>
      </c>
      <c r="E1320" s="520"/>
      <c r="F1320" s="519"/>
      <c r="G1320" s="518" t="s">
        <v>651</v>
      </c>
      <c r="H1320" s="517"/>
      <c r="I1320" s="517"/>
      <c r="J1320" s="517"/>
      <c r="K1320" s="516"/>
    </row>
    <row r="1321" spans="1:11" ht="13.7" customHeight="1">
      <c r="A1321" s="741"/>
      <c r="B1321" s="742"/>
      <c r="C1321" s="515"/>
      <c r="D1321" s="514"/>
      <c r="E1321" s="513"/>
      <c r="F1321" s="512"/>
      <c r="G1321" s="511" t="s">
        <v>651</v>
      </c>
      <c r="H1321" s="510"/>
      <c r="I1321" s="510"/>
      <c r="J1321" s="510"/>
      <c r="K1321" s="509"/>
    </row>
    <row r="1322" spans="1:11" ht="13.7" customHeight="1">
      <c r="A1322" s="743" t="s">
        <v>1391</v>
      </c>
      <c r="B1322" s="744"/>
      <c r="C1322" s="533"/>
      <c r="D1322" s="532"/>
      <c r="E1322" s="531"/>
      <c r="F1322" s="530"/>
      <c r="G1322" s="529" t="s">
        <v>1390</v>
      </c>
      <c r="H1322" s="528"/>
      <c r="I1322" s="528"/>
      <c r="J1322" s="528"/>
      <c r="K1322" s="527"/>
    </row>
    <row r="1323" spans="1:11" ht="13.7" customHeight="1">
      <c r="A1323" s="745"/>
      <c r="B1323" s="740"/>
      <c r="C1323" s="526"/>
      <c r="D1323" s="525"/>
      <c r="E1323" s="524"/>
      <c r="F1323" s="523" t="s">
        <v>651</v>
      </c>
      <c r="G1323" s="518" t="s">
        <v>651</v>
      </c>
      <c r="H1323" s="517"/>
      <c r="I1323" s="517"/>
      <c r="J1323" s="517"/>
      <c r="K1323" s="516"/>
    </row>
    <row r="1324" spans="1:11" ht="13.7" customHeight="1">
      <c r="A1324" s="739" t="s">
        <v>1389</v>
      </c>
      <c r="B1324" s="740"/>
      <c r="C1324" s="522" t="s">
        <v>193</v>
      </c>
      <c r="D1324" s="521">
        <v>13</v>
      </c>
      <c r="E1324" s="520"/>
      <c r="F1324" s="519"/>
      <c r="G1324" s="518" t="s">
        <v>651</v>
      </c>
      <c r="H1324" s="517"/>
      <c r="I1324" s="517"/>
      <c r="J1324" s="517"/>
      <c r="K1324" s="516"/>
    </row>
    <row r="1325" spans="1:11" ht="13.7" customHeight="1">
      <c r="A1325" s="741"/>
      <c r="B1325" s="742"/>
      <c r="C1325" s="515"/>
      <c r="D1325" s="514"/>
      <c r="E1325" s="513"/>
      <c r="F1325" s="512"/>
      <c r="G1325" s="511" t="s">
        <v>651</v>
      </c>
      <c r="H1325" s="510"/>
      <c r="I1325" s="510"/>
      <c r="J1325" s="510"/>
      <c r="K1325" s="509"/>
    </row>
    <row r="1326" spans="1:11" ht="13.7" customHeight="1">
      <c r="A1326" s="743" t="s">
        <v>1388</v>
      </c>
      <c r="B1326" s="744"/>
      <c r="C1326" s="533"/>
      <c r="D1326" s="532"/>
      <c r="E1326" s="531"/>
      <c r="F1326" s="530"/>
      <c r="G1326" s="529" t="s">
        <v>1387</v>
      </c>
      <c r="H1326" s="528"/>
      <c r="I1326" s="528"/>
      <c r="J1326" s="528"/>
      <c r="K1326" s="527"/>
    </row>
    <row r="1327" spans="1:11" ht="13.7" customHeight="1">
      <c r="A1327" s="745"/>
      <c r="B1327" s="740"/>
      <c r="C1327" s="526"/>
      <c r="D1327" s="525"/>
      <c r="E1327" s="524"/>
      <c r="F1327" s="523" t="s">
        <v>651</v>
      </c>
      <c r="G1327" s="518" t="s">
        <v>651</v>
      </c>
      <c r="H1327" s="517"/>
      <c r="I1327" s="517"/>
      <c r="J1327" s="517"/>
      <c r="K1327" s="516"/>
    </row>
    <row r="1328" spans="1:11" ht="13.7" customHeight="1">
      <c r="A1328" s="739" t="s">
        <v>1386</v>
      </c>
      <c r="B1328" s="740"/>
      <c r="C1328" s="522" t="s">
        <v>193</v>
      </c>
      <c r="D1328" s="521">
        <v>3</v>
      </c>
      <c r="E1328" s="520"/>
      <c r="F1328" s="519"/>
      <c r="G1328" s="518" t="s">
        <v>651</v>
      </c>
      <c r="H1328" s="517"/>
      <c r="I1328" s="517"/>
      <c r="J1328" s="517"/>
      <c r="K1328" s="516"/>
    </row>
    <row r="1329" spans="1:11" ht="13.7" customHeight="1">
      <c r="A1329" s="741"/>
      <c r="B1329" s="742"/>
      <c r="C1329" s="515"/>
      <c r="D1329" s="514"/>
      <c r="E1329" s="513"/>
      <c r="F1329" s="512"/>
      <c r="G1329" s="511" t="s">
        <v>651</v>
      </c>
      <c r="H1329" s="510"/>
      <c r="I1329" s="510"/>
      <c r="J1329" s="510"/>
      <c r="K1329" s="509"/>
    </row>
    <row r="1330" spans="1:11" ht="13.7" customHeight="1">
      <c r="A1330" s="743" t="s">
        <v>964</v>
      </c>
      <c r="B1330" s="744"/>
      <c r="C1330" s="533"/>
      <c r="D1330" s="532"/>
      <c r="E1330" s="531"/>
      <c r="F1330" s="530"/>
      <c r="G1330" s="529" t="s">
        <v>1385</v>
      </c>
      <c r="H1330" s="528"/>
      <c r="I1330" s="528"/>
      <c r="J1330" s="528"/>
      <c r="K1330" s="527"/>
    </row>
    <row r="1331" spans="1:11" ht="13.7" customHeight="1">
      <c r="A1331" s="745"/>
      <c r="B1331" s="740"/>
      <c r="C1331" s="526"/>
      <c r="D1331" s="525"/>
      <c r="E1331" s="524"/>
      <c r="F1331" s="523" t="s">
        <v>651</v>
      </c>
      <c r="G1331" s="518" t="s">
        <v>651</v>
      </c>
      <c r="H1331" s="517"/>
      <c r="I1331" s="517"/>
      <c r="J1331" s="517"/>
      <c r="K1331" s="516"/>
    </row>
    <row r="1332" spans="1:11" ht="13.7" customHeight="1">
      <c r="A1332" s="739" t="s">
        <v>1384</v>
      </c>
      <c r="B1332" s="740"/>
      <c r="C1332" s="522" t="s">
        <v>193</v>
      </c>
      <c r="D1332" s="521">
        <v>0.1</v>
      </c>
      <c r="E1332" s="520"/>
      <c r="F1332" s="519"/>
      <c r="G1332" s="518" t="s">
        <v>651</v>
      </c>
      <c r="H1332" s="517"/>
      <c r="I1332" s="517"/>
      <c r="J1332" s="517"/>
      <c r="K1332" s="516"/>
    </row>
    <row r="1333" spans="1:11" ht="13.7" customHeight="1">
      <c r="A1333" s="741"/>
      <c r="B1333" s="742"/>
      <c r="C1333" s="515"/>
      <c r="D1333" s="514"/>
      <c r="E1333" s="513"/>
      <c r="F1333" s="512"/>
      <c r="G1333" s="511" t="s">
        <v>651</v>
      </c>
      <c r="H1333" s="510"/>
      <c r="I1333" s="510"/>
      <c r="J1333" s="510"/>
      <c r="K1333" s="509"/>
    </row>
    <row r="1334" spans="1:11" ht="13.7" customHeight="1">
      <c r="A1334" s="743" t="s">
        <v>961</v>
      </c>
      <c r="B1334" s="744"/>
      <c r="C1334" s="533"/>
      <c r="D1334" s="532"/>
      <c r="E1334" s="531"/>
      <c r="F1334" s="530"/>
      <c r="G1334" s="529" t="s">
        <v>1383</v>
      </c>
      <c r="H1334" s="528"/>
      <c r="I1334" s="528"/>
      <c r="J1334" s="528"/>
      <c r="K1334" s="527"/>
    </row>
    <row r="1335" spans="1:11" ht="13.7" customHeight="1">
      <c r="A1335" s="745"/>
      <c r="B1335" s="740"/>
      <c r="C1335" s="526"/>
      <c r="D1335" s="525"/>
      <c r="E1335" s="524"/>
      <c r="F1335" s="523" t="s">
        <v>651</v>
      </c>
      <c r="G1335" s="518" t="s">
        <v>651</v>
      </c>
      <c r="H1335" s="517"/>
      <c r="I1335" s="517"/>
      <c r="J1335" s="517"/>
      <c r="K1335" s="516"/>
    </row>
    <row r="1336" spans="1:11" ht="13.7" customHeight="1">
      <c r="A1336" s="739" t="s">
        <v>959</v>
      </c>
      <c r="B1336" s="740"/>
      <c r="C1336" s="522" t="s">
        <v>194</v>
      </c>
      <c r="D1336" s="521">
        <v>0.3</v>
      </c>
      <c r="E1336" s="520"/>
      <c r="F1336" s="519"/>
      <c r="G1336" s="518" t="s">
        <v>651</v>
      </c>
      <c r="H1336" s="517"/>
      <c r="I1336" s="517"/>
      <c r="J1336" s="517"/>
      <c r="K1336" s="516"/>
    </row>
    <row r="1337" spans="1:11" ht="13.7" customHeight="1">
      <c r="A1337" s="741"/>
      <c r="B1337" s="742"/>
      <c r="C1337" s="515"/>
      <c r="D1337" s="514"/>
      <c r="E1337" s="513"/>
      <c r="F1337" s="512"/>
      <c r="G1337" s="511" t="s">
        <v>651</v>
      </c>
      <c r="H1337" s="510"/>
      <c r="I1337" s="510"/>
      <c r="J1337" s="510"/>
      <c r="K1337" s="509"/>
    </row>
    <row r="1338" spans="1:11" ht="13.7" customHeight="1">
      <c r="A1338" s="743" t="s">
        <v>1066</v>
      </c>
      <c r="B1338" s="744"/>
      <c r="C1338" s="533"/>
      <c r="D1338" s="532"/>
      <c r="E1338" s="531"/>
      <c r="F1338" s="530"/>
      <c r="G1338" s="529" t="s">
        <v>1382</v>
      </c>
      <c r="H1338" s="528"/>
      <c r="I1338" s="528"/>
      <c r="J1338" s="528"/>
      <c r="K1338" s="527"/>
    </row>
    <row r="1339" spans="1:11" ht="13.7" customHeight="1">
      <c r="A1339" s="745"/>
      <c r="B1339" s="740"/>
      <c r="C1339" s="526"/>
      <c r="D1339" s="525"/>
      <c r="E1339" s="524"/>
      <c r="F1339" s="523" t="s">
        <v>651</v>
      </c>
      <c r="G1339" s="518" t="s">
        <v>651</v>
      </c>
      <c r="H1339" s="517"/>
      <c r="I1339" s="517"/>
      <c r="J1339" s="517"/>
      <c r="K1339" s="516"/>
    </row>
    <row r="1340" spans="1:11" ht="13.7" customHeight="1">
      <c r="A1340" s="739" t="s">
        <v>1381</v>
      </c>
      <c r="B1340" s="740"/>
      <c r="C1340" s="522" t="s">
        <v>194</v>
      </c>
      <c r="D1340" s="521">
        <v>2</v>
      </c>
      <c r="E1340" s="520"/>
      <c r="F1340" s="519"/>
      <c r="G1340" s="518" t="s">
        <v>651</v>
      </c>
      <c r="H1340" s="517"/>
      <c r="I1340" s="517"/>
      <c r="J1340" s="517"/>
      <c r="K1340" s="516"/>
    </row>
    <row r="1341" spans="1:11" ht="13.7" customHeight="1">
      <c r="A1341" s="741"/>
      <c r="B1341" s="742"/>
      <c r="C1341" s="515"/>
      <c r="D1341" s="514"/>
      <c r="E1341" s="513"/>
      <c r="F1341" s="512"/>
      <c r="G1341" s="511" t="s">
        <v>651</v>
      </c>
      <c r="H1341" s="510"/>
      <c r="I1341" s="510"/>
      <c r="J1341" s="510"/>
      <c r="K1341" s="509"/>
    </row>
    <row r="1342" spans="1:11" ht="13.7" customHeight="1">
      <c r="A1342" s="743" t="s">
        <v>961</v>
      </c>
      <c r="B1342" s="744"/>
      <c r="C1342" s="533"/>
      <c r="D1342" s="532"/>
      <c r="E1342" s="531"/>
      <c r="F1342" s="530"/>
      <c r="G1342" s="529" t="s">
        <v>1380</v>
      </c>
      <c r="H1342" s="528"/>
      <c r="I1342" s="528"/>
      <c r="J1342" s="528"/>
      <c r="K1342" s="527"/>
    </row>
    <row r="1343" spans="1:11" ht="13.7" customHeight="1">
      <c r="A1343" s="745"/>
      <c r="B1343" s="740"/>
      <c r="C1343" s="526"/>
      <c r="D1343" s="525"/>
      <c r="E1343" s="524"/>
      <c r="F1343" s="523" t="s">
        <v>651</v>
      </c>
      <c r="G1343" s="518" t="s">
        <v>651</v>
      </c>
      <c r="H1343" s="517"/>
      <c r="I1343" s="517"/>
      <c r="J1343" s="517"/>
      <c r="K1343" s="516"/>
    </row>
    <row r="1344" spans="1:11" ht="13.7" customHeight="1">
      <c r="A1344" s="739" t="s">
        <v>959</v>
      </c>
      <c r="B1344" s="740"/>
      <c r="C1344" s="522" t="s">
        <v>194</v>
      </c>
      <c r="D1344" s="521">
        <v>3</v>
      </c>
      <c r="E1344" s="520"/>
      <c r="F1344" s="519"/>
      <c r="G1344" s="518" t="s">
        <v>651</v>
      </c>
      <c r="H1344" s="517"/>
      <c r="I1344" s="517"/>
      <c r="J1344" s="517"/>
      <c r="K1344" s="516"/>
    </row>
    <row r="1345" spans="1:11" ht="13.7" customHeight="1">
      <c r="A1345" s="741"/>
      <c r="B1345" s="742"/>
      <c r="C1345" s="515"/>
      <c r="D1345" s="514"/>
      <c r="E1345" s="513"/>
      <c r="F1345" s="512"/>
      <c r="G1345" s="511" t="s">
        <v>651</v>
      </c>
      <c r="H1345" s="510"/>
      <c r="I1345" s="510"/>
      <c r="J1345" s="510"/>
      <c r="K1345" s="509"/>
    </row>
    <row r="1346" spans="1:11" ht="13.7" customHeight="1">
      <c r="A1346" s="743" t="s">
        <v>1366</v>
      </c>
      <c r="B1346" s="744"/>
      <c r="C1346" s="533"/>
      <c r="D1346" s="532"/>
      <c r="E1346" s="531"/>
      <c r="F1346" s="530"/>
      <c r="G1346" s="529" t="s">
        <v>1379</v>
      </c>
      <c r="H1346" s="528"/>
      <c r="I1346" s="528"/>
      <c r="J1346" s="528"/>
      <c r="K1346" s="527"/>
    </row>
    <row r="1347" spans="1:11" ht="13.7" customHeight="1">
      <c r="A1347" s="745"/>
      <c r="B1347" s="740"/>
      <c r="C1347" s="526"/>
      <c r="D1347" s="525"/>
      <c r="E1347" s="524"/>
      <c r="F1347" s="523" t="s">
        <v>651</v>
      </c>
      <c r="G1347" s="518" t="s">
        <v>651</v>
      </c>
      <c r="H1347" s="517"/>
      <c r="I1347" s="517"/>
      <c r="J1347" s="517"/>
      <c r="K1347" s="516"/>
    </row>
    <row r="1348" spans="1:11" ht="13.7" customHeight="1">
      <c r="A1348" s="739" t="s">
        <v>651</v>
      </c>
      <c r="B1348" s="740"/>
      <c r="C1348" s="522" t="s">
        <v>253</v>
      </c>
      <c r="D1348" s="521">
        <v>2</v>
      </c>
      <c r="E1348" s="520"/>
      <c r="F1348" s="519"/>
      <c r="G1348" s="518" t="s">
        <v>651</v>
      </c>
      <c r="H1348" s="517"/>
      <c r="I1348" s="517"/>
      <c r="J1348" s="517"/>
      <c r="K1348" s="516"/>
    </row>
    <row r="1349" spans="1:11" ht="13.7" customHeight="1">
      <c r="A1349" s="741"/>
      <c r="B1349" s="742"/>
      <c r="C1349" s="515"/>
      <c r="D1349" s="514"/>
      <c r="E1349" s="513"/>
      <c r="F1349" s="512"/>
      <c r="G1349" s="511" t="s">
        <v>651</v>
      </c>
      <c r="H1349" s="510"/>
      <c r="I1349" s="510"/>
      <c r="J1349" s="510"/>
      <c r="K1349" s="509"/>
    </row>
    <row r="1350" spans="1:11" ht="13.7" customHeight="1"/>
    <row r="1351" spans="1:11" ht="13.7" customHeight="1"/>
    <row r="1352" spans="1:11" ht="6.2" customHeight="1"/>
    <row r="1353" spans="1:11" ht="14.1" customHeight="1">
      <c r="A1353" s="543" t="s">
        <v>1378</v>
      </c>
      <c r="B1353" s="540" t="s">
        <v>1377</v>
      </c>
      <c r="C1353" s="540"/>
      <c r="D1353" s="540"/>
      <c r="E1353" s="540"/>
      <c r="F1353" s="540"/>
      <c r="G1353" s="542" t="s">
        <v>617</v>
      </c>
      <c r="H1353" s="541" t="s">
        <v>929</v>
      </c>
      <c r="I1353" s="540" t="s">
        <v>1007</v>
      </c>
      <c r="J1353" s="540"/>
      <c r="K1353" s="539"/>
    </row>
    <row r="1354" spans="1:11" ht="24" customHeight="1">
      <c r="A1354" s="538" t="s">
        <v>651</v>
      </c>
      <c r="B1354" s="537" t="s">
        <v>651</v>
      </c>
      <c r="C1354" s="537"/>
      <c r="D1354" s="537"/>
      <c r="E1354" s="537"/>
      <c r="F1354" s="537"/>
      <c r="G1354" s="751">
        <v>1</v>
      </c>
      <c r="H1354" s="751"/>
      <c r="I1354" s="751"/>
      <c r="J1354" s="536" t="s">
        <v>242</v>
      </c>
      <c r="K1354" s="535" t="s">
        <v>618</v>
      </c>
    </row>
    <row r="1355" spans="1:11" ht="17.100000000000001" customHeight="1">
      <c r="A1355" s="746" t="s">
        <v>1006</v>
      </c>
      <c r="B1355" s="747"/>
      <c r="C1355" s="534" t="s">
        <v>309</v>
      </c>
      <c r="D1355" s="534" t="s">
        <v>619</v>
      </c>
      <c r="E1355" s="534" t="s">
        <v>620</v>
      </c>
      <c r="F1355" s="534" t="s">
        <v>659</v>
      </c>
      <c r="G1355" s="748" t="s">
        <v>1005</v>
      </c>
      <c r="H1355" s="749"/>
      <c r="I1355" s="749"/>
      <c r="J1355" s="749"/>
      <c r="K1355" s="750"/>
    </row>
    <row r="1356" spans="1:11" ht="13.7" customHeight="1">
      <c r="A1356" s="743" t="s">
        <v>651</v>
      </c>
      <c r="B1356" s="744"/>
      <c r="C1356" s="533"/>
      <c r="D1356" s="532"/>
      <c r="E1356" s="531"/>
      <c r="F1356" s="530"/>
      <c r="G1356" s="529" t="s">
        <v>651</v>
      </c>
      <c r="H1356" s="528"/>
      <c r="I1356" s="528"/>
      <c r="J1356" s="528"/>
      <c r="K1356" s="527"/>
    </row>
    <row r="1357" spans="1:11" ht="13.7" customHeight="1">
      <c r="A1357" s="745"/>
      <c r="B1357" s="740"/>
      <c r="C1357" s="526"/>
      <c r="D1357" s="525"/>
      <c r="E1357" s="524"/>
      <c r="F1357" s="523" t="s">
        <v>651</v>
      </c>
      <c r="G1357" s="518" t="s">
        <v>651</v>
      </c>
      <c r="H1357" s="517"/>
      <c r="I1357" s="517"/>
      <c r="J1357" s="517"/>
      <c r="K1357" s="516"/>
    </row>
    <row r="1358" spans="1:11" ht="13.7" customHeight="1">
      <c r="A1358" s="739" t="s">
        <v>652</v>
      </c>
      <c r="B1358" s="740"/>
      <c r="C1358" s="522" t="s">
        <v>242</v>
      </c>
      <c r="D1358" s="521">
        <v>1</v>
      </c>
      <c r="E1358" s="520"/>
      <c r="F1358" s="519"/>
      <c r="G1358" s="518" t="s">
        <v>651</v>
      </c>
      <c r="H1358" s="517"/>
      <c r="I1358" s="517"/>
      <c r="J1358" s="517"/>
      <c r="K1358" s="516"/>
    </row>
    <row r="1359" spans="1:11" ht="13.7" customHeight="1">
      <c r="A1359" s="741"/>
      <c r="B1359" s="742"/>
      <c r="C1359" s="515"/>
      <c r="D1359" s="514"/>
      <c r="E1359" s="513"/>
      <c r="F1359" s="512"/>
      <c r="G1359" s="511" t="s">
        <v>651</v>
      </c>
      <c r="H1359" s="510"/>
      <c r="I1359" s="510"/>
      <c r="J1359" s="510"/>
      <c r="K1359" s="509"/>
    </row>
    <row r="1360" spans="1:11" ht="13.7" customHeight="1">
      <c r="A1360" s="743" t="s">
        <v>651</v>
      </c>
      <c r="B1360" s="744"/>
      <c r="C1360" s="533"/>
      <c r="D1360" s="532"/>
      <c r="E1360" s="531"/>
      <c r="F1360" s="530"/>
      <c r="G1360" s="529" t="s">
        <v>651</v>
      </c>
      <c r="H1360" s="528"/>
      <c r="I1360" s="528"/>
      <c r="J1360" s="528"/>
      <c r="K1360" s="527"/>
    </row>
    <row r="1361" spans="1:11" ht="13.7" customHeight="1">
      <c r="A1361" s="745"/>
      <c r="B1361" s="740"/>
      <c r="C1361" s="526"/>
      <c r="D1361" s="525"/>
      <c r="E1361" s="524"/>
      <c r="F1361" s="523" t="s">
        <v>651</v>
      </c>
      <c r="G1361" s="518" t="s">
        <v>651</v>
      </c>
      <c r="H1361" s="517"/>
      <c r="I1361" s="517"/>
      <c r="J1361" s="517"/>
      <c r="K1361" s="516"/>
    </row>
    <row r="1362" spans="1:11" ht="13.7" customHeight="1">
      <c r="A1362" s="739" t="s">
        <v>681</v>
      </c>
      <c r="B1362" s="740"/>
      <c r="C1362" s="522" t="s">
        <v>242</v>
      </c>
      <c r="D1362" s="521">
        <v>1</v>
      </c>
      <c r="E1362" s="520" t="s">
        <v>1002</v>
      </c>
      <c r="F1362" s="519"/>
      <c r="G1362" s="518" t="s">
        <v>651</v>
      </c>
      <c r="H1362" s="517"/>
      <c r="I1362" s="517"/>
      <c r="J1362" s="517"/>
      <c r="K1362" s="516"/>
    </row>
    <row r="1363" spans="1:11" ht="13.7" customHeight="1">
      <c r="A1363" s="741"/>
      <c r="B1363" s="742"/>
      <c r="C1363" s="515"/>
      <c r="D1363" s="514"/>
      <c r="E1363" s="513"/>
      <c r="F1363" s="512"/>
      <c r="G1363" s="511" t="s">
        <v>651</v>
      </c>
      <c r="H1363" s="510"/>
      <c r="I1363" s="510"/>
      <c r="J1363" s="510"/>
      <c r="K1363" s="509"/>
    </row>
    <row r="1364" spans="1:11" ht="13.7" customHeight="1"/>
    <row r="1365" spans="1:11" ht="13.7" customHeight="1"/>
    <row r="1366" spans="1:11" ht="13.7" customHeight="1"/>
    <row r="1367" spans="1:11" ht="13.7" customHeight="1"/>
    <row r="1368" spans="1:11" ht="13.7" customHeight="1"/>
    <row r="1369" spans="1:11" ht="13.7" customHeight="1"/>
    <row r="1370" spans="1:11" ht="13.7" customHeight="1"/>
    <row r="1371" spans="1:11" ht="13.7" customHeight="1"/>
    <row r="1372" spans="1:11" ht="13.7" customHeight="1"/>
    <row r="1373" spans="1:11" ht="13.7" customHeight="1"/>
    <row r="1374" spans="1:11" ht="13.7" customHeight="1"/>
    <row r="1375" spans="1:11" ht="13.7" customHeight="1"/>
    <row r="1376" spans="1:11" ht="13.7" customHeight="1"/>
    <row r="1377" spans="1:11" ht="13.7" customHeight="1"/>
    <row r="1378" spans="1:11" ht="13.7" customHeight="1"/>
    <row r="1379" spans="1:11" ht="13.7" customHeight="1"/>
    <row r="1380" spans="1:11" ht="13.7" customHeight="1"/>
    <row r="1381" spans="1:11" ht="13.7" customHeight="1"/>
    <row r="1382" spans="1:11" ht="13.7" customHeight="1"/>
    <row r="1383" spans="1:11" ht="13.7" customHeight="1"/>
    <row r="1384" spans="1:11" ht="13.7" customHeight="1"/>
    <row r="1385" spans="1:11" ht="13.7" customHeight="1"/>
    <row r="1386" spans="1:11" ht="13.7" customHeight="1"/>
    <row r="1387" spans="1:11" ht="13.7" customHeight="1"/>
    <row r="1388" spans="1:11" ht="13.7" customHeight="1"/>
    <row r="1389" spans="1:11" ht="13.7" customHeight="1"/>
    <row r="1390" spans="1:11" ht="6.2" customHeight="1"/>
    <row r="1391" spans="1:11" ht="14.1" customHeight="1">
      <c r="A1391" s="543" t="s">
        <v>1367</v>
      </c>
      <c r="B1391" s="540" t="s">
        <v>1366</v>
      </c>
      <c r="C1391" s="540"/>
      <c r="D1391" s="540"/>
      <c r="E1391" s="540"/>
      <c r="F1391" s="540"/>
      <c r="G1391" s="542" t="s">
        <v>617</v>
      </c>
      <c r="H1391" s="541" t="s">
        <v>927</v>
      </c>
      <c r="I1391" s="540" t="s">
        <v>1007</v>
      </c>
      <c r="J1391" s="540"/>
      <c r="K1391" s="539"/>
    </row>
    <row r="1392" spans="1:11" ht="24" customHeight="1">
      <c r="A1392" s="538" t="s">
        <v>651</v>
      </c>
      <c r="B1392" s="537" t="s">
        <v>651</v>
      </c>
      <c r="C1392" s="537"/>
      <c r="D1392" s="537"/>
      <c r="E1392" s="537"/>
      <c r="F1392" s="537"/>
      <c r="G1392" s="751">
        <v>1</v>
      </c>
      <c r="H1392" s="751"/>
      <c r="I1392" s="751"/>
      <c r="J1392" s="536" t="s">
        <v>253</v>
      </c>
      <c r="K1392" s="535" t="s">
        <v>618</v>
      </c>
    </row>
    <row r="1393" spans="1:11" ht="17.100000000000001" customHeight="1">
      <c r="A1393" s="746" t="s">
        <v>1006</v>
      </c>
      <c r="B1393" s="747"/>
      <c r="C1393" s="534" t="s">
        <v>309</v>
      </c>
      <c r="D1393" s="534" t="s">
        <v>619</v>
      </c>
      <c r="E1393" s="534" t="s">
        <v>620</v>
      </c>
      <c r="F1393" s="534" t="s">
        <v>659</v>
      </c>
      <c r="G1393" s="748" t="s">
        <v>1005</v>
      </c>
      <c r="H1393" s="749"/>
      <c r="I1393" s="749"/>
      <c r="J1393" s="749"/>
      <c r="K1393" s="750"/>
    </row>
    <row r="1394" spans="1:11" ht="13.7" customHeight="1">
      <c r="A1394" s="743" t="s">
        <v>1024</v>
      </c>
      <c r="B1394" s="744"/>
      <c r="C1394" s="533"/>
      <c r="D1394" s="532"/>
      <c r="E1394" s="531"/>
      <c r="F1394" s="530"/>
      <c r="G1394" s="529" t="s">
        <v>1023</v>
      </c>
      <c r="H1394" s="528"/>
      <c r="I1394" s="528"/>
      <c r="J1394" s="528"/>
      <c r="K1394" s="527"/>
    </row>
    <row r="1395" spans="1:11" ht="13.7" customHeight="1">
      <c r="A1395" s="745"/>
      <c r="B1395" s="740"/>
      <c r="C1395" s="526"/>
      <c r="D1395" s="525"/>
      <c r="E1395" s="524"/>
      <c r="F1395" s="523" t="s">
        <v>651</v>
      </c>
      <c r="G1395" s="518" t="s">
        <v>651</v>
      </c>
      <c r="H1395" s="517"/>
      <c r="I1395" s="517"/>
      <c r="J1395" s="517"/>
      <c r="K1395" s="516"/>
    </row>
    <row r="1396" spans="1:11" ht="13.7" customHeight="1">
      <c r="A1396" s="739" t="s">
        <v>1022</v>
      </c>
      <c r="B1396" s="740"/>
      <c r="C1396" s="522" t="s">
        <v>240</v>
      </c>
      <c r="D1396" s="521">
        <v>5</v>
      </c>
      <c r="E1396" s="520"/>
      <c r="F1396" s="519"/>
      <c r="G1396" s="518" t="s">
        <v>651</v>
      </c>
      <c r="H1396" s="517"/>
      <c r="I1396" s="517"/>
      <c r="J1396" s="517"/>
      <c r="K1396" s="516"/>
    </row>
    <row r="1397" spans="1:11" ht="13.7" customHeight="1">
      <c r="A1397" s="741"/>
      <c r="B1397" s="742"/>
      <c r="C1397" s="515"/>
      <c r="D1397" s="514"/>
      <c r="E1397" s="513"/>
      <c r="F1397" s="512"/>
      <c r="G1397" s="511" t="s">
        <v>651</v>
      </c>
      <c r="H1397" s="510"/>
      <c r="I1397" s="510"/>
      <c r="J1397" s="510"/>
      <c r="K1397" s="509"/>
    </row>
    <row r="1398" spans="1:11" ht="13.7" customHeight="1">
      <c r="A1398" s="743" t="s">
        <v>1376</v>
      </c>
      <c r="B1398" s="744"/>
      <c r="C1398" s="533"/>
      <c r="D1398" s="532"/>
      <c r="E1398" s="531"/>
      <c r="F1398" s="530"/>
      <c r="G1398" s="529" t="s">
        <v>1375</v>
      </c>
      <c r="H1398" s="528"/>
      <c r="I1398" s="528"/>
      <c r="J1398" s="528"/>
      <c r="K1398" s="527"/>
    </row>
    <row r="1399" spans="1:11" ht="13.7" customHeight="1">
      <c r="A1399" s="745"/>
      <c r="B1399" s="740"/>
      <c r="C1399" s="526"/>
      <c r="D1399" s="525"/>
      <c r="E1399" s="524"/>
      <c r="F1399" s="523" t="s">
        <v>651</v>
      </c>
      <c r="G1399" s="518" t="s">
        <v>651</v>
      </c>
      <c r="H1399" s="517"/>
      <c r="I1399" s="517"/>
      <c r="J1399" s="517"/>
      <c r="K1399" s="516"/>
    </row>
    <row r="1400" spans="1:11" ht="13.7" customHeight="1">
      <c r="A1400" s="739" t="s">
        <v>1374</v>
      </c>
      <c r="B1400" s="740"/>
      <c r="C1400" s="522" t="s">
        <v>193</v>
      </c>
      <c r="D1400" s="521">
        <v>0.6</v>
      </c>
      <c r="E1400" s="520"/>
      <c r="F1400" s="519"/>
      <c r="G1400" s="518" t="s">
        <v>651</v>
      </c>
      <c r="H1400" s="517"/>
      <c r="I1400" s="517"/>
      <c r="J1400" s="517"/>
      <c r="K1400" s="516"/>
    </row>
    <row r="1401" spans="1:11" ht="13.7" customHeight="1">
      <c r="A1401" s="741"/>
      <c r="B1401" s="742"/>
      <c r="C1401" s="515"/>
      <c r="D1401" s="514"/>
      <c r="E1401" s="513"/>
      <c r="F1401" s="512"/>
      <c r="G1401" s="511" t="s">
        <v>651</v>
      </c>
      <c r="H1401" s="510"/>
      <c r="I1401" s="510"/>
      <c r="J1401" s="510"/>
      <c r="K1401" s="509"/>
    </row>
    <row r="1402" spans="1:11" ht="13.7" customHeight="1">
      <c r="A1402" s="743" t="s">
        <v>958</v>
      </c>
      <c r="B1402" s="744"/>
      <c r="C1402" s="533"/>
      <c r="D1402" s="532"/>
      <c r="E1402" s="531"/>
      <c r="F1402" s="530"/>
      <c r="G1402" s="529" t="s">
        <v>1016</v>
      </c>
      <c r="H1402" s="528"/>
      <c r="I1402" s="528"/>
      <c r="J1402" s="528"/>
      <c r="K1402" s="527"/>
    </row>
    <row r="1403" spans="1:11" ht="13.7" customHeight="1">
      <c r="A1403" s="745"/>
      <c r="B1403" s="740"/>
      <c r="C1403" s="526"/>
      <c r="D1403" s="525"/>
      <c r="E1403" s="524"/>
      <c r="F1403" s="523" t="s">
        <v>651</v>
      </c>
      <c r="G1403" s="518" t="s">
        <v>651</v>
      </c>
      <c r="H1403" s="517"/>
      <c r="I1403" s="517"/>
      <c r="J1403" s="517"/>
      <c r="K1403" s="516"/>
    </row>
    <row r="1404" spans="1:11" ht="13.7" customHeight="1">
      <c r="A1404" s="739" t="s">
        <v>1686</v>
      </c>
      <c r="B1404" s="740"/>
      <c r="C1404" s="522" t="s">
        <v>193</v>
      </c>
      <c r="D1404" s="521">
        <v>0.6</v>
      </c>
      <c r="E1404" s="520"/>
      <c r="F1404" s="519"/>
      <c r="G1404" s="518" t="s">
        <v>651</v>
      </c>
      <c r="H1404" s="517"/>
      <c r="I1404" s="517"/>
      <c r="J1404" s="517"/>
      <c r="K1404" s="516"/>
    </row>
    <row r="1405" spans="1:11" ht="13.7" customHeight="1">
      <c r="A1405" s="741"/>
      <c r="B1405" s="742"/>
      <c r="C1405" s="515"/>
      <c r="D1405" s="514"/>
      <c r="E1405" s="513"/>
      <c r="F1405" s="512"/>
      <c r="G1405" s="511" t="s">
        <v>651</v>
      </c>
      <c r="H1405" s="510"/>
      <c r="I1405" s="510"/>
      <c r="J1405" s="510"/>
      <c r="K1405" s="509"/>
    </row>
    <row r="1406" spans="1:11" ht="13.7" customHeight="1">
      <c r="A1406" s="743" t="s">
        <v>954</v>
      </c>
      <c r="B1406" s="744"/>
      <c r="C1406" s="533"/>
      <c r="D1406" s="532"/>
      <c r="E1406" s="531"/>
      <c r="F1406" s="530"/>
      <c r="G1406" s="529" t="s">
        <v>1373</v>
      </c>
      <c r="H1406" s="528"/>
      <c r="I1406" s="528"/>
      <c r="J1406" s="528"/>
      <c r="K1406" s="527"/>
    </row>
    <row r="1407" spans="1:11" ht="13.7" customHeight="1">
      <c r="A1407" s="745"/>
      <c r="B1407" s="740"/>
      <c r="C1407" s="526"/>
      <c r="D1407" s="525"/>
      <c r="E1407" s="524"/>
      <c r="F1407" s="523" t="s">
        <v>651</v>
      </c>
      <c r="G1407" s="518" t="s">
        <v>651</v>
      </c>
      <c r="H1407" s="517"/>
      <c r="I1407" s="517"/>
      <c r="J1407" s="517"/>
      <c r="K1407" s="516"/>
    </row>
    <row r="1408" spans="1:11" ht="13.7" customHeight="1">
      <c r="A1408" s="739" t="s">
        <v>1686</v>
      </c>
      <c r="B1408" s="740"/>
      <c r="C1408" s="522" t="s">
        <v>193</v>
      </c>
      <c r="D1408" s="521">
        <v>0.2</v>
      </c>
      <c r="E1408" s="520"/>
      <c r="F1408" s="519"/>
      <c r="G1408" s="518" t="s">
        <v>651</v>
      </c>
      <c r="H1408" s="517"/>
      <c r="I1408" s="517"/>
      <c r="J1408" s="517"/>
      <c r="K1408" s="516"/>
    </row>
    <row r="1409" spans="1:11" ht="13.7" customHeight="1">
      <c r="A1409" s="741"/>
      <c r="B1409" s="742"/>
      <c r="C1409" s="515"/>
      <c r="D1409" s="514"/>
      <c r="E1409" s="513"/>
      <c r="F1409" s="512"/>
      <c r="G1409" s="511" t="s">
        <v>651</v>
      </c>
      <c r="H1409" s="510"/>
      <c r="I1409" s="510"/>
      <c r="J1409" s="510"/>
      <c r="K1409" s="509"/>
    </row>
    <row r="1410" spans="1:11" ht="13.7" customHeight="1">
      <c r="A1410" s="743" t="s">
        <v>951</v>
      </c>
      <c r="B1410" s="744"/>
      <c r="C1410" s="533"/>
      <c r="D1410" s="532"/>
      <c r="E1410" s="531"/>
      <c r="F1410" s="530"/>
      <c r="G1410" s="529" t="s">
        <v>1012</v>
      </c>
      <c r="H1410" s="528"/>
      <c r="I1410" s="528"/>
      <c r="J1410" s="528"/>
      <c r="K1410" s="527"/>
    </row>
    <row r="1411" spans="1:11" ht="13.7" customHeight="1">
      <c r="A1411" s="745"/>
      <c r="B1411" s="740"/>
      <c r="C1411" s="526"/>
      <c r="D1411" s="525"/>
      <c r="E1411" s="524"/>
      <c r="F1411" s="523" t="s">
        <v>651</v>
      </c>
      <c r="G1411" s="518" t="s">
        <v>651</v>
      </c>
      <c r="H1411" s="517"/>
      <c r="I1411" s="517"/>
      <c r="J1411" s="517"/>
      <c r="K1411" s="516"/>
    </row>
    <row r="1412" spans="1:11" ht="13.7" customHeight="1">
      <c r="A1412" s="739" t="s">
        <v>1686</v>
      </c>
      <c r="B1412" s="740"/>
      <c r="C1412" s="522" t="s">
        <v>193</v>
      </c>
      <c r="D1412" s="521">
        <v>1</v>
      </c>
      <c r="E1412" s="520"/>
      <c r="F1412" s="519"/>
      <c r="G1412" s="518" t="s">
        <v>651</v>
      </c>
      <c r="H1412" s="517"/>
      <c r="I1412" s="517"/>
      <c r="J1412" s="517"/>
      <c r="K1412" s="516"/>
    </row>
    <row r="1413" spans="1:11" ht="13.7" customHeight="1">
      <c r="A1413" s="741"/>
      <c r="B1413" s="742"/>
      <c r="C1413" s="515"/>
      <c r="D1413" s="514"/>
      <c r="E1413" s="513"/>
      <c r="F1413" s="512"/>
      <c r="G1413" s="511" t="s">
        <v>651</v>
      </c>
      <c r="H1413" s="510"/>
      <c r="I1413" s="510"/>
      <c r="J1413" s="510"/>
      <c r="K1413" s="509"/>
    </row>
    <row r="1414" spans="1:11" ht="13.7" customHeight="1">
      <c r="A1414" s="743" t="s">
        <v>1677</v>
      </c>
      <c r="B1414" s="744"/>
      <c r="C1414" s="533"/>
      <c r="D1414" s="532"/>
      <c r="E1414" s="531"/>
      <c r="F1414" s="530"/>
      <c r="G1414" s="529" t="s">
        <v>1372</v>
      </c>
      <c r="H1414" s="528"/>
      <c r="I1414" s="528"/>
      <c r="J1414" s="528"/>
      <c r="K1414" s="527"/>
    </row>
    <row r="1415" spans="1:11" ht="13.7" customHeight="1">
      <c r="A1415" s="745"/>
      <c r="B1415" s="740"/>
      <c r="C1415" s="526"/>
      <c r="D1415" s="525"/>
      <c r="E1415" s="524"/>
      <c r="F1415" s="523" t="s">
        <v>651</v>
      </c>
      <c r="G1415" s="518" t="s">
        <v>651</v>
      </c>
      <c r="H1415" s="517"/>
      <c r="I1415" s="517"/>
      <c r="J1415" s="517"/>
      <c r="K1415" s="516"/>
    </row>
    <row r="1416" spans="1:11" ht="13.7" customHeight="1">
      <c r="A1416" s="739" t="s">
        <v>1676</v>
      </c>
      <c r="B1416" s="740"/>
      <c r="C1416" s="522" t="s">
        <v>193</v>
      </c>
      <c r="D1416" s="521">
        <v>1.2</v>
      </c>
      <c r="E1416" s="520"/>
      <c r="F1416" s="519"/>
      <c r="G1416" s="518" t="s">
        <v>651</v>
      </c>
      <c r="H1416" s="517"/>
      <c r="I1416" s="517"/>
      <c r="J1416" s="517"/>
      <c r="K1416" s="516"/>
    </row>
    <row r="1417" spans="1:11" ht="13.7" customHeight="1">
      <c r="A1417" s="741"/>
      <c r="B1417" s="742"/>
      <c r="C1417" s="515"/>
      <c r="D1417" s="514"/>
      <c r="E1417" s="513"/>
      <c r="F1417" s="512"/>
      <c r="G1417" s="511" t="s">
        <v>651</v>
      </c>
      <c r="H1417" s="510"/>
      <c r="I1417" s="510"/>
      <c r="J1417" s="510"/>
      <c r="K1417" s="509"/>
    </row>
    <row r="1418" spans="1:11" ht="13.7" customHeight="1">
      <c r="A1418" s="743" t="s">
        <v>892</v>
      </c>
      <c r="B1418" s="744"/>
      <c r="C1418" s="533"/>
      <c r="D1418" s="532"/>
      <c r="E1418" s="531"/>
      <c r="F1418" s="530"/>
      <c r="G1418" s="529" t="s">
        <v>1371</v>
      </c>
      <c r="H1418" s="528"/>
      <c r="I1418" s="528"/>
      <c r="J1418" s="528"/>
      <c r="K1418" s="527"/>
    </row>
    <row r="1419" spans="1:11" ht="13.7" customHeight="1">
      <c r="A1419" s="745"/>
      <c r="B1419" s="740"/>
      <c r="C1419" s="526"/>
      <c r="D1419" s="525"/>
      <c r="E1419" s="524"/>
      <c r="F1419" s="523" t="s">
        <v>651</v>
      </c>
      <c r="G1419" s="518" t="s">
        <v>651</v>
      </c>
      <c r="H1419" s="517"/>
      <c r="I1419" s="517"/>
      <c r="J1419" s="517"/>
      <c r="K1419" s="516"/>
    </row>
    <row r="1420" spans="1:11" ht="13.7" customHeight="1">
      <c r="A1420" s="739" t="s">
        <v>1370</v>
      </c>
      <c r="B1420" s="740"/>
      <c r="C1420" s="522" t="s">
        <v>194</v>
      </c>
      <c r="D1420" s="521">
        <v>1</v>
      </c>
      <c r="E1420" s="520"/>
      <c r="F1420" s="519"/>
      <c r="G1420" s="518" t="s">
        <v>651</v>
      </c>
      <c r="H1420" s="517"/>
      <c r="I1420" s="517"/>
      <c r="J1420" s="517"/>
      <c r="K1420" s="516"/>
    </row>
    <row r="1421" spans="1:11" ht="13.7" customHeight="1">
      <c r="A1421" s="741"/>
      <c r="B1421" s="742"/>
      <c r="C1421" s="515"/>
      <c r="D1421" s="514"/>
      <c r="E1421" s="513"/>
      <c r="F1421" s="512"/>
      <c r="G1421" s="511" t="s">
        <v>651</v>
      </c>
      <c r="H1421" s="510"/>
      <c r="I1421" s="510"/>
      <c r="J1421" s="510"/>
      <c r="K1421" s="509"/>
    </row>
    <row r="1422" spans="1:11" ht="13.7" customHeight="1">
      <c r="A1422" s="743" t="s">
        <v>1369</v>
      </c>
      <c r="B1422" s="744"/>
      <c r="C1422" s="533"/>
      <c r="D1422" s="532"/>
      <c r="E1422" s="531"/>
      <c r="F1422" s="530"/>
      <c r="G1422" s="529" t="s">
        <v>1368</v>
      </c>
      <c r="H1422" s="528"/>
      <c r="I1422" s="528"/>
      <c r="J1422" s="528"/>
      <c r="K1422" s="527"/>
    </row>
    <row r="1423" spans="1:11" ht="13.7" customHeight="1">
      <c r="A1423" s="745"/>
      <c r="B1423" s="740"/>
      <c r="C1423" s="526"/>
      <c r="D1423" s="525"/>
      <c r="E1423" s="524"/>
      <c r="F1423" s="523" t="s">
        <v>651</v>
      </c>
      <c r="G1423" s="518" t="s">
        <v>651</v>
      </c>
      <c r="H1423" s="517"/>
      <c r="I1423" s="517"/>
      <c r="J1423" s="517"/>
      <c r="K1423" s="516"/>
    </row>
    <row r="1424" spans="1:11" ht="13.7" customHeight="1">
      <c r="A1424" s="739" t="s">
        <v>651</v>
      </c>
      <c r="B1424" s="740"/>
      <c r="C1424" s="522" t="s">
        <v>194</v>
      </c>
      <c r="D1424" s="521">
        <v>1</v>
      </c>
      <c r="E1424" s="520"/>
      <c r="F1424" s="519"/>
      <c r="G1424" s="518" t="s">
        <v>651</v>
      </c>
      <c r="H1424" s="517"/>
      <c r="I1424" s="517"/>
      <c r="J1424" s="517"/>
      <c r="K1424" s="516"/>
    </row>
    <row r="1425" spans="1:11" ht="13.7" customHeight="1">
      <c r="A1425" s="741"/>
      <c r="B1425" s="742"/>
      <c r="C1425" s="515"/>
      <c r="D1425" s="514"/>
      <c r="E1425" s="513"/>
      <c r="F1425" s="512"/>
      <c r="G1425" s="511" t="s">
        <v>651</v>
      </c>
      <c r="H1425" s="510"/>
      <c r="I1425" s="510"/>
      <c r="J1425" s="510"/>
      <c r="K1425" s="509"/>
    </row>
    <row r="1426" spans="1:11" ht="13.7" customHeight="1"/>
    <row r="1427" spans="1:11" ht="13.7" customHeight="1"/>
    <row r="1428" spans="1:11" ht="6.2" customHeight="1"/>
    <row r="1429" spans="1:11" ht="14.1" customHeight="1">
      <c r="A1429" s="543" t="s">
        <v>1367</v>
      </c>
      <c r="B1429" s="540" t="s">
        <v>1366</v>
      </c>
      <c r="C1429" s="540"/>
      <c r="D1429" s="540"/>
      <c r="E1429" s="540"/>
      <c r="F1429" s="540"/>
      <c r="G1429" s="542" t="s">
        <v>617</v>
      </c>
      <c r="H1429" s="541" t="s">
        <v>927</v>
      </c>
      <c r="I1429" s="540" t="s">
        <v>1007</v>
      </c>
      <c r="J1429" s="540"/>
      <c r="K1429" s="539"/>
    </row>
    <row r="1430" spans="1:11" ht="24" customHeight="1">
      <c r="A1430" s="538" t="s">
        <v>651</v>
      </c>
      <c r="B1430" s="537" t="s">
        <v>651</v>
      </c>
      <c r="C1430" s="537"/>
      <c r="D1430" s="537"/>
      <c r="E1430" s="537"/>
      <c r="F1430" s="537"/>
      <c r="G1430" s="751">
        <v>1</v>
      </c>
      <c r="H1430" s="751"/>
      <c r="I1430" s="751"/>
      <c r="J1430" s="536" t="s">
        <v>253</v>
      </c>
      <c r="K1430" s="535" t="s">
        <v>618</v>
      </c>
    </row>
    <row r="1431" spans="1:11" ht="17.100000000000001" customHeight="1">
      <c r="A1431" s="746" t="s">
        <v>1006</v>
      </c>
      <c r="B1431" s="747"/>
      <c r="C1431" s="534" t="s">
        <v>309</v>
      </c>
      <c r="D1431" s="534" t="s">
        <v>619</v>
      </c>
      <c r="E1431" s="534" t="s">
        <v>620</v>
      </c>
      <c r="F1431" s="534" t="s">
        <v>659</v>
      </c>
      <c r="G1431" s="748" t="s">
        <v>1005</v>
      </c>
      <c r="H1431" s="749"/>
      <c r="I1431" s="749"/>
      <c r="J1431" s="749"/>
      <c r="K1431" s="750"/>
    </row>
    <row r="1432" spans="1:11" ht="13.7" customHeight="1">
      <c r="A1432" s="743" t="s">
        <v>651</v>
      </c>
      <c r="B1432" s="744"/>
      <c r="C1432" s="533"/>
      <c r="D1432" s="532"/>
      <c r="E1432" s="531"/>
      <c r="F1432" s="530"/>
      <c r="G1432" s="529" t="s">
        <v>651</v>
      </c>
      <c r="H1432" s="528"/>
      <c r="I1432" s="528"/>
      <c r="J1432" s="528"/>
      <c r="K1432" s="527"/>
    </row>
    <row r="1433" spans="1:11" ht="13.7" customHeight="1">
      <c r="A1433" s="745"/>
      <c r="B1433" s="740"/>
      <c r="C1433" s="526"/>
      <c r="D1433" s="525"/>
      <c r="E1433" s="524"/>
      <c r="F1433" s="523" t="s">
        <v>651</v>
      </c>
      <c r="G1433" s="518" t="s">
        <v>651</v>
      </c>
      <c r="H1433" s="517"/>
      <c r="I1433" s="517"/>
      <c r="J1433" s="517"/>
      <c r="K1433" s="516"/>
    </row>
    <row r="1434" spans="1:11" ht="13.7" customHeight="1">
      <c r="A1434" s="739" t="s">
        <v>652</v>
      </c>
      <c r="B1434" s="740"/>
      <c r="C1434" s="522" t="s">
        <v>253</v>
      </c>
      <c r="D1434" s="521">
        <v>1</v>
      </c>
      <c r="E1434" s="520"/>
      <c r="F1434" s="519"/>
      <c r="G1434" s="518" t="s">
        <v>651</v>
      </c>
      <c r="H1434" s="517"/>
      <c r="I1434" s="517"/>
      <c r="J1434" s="517"/>
      <c r="K1434" s="516"/>
    </row>
    <row r="1435" spans="1:11" ht="13.7" customHeight="1">
      <c r="A1435" s="741"/>
      <c r="B1435" s="742"/>
      <c r="C1435" s="515"/>
      <c r="D1435" s="514"/>
      <c r="E1435" s="513"/>
      <c r="F1435" s="512"/>
      <c r="G1435" s="511" t="s">
        <v>651</v>
      </c>
      <c r="H1435" s="510"/>
      <c r="I1435" s="510"/>
      <c r="J1435" s="510"/>
      <c r="K1435" s="509"/>
    </row>
    <row r="1436" spans="1:11" ht="13.7" customHeight="1">
      <c r="A1436" s="743" t="s">
        <v>651</v>
      </c>
      <c r="B1436" s="744"/>
      <c r="C1436" s="533"/>
      <c r="D1436" s="532"/>
      <c r="E1436" s="531"/>
      <c r="F1436" s="530"/>
      <c r="G1436" s="529" t="s">
        <v>651</v>
      </c>
      <c r="H1436" s="528"/>
      <c r="I1436" s="528"/>
      <c r="J1436" s="528"/>
      <c r="K1436" s="527"/>
    </row>
    <row r="1437" spans="1:11" ht="13.7" customHeight="1">
      <c r="A1437" s="745"/>
      <c r="B1437" s="740"/>
      <c r="C1437" s="526"/>
      <c r="D1437" s="525"/>
      <c r="E1437" s="524"/>
      <c r="F1437" s="523" t="s">
        <v>651</v>
      </c>
      <c r="G1437" s="518" t="s">
        <v>651</v>
      </c>
      <c r="H1437" s="517"/>
      <c r="I1437" s="517"/>
      <c r="J1437" s="517"/>
      <c r="K1437" s="516"/>
    </row>
    <row r="1438" spans="1:11" ht="13.7" customHeight="1">
      <c r="A1438" s="739" t="s">
        <v>681</v>
      </c>
      <c r="B1438" s="740"/>
      <c r="C1438" s="522" t="s">
        <v>253</v>
      </c>
      <c r="D1438" s="521">
        <v>1</v>
      </c>
      <c r="E1438" s="520" t="s">
        <v>1002</v>
      </c>
      <c r="F1438" s="519"/>
      <c r="G1438" s="518" t="s">
        <v>651</v>
      </c>
      <c r="H1438" s="517"/>
      <c r="I1438" s="517"/>
      <c r="J1438" s="517"/>
      <c r="K1438" s="516"/>
    </row>
    <row r="1439" spans="1:11" ht="13.7" customHeight="1">
      <c r="A1439" s="741"/>
      <c r="B1439" s="742"/>
      <c r="C1439" s="515"/>
      <c r="D1439" s="514"/>
      <c r="E1439" s="513"/>
      <c r="F1439" s="512"/>
      <c r="G1439" s="511" t="s">
        <v>651</v>
      </c>
      <c r="H1439" s="510"/>
      <c r="I1439" s="510"/>
      <c r="J1439" s="510"/>
      <c r="K1439" s="509"/>
    </row>
    <row r="1440" spans="1:11" ht="54.95" customHeight="1"/>
    <row r="1441" spans="1:11" ht="14.1" customHeight="1">
      <c r="A1441" s="543" t="s">
        <v>1365</v>
      </c>
      <c r="B1441" s="540" t="s">
        <v>1364</v>
      </c>
      <c r="C1441" s="540"/>
      <c r="D1441" s="540"/>
      <c r="E1441" s="540"/>
      <c r="F1441" s="540"/>
      <c r="G1441" s="542" t="s">
        <v>617</v>
      </c>
      <c r="H1441" s="541" t="s">
        <v>925</v>
      </c>
      <c r="I1441" s="540" t="s">
        <v>1007</v>
      </c>
      <c r="J1441" s="540"/>
      <c r="K1441" s="539"/>
    </row>
    <row r="1442" spans="1:11" ht="24" customHeight="1">
      <c r="A1442" s="538" t="s">
        <v>651</v>
      </c>
      <c r="B1442" s="537" t="s">
        <v>651</v>
      </c>
      <c r="C1442" s="537"/>
      <c r="D1442" s="537"/>
      <c r="E1442" s="537"/>
      <c r="F1442" s="537"/>
      <c r="G1442" s="751">
        <v>1</v>
      </c>
      <c r="H1442" s="751"/>
      <c r="I1442" s="751"/>
      <c r="J1442" s="536" t="s">
        <v>242</v>
      </c>
      <c r="K1442" s="535" t="s">
        <v>618</v>
      </c>
    </row>
    <row r="1443" spans="1:11" ht="17.100000000000001" customHeight="1">
      <c r="A1443" s="746" t="s">
        <v>1006</v>
      </c>
      <c r="B1443" s="747"/>
      <c r="C1443" s="534" t="s">
        <v>309</v>
      </c>
      <c r="D1443" s="534" t="s">
        <v>619</v>
      </c>
      <c r="E1443" s="534" t="s">
        <v>620</v>
      </c>
      <c r="F1443" s="534" t="s">
        <v>659</v>
      </c>
      <c r="G1443" s="748" t="s">
        <v>1005</v>
      </c>
      <c r="H1443" s="749"/>
      <c r="I1443" s="749"/>
      <c r="J1443" s="749"/>
      <c r="K1443" s="750"/>
    </row>
    <row r="1444" spans="1:11" ht="13.7" customHeight="1">
      <c r="A1444" s="743" t="s">
        <v>1363</v>
      </c>
      <c r="B1444" s="744"/>
      <c r="C1444" s="533"/>
      <c r="D1444" s="532"/>
      <c r="E1444" s="531"/>
      <c r="F1444" s="530"/>
      <c r="G1444" s="529" t="s">
        <v>651</v>
      </c>
      <c r="H1444" s="528"/>
      <c r="I1444" s="528"/>
      <c r="J1444" s="528"/>
      <c r="K1444" s="527"/>
    </row>
    <row r="1445" spans="1:11" ht="13.7" customHeight="1">
      <c r="A1445" s="745"/>
      <c r="B1445" s="740"/>
      <c r="C1445" s="526"/>
      <c r="D1445" s="525"/>
      <c r="E1445" s="524"/>
      <c r="F1445" s="523" t="s">
        <v>651</v>
      </c>
      <c r="G1445" s="518" t="s">
        <v>651</v>
      </c>
      <c r="H1445" s="517"/>
      <c r="I1445" s="517"/>
      <c r="J1445" s="517"/>
      <c r="K1445" s="516"/>
    </row>
    <row r="1446" spans="1:11" ht="13.7" customHeight="1">
      <c r="A1446" s="739" t="s">
        <v>651</v>
      </c>
      <c r="B1446" s="740"/>
      <c r="C1446" s="522" t="s">
        <v>242</v>
      </c>
      <c r="D1446" s="521">
        <v>1</v>
      </c>
      <c r="E1446" s="520"/>
      <c r="F1446" s="519"/>
      <c r="G1446" s="518" t="s">
        <v>651</v>
      </c>
      <c r="H1446" s="517"/>
      <c r="I1446" s="517"/>
      <c r="J1446" s="517"/>
      <c r="K1446" s="516"/>
    </row>
    <row r="1447" spans="1:11" ht="13.7" customHeight="1">
      <c r="A1447" s="741"/>
      <c r="B1447" s="742"/>
      <c r="C1447" s="515"/>
      <c r="D1447" s="514"/>
      <c r="E1447" s="513"/>
      <c r="F1447" s="512"/>
      <c r="G1447" s="511" t="s">
        <v>651</v>
      </c>
      <c r="H1447" s="510"/>
      <c r="I1447" s="510"/>
      <c r="J1447" s="510"/>
      <c r="K1447" s="509"/>
    </row>
    <row r="1448" spans="1:11" ht="13.7" customHeight="1">
      <c r="A1448" s="743" t="s">
        <v>651</v>
      </c>
      <c r="B1448" s="744"/>
      <c r="C1448" s="533"/>
      <c r="D1448" s="532"/>
      <c r="E1448" s="531"/>
      <c r="F1448" s="530"/>
      <c r="G1448" s="529" t="s">
        <v>651</v>
      </c>
      <c r="H1448" s="528"/>
      <c r="I1448" s="528"/>
      <c r="J1448" s="528"/>
      <c r="K1448" s="527"/>
    </row>
    <row r="1449" spans="1:11" ht="13.7" customHeight="1">
      <c r="A1449" s="745"/>
      <c r="B1449" s="740"/>
      <c r="C1449" s="526"/>
      <c r="D1449" s="525"/>
      <c r="E1449" s="524"/>
      <c r="F1449" s="523" t="s">
        <v>651</v>
      </c>
      <c r="G1449" s="518" t="s">
        <v>651</v>
      </c>
      <c r="H1449" s="517"/>
      <c r="I1449" s="517"/>
      <c r="J1449" s="517"/>
      <c r="K1449" s="516"/>
    </row>
    <row r="1450" spans="1:11" ht="13.7" customHeight="1">
      <c r="A1450" s="739" t="s">
        <v>652</v>
      </c>
      <c r="B1450" s="740"/>
      <c r="C1450" s="522" t="s">
        <v>242</v>
      </c>
      <c r="D1450" s="521">
        <v>1</v>
      </c>
      <c r="E1450" s="520"/>
      <c r="F1450" s="519"/>
      <c r="G1450" s="518" t="s">
        <v>651</v>
      </c>
      <c r="H1450" s="517"/>
      <c r="I1450" s="517"/>
      <c r="J1450" s="517"/>
      <c r="K1450" s="516"/>
    </row>
    <row r="1451" spans="1:11" ht="13.7" customHeight="1">
      <c r="A1451" s="741"/>
      <c r="B1451" s="742"/>
      <c r="C1451" s="515"/>
      <c r="D1451" s="514"/>
      <c r="E1451" s="513"/>
      <c r="F1451" s="512"/>
      <c r="G1451" s="511" t="s">
        <v>651</v>
      </c>
      <c r="H1451" s="510"/>
      <c r="I1451" s="510"/>
      <c r="J1451" s="510"/>
      <c r="K1451" s="509"/>
    </row>
    <row r="1452" spans="1:11" ht="13.7" customHeight="1">
      <c r="A1452" s="743" t="s">
        <v>651</v>
      </c>
      <c r="B1452" s="744"/>
      <c r="C1452" s="533"/>
      <c r="D1452" s="532"/>
      <c r="E1452" s="531"/>
      <c r="F1452" s="530"/>
      <c r="G1452" s="529" t="s">
        <v>651</v>
      </c>
      <c r="H1452" s="528"/>
      <c r="I1452" s="528"/>
      <c r="J1452" s="528"/>
      <c r="K1452" s="527"/>
    </row>
    <row r="1453" spans="1:11" ht="13.7" customHeight="1">
      <c r="A1453" s="745"/>
      <c r="B1453" s="740"/>
      <c r="C1453" s="526"/>
      <c r="D1453" s="525"/>
      <c r="E1453" s="524"/>
      <c r="F1453" s="523" t="s">
        <v>651</v>
      </c>
      <c r="G1453" s="518" t="s">
        <v>651</v>
      </c>
      <c r="H1453" s="517"/>
      <c r="I1453" s="517"/>
      <c r="J1453" s="517"/>
      <c r="K1453" s="516"/>
    </row>
    <row r="1454" spans="1:11" ht="13.7" customHeight="1">
      <c r="A1454" s="739" t="s">
        <v>681</v>
      </c>
      <c r="B1454" s="740"/>
      <c r="C1454" s="522" t="s">
        <v>242</v>
      </c>
      <c r="D1454" s="521">
        <v>1</v>
      </c>
      <c r="E1454" s="520" t="s">
        <v>1002</v>
      </c>
      <c r="F1454" s="519"/>
      <c r="G1454" s="518" t="s">
        <v>651</v>
      </c>
      <c r="H1454" s="517"/>
      <c r="I1454" s="517"/>
      <c r="J1454" s="517"/>
      <c r="K1454" s="516"/>
    </row>
    <row r="1455" spans="1:11" ht="13.7" customHeight="1">
      <c r="A1455" s="741"/>
      <c r="B1455" s="742"/>
      <c r="C1455" s="515"/>
      <c r="D1455" s="514"/>
      <c r="E1455" s="513"/>
      <c r="F1455" s="512"/>
      <c r="G1455" s="511" t="s">
        <v>651</v>
      </c>
      <c r="H1455" s="510"/>
      <c r="I1455" s="510"/>
      <c r="J1455" s="510"/>
      <c r="K1455" s="509"/>
    </row>
    <row r="1456" spans="1:11" ht="13.7" customHeight="1"/>
    <row r="1457" spans="1:11" ht="13.7" customHeight="1"/>
    <row r="1458" spans="1:11" ht="13.7" customHeight="1"/>
    <row r="1459" spans="1:11" ht="13.7" customHeight="1"/>
    <row r="1460" spans="1:11" ht="13.7" customHeight="1"/>
    <row r="1461" spans="1:11" ht="13.7" customHeight="1"/>
    <row r="1462" spans="1:11" ht="6.2" customHeight="1"/>
    <row r="1463" spans="1:11" ht="14.1" customHeight="1">
      <c r="A1463" s="543" t="s">
        <v>1355</v>
      </c>
      <c r="B1463" s="540" t="s">
        <v>1354</v>
      </c>
      <c r="C1463" s="540"/>
      <c r="D1463" s="540"/>
      <c r="E1463" s="540"/>
      <c r="F1463" s="540"/>
      <c r="G1463" s="542" t="s">
        <v>617</v>
      </c>
      <c r="H1463" s="541" t="s">
        <v>924</v>
      </c>
      <c r="I1463" s="540" t="s">
        <v>1007</v>
      </c>
      <c r="J1463" s="540"/>
      <c r="K1463" s="539"/>
    </row>
    <row r="1464" spans="1:11" ht="24" customHeight="1">
      <c r="A1464" s="538" t="s">
        <v>651</v>
      </c>
      <c r="B1464" s="537" t="s">
        <v>651</v>
      </c>
      <c r="C1464" s="537"/>
      <c r="D1464" s="537"/>
      <c r="E1464" s="537"/>
      <c r="F1464" s="537"/>
      <c r="G1464" s="751">
        <v>1</v>
      </c>
      <c r="H1464" s="751"/>
      <c r="I1464" s="751"/>
      <c r="J1464" s="536" t="s">
        <v>242</v>
      </c>
      <c r="K1464" s="535" t="s">
        <v>618</v>
      </c>
    </row>
    <row r="1465" spans="1:11" ht="17.100000000000001" customHeight="1">
      <c r="A1465" s="746" t="s">
        <v>1006</v>
      </c>
      <c r="B1465" s="747"/>
      <c r="C1465" s="534" t="s">
        <v>309</v>
      </c>
      <c r="D1465" s="534" t="s">
        <v>619</v>
      </c>
      <c r="E1465" s="534" t="s">
        <v>620</v>
      </c>
      <c r="F1465" s="534" t="s">
        <v>659</v>
      </c>
      <c r="G1465" s="748" t="s">
        <v>1005</v>
      </c>
      <c r="H1465" s="749"/>
      <c r="I1465" s="749"/>
      <c r="J1465" s="749"/>
      <c r="K1465" s="750"/>
    </row>
    <row r="1466" spans="1:11" ht="13.7" customHeight="1">
      <c r="A1466" s="743" t="s">
        <v>1352</v>
      </c>
      <c r="B1466" s="744"/>
      <c r="C1466" s="533"/>
      <c r="D1466" s="532"/>
      <c r="E1466" s="531"/>
      <c r="F1466" s="530"/>
      <c r="G1466" s="529" t="s">
        <v>1362</v>
      </c>
      <c r="H1466" s="528"/>
      <c r="I1466" s="528"/>
      <c r="J1466" s="528"/>
      <c r="K1466" s="527"/>
    </row>
    <row r="1467" spans="1:11" ht="13.7" customHeight="1">
      <c r="A1467" s="745"/>
      <c r="B1467" s="740"/>
      <c r="C1467" s="526"/>
      <c r="D1467" s="525"/>
      <c r="E1467" s="524"/>
      <c r="F1467" s="523" t="s">
        <v>651</v>
      </c>
      <c r="G1467" s="518" t="s">
        <v>651</v>
      </c>
      <c r="H1467" s="517"/>
      <c r="I1467" s="517"/>
      <c r="J1467" s="517"/>
      <c r="K1467" s="516"/>
    </row>
    <row r="1468" spans="1:11" ht="13.7" customHeight="1">
      <c r="A1468" s="739" t="s">
        <v>651</v>
      </c>
      <c r="B1468" s="740"/>
      <c r="C1468" s="522" t="s">
        <v>242</v>
      </c>
      <c r="D1468" s="521">
        <v>1</v>
      </c>
      <c r="E1468" s="520"/>
      <c r="F1468" s="519"/>
      <c r="G1468" s="518" t="s">
        <v>651</v>
      </c>
      <c r="H1468" s="517"/>
      <c r="I1468" s="517"/>
      <c r="J1468" s="517"/>
      <c r="K1468" s="516"/>
    </row>
    <row r="1469" spans="1:11" ht="13.7" customHeight="1">
      <c r="A1469" s="741"/>
      <c r="B1469" s="742"/>
      <c r="C1469" s="515"/>
      <c r="D1469" s="514"/>
      <c r="E1469" s="513"/>
      <c r="F1469" s="512"/>
      <c r="G1469" s="511" t="s">
        <v>651</v>
      </c>
      <c r="H1469" s="510"/>
      <c r="I1469" s="510"/>
      <c r="J1469" s="510"/>
      <c r="K1469" s="509"/>
    </row>
    <row r="1470" spans="1:11" ht="13.7" customHeight="1">
      <c r="A1470" s="743" t="s">
        <v>1314</v>
      </c>
      <c r="B1470" s="744"/>
      <c r="C1470" s="533"/>
      <c r="D1470" s="532"/>
      <c r="E1470" s="531"/>
      <c r="F1470" s="530"/>
      <c r="G1470" s="529" t="s">
        <v>1361</v>
      </c>
      <c r="H1470" s="528"/>
      <c r="I1470" s="528"/>
      <c r="J1470" s="528"/>
      <c r="K1470" s="527"/>
    </row>
    <row r="1471" spans="1:11" ht="13.7" customHeight="1">
      <c r="A1471" s="745"/>
      <c r="B1471" s="740"/>
      <c r="C1471" s="526"/>
      <c r="D1471" s="525"/>
      <c r="E1471" s="524"/>
      <c r="F1471" s="523" t="s">
        <v>651</v>
      </c>
      <c r="G1471" s="518" t="s">
        <v>651</v>
      </c>
      <c r="H1471" s="517"/>
      <c r="I1471" s="517"/>
      <c r="J1471" s="517"/>
      <c r="K1471" s="516"/>
    </row>
    <row r="1472" spans="1:11" ht="13.7" customHeight="1">
      <c r="A1472" s="739" t="s">
        <v>651</v>
      </c>
      <c r="B1472" s="740"/>
      <c r="C1472" s="522" t="s">
        <v>242</v>
      </c>
      <c r="D1472" s="521">
        <v>1</v>
      </c>
      <c r="E1472" s="520"/>
      <c r="F1472" s="519"/>
      <c r="G1472" s="518" t="s">
        <v>651</v>
      </c>
      <c r="H1472" s="517"/>
      <c r="I1472" s="517"/>
      <c r="J1472" s="517"/>
      <c r="K1472" s="516"/>
    </row>
    <row r="1473" spans="1:11" ht="13.7" customHeight="1">
      <c r="A1473" s="741"/>
      <c r="B1473" s="742"/>
      <c r="C1473" s="515"/>
      <c r="D1473" s="514"/>
      <c r="E1473" s="513"/>
      <c r="F1473" s="512"/>
      <c r="G1473" s="511" t="s">
        <v>651</v>
      </c>
      <c r="H1473" s="510"/>
      <c r="I1473" s="510"/>
      <c r="J1473" s="510"/>
      <c r="K1473" s="509"/>
    </row>
    <row r="1474" spans="1:11" ht="13.7" customHeight="1">
      <c r="A1474" s="743" t="s">
        <v>1255</v>
      </c>
      <c r="B1474" s="744"/>
      <c r="C1474" s="533"/>
      <c r="D1474" s="532"/>
      <c r="E1474" s="531"/>
      <c r="F1474" s="530"/>
      <c r="G1474" s="529" t="s">
        <v>1360</v>
      </c>
      <c r="H1474" s="528"/>
      <c r="I1474" s="528"/>
      <c r="J1474" s="528"/>
      <c r="K1474" s="527"/>
    </row>
    <row r="1475" spans="1:11" ht="13.7" customHeight="1">
      <c r="A1475" s="745"/>
      <c r="B1475" s="740"/>
      <c r="C1475" s="526"/>
      <c r="D1475" s="525"/>
      <c r="E1475" s="524"/>
      <c r="F1475" s="523" t="s">
        <v>651</v>
      </c>
      <c r="G1475" s="518" t="s">
        <v>651</v>
      </c>
      <c r="H1475" s="517"/>
      <c r="I1475" s="517"/>
      <c r="J1475" s="517"/>
      <c r="K1475" s="516"/>
    </row>
    <row r="1476" spans="1:11" ht="13.7" customHeight="1">
      <c r="A1476" s="739" t="s">
        <v>651</v>
      </c>
      <c r="B1476" s="740"/>
      <c r="C1476" s="522" t="s">
        <v>242</v>
      </c>
      <c r="D1476" s="521">
        <v>1</v>
      </c>
      <c r="E1476" s="520"/>
      <c r="F1476" s="519"/>
      <c r="G1476" s="518" t="s">
        <v>651</v>
      </c>
      <c r="H1476" s="517"/>
      <c r="I1476" s="517"/>
      <c r="J1476" s="517"/>
      <c r="K1476" s="516"/>
    </row>
    <row r="1477" spans="1:11" ht="13.7" customHeight="1">
      <c r="A1477" s="741"/>
      <c r="B1477" s="742"/>
      <c r="C1477" s="515"/>
      <c r="D1477" s="514"/>
      <c r="E1477" s="513"/>
      <c r="F1477" s="512"/>
      <c r="G1477" s="511" t="s">
        <v>651</v>
      </c>
      <c r="H1477" s="510"/>
      <c r="I1477" s="510"/>
      <c r="J1477" s="510"/>
      <c r="K1477" s="509"/>
    </row>
    <row r="1478" spans="1:11" ht="13.7" customHeight="1">
      <c r="A1478" s="743" t="s">
        <v>1191</v>
      </c>
      <c r="B1478" s="744"/>
      <c r="C1478" s="533"/>
      <c r="D1478" s="532"/>
      <c r="E1478" s="531"/>
      <c r="F1478" s="530"/>
      <c r="G1478" s="529" t="s">
        <v>1359</v>
      </c>
      <c r="H1478" s="528"/>
      <c r="I1478" s="528"/>
      <c r="J1478" s="528"/>
      <c r="K1478" s="527"/>
    </row>
    <row r="1479" spans="1:11" ht="13.7" customHeight="1">
      <c r="A1479" s="745"/>
      <c r="B1479" s="740"/>
      <c r="C1479" s="526"/>
      <c r="D1479" s="525"/>
      <c r="E1479" s="524"/>
      <c r="F1479" s="523" t="s">
        <v>651</v>
      </c>
      <c r="G1479" s="518" t="s">
        <v>651</v>
      </c>
      <c r="H1479" s="517"/>
      <c r="I1479" s="517"/>
      <c r="J1479" s="517"/>
      <c r="K1479" s="516"/>
    </row>
    <row r="1480" spans="1:11" ht="13.7" customHeight="1">
      <c r="A1480" s="739" t="s">
        <v>651</v>
      </c>
      <c r="B1480" s="740"/>
      <c r="C1480" s="522" t="s">
        <v>242</v>
      </c>
      <c r="D1480" s="521">
        <v>1</v>
      </c>
      <c r="E1480" s="520"/>
      <c r="F1480" s="519"/>
      <c r="G1480" s="518" t="s">
        <v>651</v>
      </c>
      <c r="H1480" s="517"/>
      <c r="I1480" s="517"/>
      <c r="J1480" s="517"/>
      <c r="K1480" s="516"/>
    </row>
    <row r="1481" spans="1:11" ht="13.7" customHeight="1">
      <c r="A1481" s="741"/>
      <c r="B1481" s="742"/>
      <c r="C1481" s="515"/>
      <c r="D1481" s="514"/>
      <c r="E1481" s="513"/>
      <c r="F1481" s="512"/>
      <c r="G1481" s="511" t="s">
        <v>651</v>
      </c>
      <c r="H1481" s="510"/>
      <c r="I1481" s="510"/>
      <c r="J1481" s="510"/>
      <c r="K1481" s="509"/>
    </row>
    <row r="1482" spans="1:11" ht="13.7" customHeight="1">
      <c r="A1482" s="743" t="s">
        <v>1163</v>
      </c>
      <c r="B1482" s="744"/>
      <c r="C1482" s="533"/>
      <c r="D1482" s="532"/>
      <c r="E1482" s="531"/>
      <c r="F1482" s="530"/>
      <c r="G1482" s="529" t="s">
        <v>1358</v>
      </c>
      <c r="H1482" s="528"/>
      <c r="I1482" s="528"/>
      <c r="J1482" s="528"/>
      <c r="K1482" s="527"/>
    </row>
    <row r="1483" spans="1:11" ht="13.7" customHeight="1">
      <c r="A1483" s="745"/>
      <c r="B1483" s="740"/>
      <c r="C1483" s="526"/>
      <c r="D1483" s="525"/>
      <c r="E1483" s="524"/>
      <c r="F1483" s="523" t="s">
        <v>651</v>
      </c>
      <c r="G1483" s="518" t="s">
        <v>651</v>
      </c>
      <c r="H1483" s="517"/>
      <c r="I1483" s="517"/>
      <c r="J1483" s="517"/>
      <c r="K1483" s="516"/>
    </row>
    <row r="1484" spans="1:11" ht="13.7" customHeight="1">
      <c r="A1484" s="739" t="s">
        <v>651</v>
      </c>
      <c r="B1484" s="740"/>
      <c r="C1484" s="522" t="s">
        <v>242</v>
      </c>
      <c r="D1484" s="521">
        <v>1</v>
      </c>
      <c r="E1484" s="520"/>
      <c r="F1484" s="519"/>
      <c r="G1484" s="518" t="s">
        <v>651</v>
      </c>
      <c r="H1484" s="517"/>
      <c r="I1484" s="517"/>
      <c r="J1484" s="517"/>
      <c r="K1484" s="516"/>
    </row>
    <row r="1485" spans="1:11" ht="13.7" customHeight="1">
      <c r="A1485" s="741"/>
      <c r="B1485" s="742"/>
      <c r="C1485" s="515"/>
      <c r="D1485" s="514"/>
      <c r="E1485" s="513"/>
      <c r="F1485" s="512"/>
      <c r="G1485" s="511" t="s">
        <v>651</v>
      </c>
      <c r="H1485" s="510"/>
      <c r="I1485" s="510"/>
      <c r="J1485" s="510"/>
      <c r="K1485" s="509"/>
    </row>
    <row r="1486" spans="1:11" ht="13.7" customHeight="1">
      <c r="A1486" s="743" t="s">
        <v>1101</v>
      </c>
      <c r="B1486" s="744"/>
      <c r="C1486" s="533"/>
      <c r="D1486" s="532"/>
      <c r="E1486" s="531"/>
      <c r="F1486" s="530"/>
      <c r="G1486" s="529" t="s">
        <v>1357</v>
      </c>
      <c r="H1486" s="528"/>
      <c r="I1486" s="528"/>
      <c r="J1486" s="528"/>
      <c r="K1486" s="527"/>
    </row>
    <row r="1487" spans="1:11" ht="13.7" customHeight="1">
      <c r="A1487" s="745"/>
      <c r="B1487" s="740"/>
      <c r="C1487" s="526"/>
      <c r="D1487" s="525"/>
      <c r="E1487" s="524"/>
      <c r="F1487" s="523" t="s">
        <v>651</v>
      </c>
      <c r="G1487" s="518" t="s">
        <v>651</v>
      </c>
      <c r="H1487" s="517"/>
      <c r="I1487" s="517"/>
      <c r="J1487" s="517"/>
      <c r="K1487" s="516"/>
    </row>
    <row r="1488" spans="1:11" ht="13.7" customHeight="1">
      <c r="A1488" s="739" t="s">
        <v>651</v>
      </c>
      <c r="B1488" s="740"/>
      <c r="C1488" s="522" t="s">
        <v>242</v>
      </c>
      <c r="D1488" s="521">
        <v>1</v>
      </c>
      <c r="E1488" s="520"/>
      <c r="F1488" s="519"/>
      <c r="G1488" s="518" t="s">
        <v>651</v>
      </c>
      <c r="H1488" s="517"/>
      <c r="I1488" s="517"/>
      <c r="J1488" s="517"/>
      <c r="K1488" s="516"/>
    </row>
    <row r="1489" spans="1:11" ht="13.7" customHeight="1">
      <c r="A1489" s="741"/>
      <c r="B1489" s="742"/>
      <c r="C1489" s="515"/>
      <c r="D1489" s="514"/>
      <c r="E1489" s="513"/>
      <c r="F1489" s="512"/>
      <c r="G1489" s="511" t="s">
        <v>651</v>
      </c>
      <c r="H1489" s="510"/>
      <c r="I1489" s="510"/>
      <c r="J1489" s="510"/>
      <c r="K1489" s="509"/>
    </row>
    <row r="1490" spans="1:11" ht="13.7" customHeight="1">
      <c r="A1490" s="743" t="s">
        <v>1045</v>
      </c>
      <c r="B1490" s="744"/>
      <c r="C1490" s="533"/>
      <c r="D1490" s="532"/>
      <c r="E1490" s="531"/>
      <c r="F1490" s="530"/>
      <c r="G1490" s="529" t="s">
        <v>1356</v>
      </c>
      <c r="H1490" s="528"/>
      <c r="I1490" s="528"/>
      <c r="J1490" s="528"/>
      <c r="K1490" s="527"/>
    </row>
    <row r="1491" spans="1:11" ht="13.7" customHeight="1">
      <c r="A1491" s="745"/>
      <c r="B1491" s="740"/>
      <c r="C1491" s="526"/>
      <c r="D1491" s="525"/>
      <c r="E1491" s="524"/>
      <c r="F1491" s="523" t="s">
        <v>651</v>
      </c>
      <c r="G1491" s="518" t="s">
        <v>651</v>
      </c>
      <c r="H1491" s="517"/>
      <c r="I1491" s="517"/>
      <c r="J1491" s="517"/>
      <c r="K1491" s="516"/>
    </row>
    <row r="1492" spans="1:11" ht="13.7" customHeight="1">
      <c r="A1492" s="739" t="s">
        <v>651</v>
      </c>
      <c r="B1492" s="740"/>
      <c r="C1492" s="522" t="s">
        <v>242</v>
      </c>
      <c r="D1492" s="521">
        <v>1</v>
      </c>
      <c r="E1492" s="520"/>
      <c r="F1492" s="519"/>
      <c r="G1492" s="518" t="s">
        <v>651</v>
      </c>
      <c r="H1492" s="517"/>
      <c r="I1492" s="517"/>
      <c r="J1492" s="517"/>
      <c r="K1492" s="516"/>
    </row>
    <row r="1493" spans="1:11" ht="13.7" customHeight="1">
      <c r="A1493" s="741"/>
      <c r="B1493" s="742"/>
      <c r="C1493" s="515"/>
      <c r="D1493" s="514"/>
      <c r="E1493" s="513"/>
      <c r="F1493" s="512"/>
      <c r="G1493" s="511" t="s">
        <v>651</v>
      </c>
      <c r="H1493" s="510"/>
      <c r="I1493" s="510"/>
      <c r="J1493" s="510"/>
      <c r="K1493" s="509"/>
    </row>
    <row r="1494" spans="1:11" ht="13.7" customHeight="1">
      <c r="A1494" s="743" t="s">
        <v>651</v>
      </c>
      <c r="B1494" s="744"/>
      <c r="C1494" s="533"/>
      <c r="D1494" s="532"/>
      <c r="E1494" s="531"/>
      <c r="F1494" s="530"/>
      <c r="G1494" s="529" t="s">
        <v>651</v>
      </c>
      <c r="H1494" s="528"/>
      <c r="I1494" s="528"/>
      <c r="J1494" s="528"/>
      <c r="K1494" s="527"/>
    </row>
    <row r="1495" spans="1:11" ht="13.7" customHeight="1">
      <c r="A1495" s="745"/>
      <c r="B1495" s="740"/>
      <c r="C1495" s="526"/>
      <c r="D1495" s="525"/>
      <c r="E1495" s="524"/>
      <c r="F1495" s="523" t="s">
        <v>651</v>
      </c>
      <c r="G1495" s="518" t="s">
        <v>651</v>
      </c>
      <c r="H1495" s="517"/>
      <c r="I1495" s="517"/>
      <c r="J1495" s="517"/>
      <c r="K1495" s="516"/>
    </row>
    <row r="1496" spans="1:11" ht="13.7" customHeight="1">
      <c r="A1496" s="739" t="s">
        <v>652</v>
      </c>
      <c r="B1496" s="740"/>
      <c r="C1496" s="522" t="s">
        <v>242</v>
      </c>
      <c r="D1496" s="521">
        <v>1</v>
      </c>
      <c r="E1496" s="520"/>
      <c r="F1496" s="519"/>
      <c r="G1496" s="518" t="s">
        <v>651</v>
      </c>
      <c r="H1496" s="517"/>
      <c r="I1496" s="517"/>
      <c r="J1496" s="517"/>
      <c r="K1496" s="516"/>
    </row>
    <row r="1497" spans="1:11" ht="13.7" customHeight="1">
      <c r="A1497" s="741"/>
      <c r="B1497" s="742"/>
      <c r="C1497" s="515"/>
      <c r="D1497" s="514"/>
      <c r="E1497" s="513"/>
      <c r="F1497" s="512"/>
      <c r="G1497" s="511" t="s">
        <v>651</v>
      </c>
      <c r="H1497" s="510"/>
      <c r="I1497" s="510"/>
      <c r="J1497" s="510"/>
      <c r="K1497" s="509"/>
    </row>
    <row r="1498" spans="1:11" ht="13.7" customHeight="1"/>
    <row r="1499" spans="1:11" ht="13.7" customHeight="1"/>
    <row r="1500" spans="1:11" ht="6.2" customHeight="1"/>
    <row r="1501" spans="1:11" ht="14.1" customHeight="1">
      <c r="A1501" s="543" t="s">
        <v>1355</v>
      </c>
      <c r="B1501" s="540" t="s">
        <v>1354</v>
      </c>
      <c r="C1501" s="540"/>
      <c r="D1501" s="540"/>
      <c r="E1501" s="540"/>
      <c r="F1501" s="540"/>
      <c r="G1501" s="542" t="s">
        <v>617</v>
      </c>
      <c r="H1501" s="541" t="s">
        <v>924</v>
      </c>
      <c r="I1501" s="540" t="s">
        <v>1007</v>
      </c>
      <c r="J1501" s="540"/>
      <c r="K1501" s="539"/>
    </row>
    <row r="1502" spans="1:11" ht="24" customHeight="1">
      <c r="A1502" s="538" t="s">
        <v>651</v>
      </c>
      <c r="B1502" s="537" t="s">
        <v>651</v>
      </c>
      <c r="C1502" s="537"/>
      <c r="D1502" s="537"/>
      <c r="E1502" s="537"/>
      <c r="F1502" s="537"/>
      <c r="G1502" s="751">
        <v>1</v>
      </c>
      <c r="H1502" s="751"/>
      <c r="I1502" s="751"/>
      <c r="J1502" s="536" t="s">
        <v>242</v>
      </c>
      <c r="K1502" s="535" t="s">
        <v>618</v>
      </c>
    </row>
    <row r="1503" spans="1:11" ht="17.100000000000001" customHeight="1">
      <c r="A1503" s="746" t="s">
        <v>1006</v>
      </c>
      <c r="B1503" s="747"/>
      <c r="C1503" s="534" t="s">
        <v>309</v>
      </c>
      <c r="D1503" s="534" t="s">
        <v>619</v>
      </c>
      <c r="E1503" s="534" t="s">
        <v>620</v>
      </c>
      <c r="F1503" s="534" t="s">
        <v>659</v>
      </c>
      <c r="G1503" s="748" t="s">
        <v>1005</v>
      </c>
      <c r="H1503" s="749"/>
      <c r="I1503" s="749"/>
      <c r="J1503" s="749"/>
      <c r="K1503" s="750"/>
    </row>
    <row r="1504" spans="1:11" ht="13.7" customHeight="1">
      <c r="A1504" s="743" t="s">
        <v>651</v>
      </c>
      <c r="B1504" s="744"/>
      <c r="C1504" s="533"/>
      <c r="D1504" s="532"/>
      <c r="E1504" s="531"/>
      <c r="F1504" s="530"/>
      <c r="G1504" s="529" t="s">
        <v>651</v>
      </c>
      <c r="H1504" s="528"/>
      <c r="I1504" s="528"/>
      <c r="J1504" s="528"/>
      <c r="K1504" s="527"/>
    </row>
    <row r="1505" spans="1:11" ht="13.7" customHeight="1">
      <c r="A1505" s="745"/>
      <c r="B1505" s="740"/>
      <c r="C1505" s="526"/>
      <c r="D1505" s="525"/>
      <c r="E1505" s="524"/>
      <c r="F1505" s="523" t="s">
        <v>651</v>
      </c>
      <c r="G1505" s="518" t="s">
        <v>651</v>
      </c>
      <c r="H1505" s="517"/>
      <c r="I1505" s="517"/>
      <c r="J1505" s="517"/>
      <c r="K1505" s="516"/>
    </row>
    <row r="1506" spans="1:11" ht="13.7" customHeight="1">
      <c r="A1506" s="739" t="s">
        <v>681</v>
      </c>
      <c r="B1506" s="740"/>
      <c r="C1506" s="522" t="s">
        <v>242</v>
      </c>
      <c r="D1506" s="521">
        <v>1</v>
      </c>
      <c r="E1506" s="520" t="s">
        <v>1002</v>
      </c>
      <c r="F1506" s="519"/>
      <c r="G1506" s="518" t="s">
        <v>651</v>
      </c>
      <c r="H1506" s="517"/>
      <c r="I1506" s="517"/>
      <c r="J1506" s="517"/>
      <c r="K1506" s="516"/>
    </row>
    <row r="1507" spans="1:11" ht="13.7" customHeight="1">
      <c r="A1507" s="741"/>
      <c r="B1507" s="742"/>
      <c r="C1507" s="515"/>
      <c r="D1507" s="514"/>
      <c r="E1507" s="513"/>
      <c r="F1507" s="512"/>
      <c r="G1507" s="511" t="s">
        <v>651</v>
      </c>
      <c r="H1507" s="510"/>
      <c r="I1507" s="510"/>
      <c r="J1507" s="510"/>
      <c r="K1507" s="509"/>
    </row>
    <row r="1508" spans="1:11" ht="54.95" customHeight="1"/>
    <row r="1509" spans="1:11" ht="14.1" customHeight="1">
      <c r="A1509" s="543" t="s">
        <v>1353</v>
      </c>
      <c r="B1509" s="540" t="s">
        <v>1352</v>
      </c>
      <c r="C1509" s="540"/>
      <c r="D1509" s="540"/>
      <c r="E1509" s="540"/>
      <c r="F1509" s="540"/>
      <c r="G1509" s="542" t="s">
        <v>617</v>
      </c>
      <c r="H1509" s="541" t="s">
        <v>922</v>
      </c>
      <c r="I1509" s="540" t="s">
        <v>1007</v>
      </c>
      <c r="J1509" s="540"/>
      <c r="K1509" s="539"/>
    </row>
    <row r="1510" spans="1:11" ht="24" customHeight="1">
      <c r="A1510" s="538" t="s">
        <v>651</v>
      </c>
      <c r="B1510" s="537" t="s">
        <v>651</v>
      </c>
      <c r="C1510" s="537"/>
      <c r="D1510" s="537"/>
      <c r="E1510" s="537"/>
      <c r="F1510" s="537"/>
      <c r="G1510" s="751">
        <v>1</v>
      </c>
      <c r="H1510" s="751"/>
      <c r="I1510" s="751"/>
      <c r="J1510" s="536" t="s">
        <v>242</v>
      </c>
      <c r="K1510" s="535" t="s">
        <v>618</v>
      </c>
    </row>
    <row r="1511" spans="1:11" ht="17.100000000000001" customHeight="1">
      <c r="A1511" s="746" t="s">
        <v>1006</v>
      </c>
      <c r="B1511" s="747"/>
      <c r="C1511" s="534" t="s">
        <v>309</v>
      </c>
      <c r="D1511" s="534" t="s">
        <v>619</v>
      </c>
      <c r="E1511" s="534" t="s">
        <v>620</v>
      </c>
      <c r="F1511" s="534" t="s">
        <v>659</v>
      </c>
      <c r="G1511" s="748" t="s">
        <v>1005</v>
      </c>
      <c r="H1511" s="749"/>
      <c r="I1511" s="749"/>
      <c r="J1511" s="749"/>
      <c r="K1511" s="750"/>
    </row>
    <row r="1512" spans="1:11" ht="13.7" customHeight="1">
      <c r="A1512" s="743" t="s">
        <v>1339</v>
      </c>
      <c r="B1512" s="744"/>
      <c r="C1512" s="533"/>
      <c r="D1512" s="532"/>
      <c r="E1512" s="531"/>
      <c r="F1512" s="530"/>
      <c r="G1512" s="529" t="s">
        <v>1351</v>
      </c>
      <c r="H1512" s="528"/>
      <c r="I1512" s="528"/>
      <c r="J1512" s="528"/>
      <c r="K1512" s="527"/>
    </row>
    <row r="1513" spans="1:11" ht="13.7" customHeight="1">
      <c r="A1513" s="745"/>
      <c r="B1513" s="740"/>
      <c r="C1513" s="526"/>
      <c r="D1513" s="525"/>
      <c r="E1513" s="524"/>
      <c r="F1513" s="523" t="s">
        <v>651</v>
      </c>
      <c r="G1513" s="518" t="s">
        <v>651</v>
      </c>
      <c r="H1513" s="517"/>
      <c r="I1513" s="517"/>
      <c r="J1513" s="517"/>
      <c r="K1513" s="516"/>
    </row>
    <row r="1514" spans="1:11" ht="13.7" customHeight="1">
      <c r="A1514" s="739" t="s">
        <v>651</v>
      </c>
      <c r="B1514" s="740"/>
      <c r="C1514" s="522" t="s">
        <v>242</v>
      </c>
      <c r="D1514" s="521">
        <v>1</v>
      </c>
      <c r="E1514" s="520"/>
      <c r="F1514" s="519"/>
      <c r="G1514" s="518" t="s">
        <v>651</v>
      </c>
      <c r="H1514" s="517"/>
      <c r="I1514" s="517"/>
      <c r="J1514" s="517"/>
      <c r="K1514" s="516"/>
    </row>
    <row r="1515" spans="1:11" ht="13.7" customHeight="1">
      <c r="A1515" s="741"/>
      <c r="B1515" s="742"/>
      <c r="C1515" s="515"/>
      <c r="D1515" s="514"/>
      <c r="E1515" s="513"/>
      <c r="F1515" s="512"/>
      <c r="G1515" s="511" t="s">
        <v>651</v>
      </c>
      <c r="H1515" s="510"/>
      <c r="I1515" s="510"/>
      <c r="J1515" s="510"/>
      <c r="K1515" s="509"/>
    </row>
    <row r="1516" spans="1:11" ht="13.7" customHeight="1">
      <c r="A1516" s="743" t="s">
        <v>1328</v>
      </c>
      <c r="B1516" s="744"/>
      <c r="C1516" s="533"/>
      <c r="D1516" s="532"/>
      <c r="E1516" s="531"/>
      <c r="F1516" s="530"/>
      <c r="G1516" s="529" t="s">
        <v>1350</v>
      </c>
      <c r="H1516" s="528"/>
      <c r="I1516" s="528"/>
      <c r="J1516" s="528"/>
      <c r="K1516" s="527"/>
    </row>
    <row r="1517" spans="1:11" ht="13.7" customHeight="1">
      <c r="A1517" s="745"/>
      <c r="B1517" s="740"/>
      <c r="C1517" s="526"/>
      <c r="D1517" s="525"/>
      <c r="E1517" s="524"/>
      <c r="F1517" s="523" t="s">
        <v>651</v>
      </c>
      <c r="G1517" s="518" t="s">
        <v>651</v>
      </c>
      <c r="H1517" s="517"/>
      <c r="I1517" s="517"/>
      <c r="J1517" s="517"/>
      <c r="K1517" s="516"/>
    </row>
    <row r="1518" spans="1:11" ht="13.7" customHeight="1">
      <c r="A1518" s="739" t="s">
        <v>651</v>
      </c>
      <c r="B1518" s="740"/>
      <c r="C1518" s="522" t="s">
        <v>242</v>
      </c>
      <c r="D1518" s="521">
        <v>1</v>
      </c>
      <c r="E1518" s="520"/>
      <c r="F1518" s="519"/>
      <c r="G1518" s="518" t="s">
        <v>651</v>
      </c>
      <c r="H1518" s="517"/>
      <c r="I1518" s="517"/>
      <c r="J1518" s="517"/>
      <c r="K1518" s="516"/>
    </row>
    <row r="1519" spans="1:11" ht="13.7" customHeight="1">
      <c r="A1519" s="741"/>
      <c r="B1519" s="742"/>
      <c r="C1519" s="515"/>
      <c r="D1519" s="514"/>
      <c r="E1519" s="513"/>
      <c r="F1519" s="512"/>
      <c r="G1519" s="511" t="s">
        <v>651</v>
      </c>
      <c r="H1519" s="510"/>
      <c r="I1519" s="510"/>
      <c r="J1519" s="510"/>
      <c r="K1519" s="509"/>
    </row>
    <row r="1520" spans="1:11" ht="13.7" customHeight="1">
      <c r="A1520" s="743" t="s">
        <v>1319</v>
      </c>
      <c r="B1520" s="744"/>
      <c r="C1520" s="533"/>
      <c r="D1520" s="532"/>
      <c r="E1520" s="531"/>
      <c r="F1520" s="530"/>
      <c r="G1520" s="529" t="s">
        <v>1349</v>
      </c>
      <c r="H1520" s="528"/>
      <c r="I1520" s="528"/>
      <c r="J1520" s="528"/>
      <c r="K1520" s="527"/>
    </row>
    <row r="1521" spans="1:11" ht="13.7" customHeight="1">
      <c r="A1521" s="745"/>
      <c r="B1521" s="740"/>
      <c r="C1521" s="526"/>
      <c r="D1521" s="525"/>
      <c r="E1521" s="524"/>
      <c r="F1521" s="523" t="s">
        <v>651</v>
      </c>
      <c r="G1521" s="518" t="s">
        <v>651</v>
      </c>
      <c r="H1521" s="517"/>
      <c r="I1521" s="517"/>
      <c r="J1521" s="517"/>
      <c r="K1521" s="516"/>
    </row>
    <row r="1522" spans="1:11" ht="13.7" customHeight="1">
      <c r="A1522" s="739" t="s">
        <v>651</v>
      </c>
      <c r="B1522" s="740"/>
      <c r="C1522" s="522" t="s">
        <v>242</v>
      </c>
      <c r="D1522" s="521">
        <v>1</v>
      </c>
      <c r="E1522" s="520"/>
      <c r="F1522" s="519"/>
      <c r="G1522" s="518" t="s">
        <v>651</v>
      </c>
      <c r="H1522" s="517"/>
      <c r="I1522" s="517"/>
      <c r="J1522" s="517"/>
      <c r="K1522" s="516"/>
    </row>
    <row r="1523" spans="1:11" ht="13.7" customHeight="1">
      <c r="A1523" s="741"/>
      <c r="B1523" s="742"/>
      <c r="C1523" s="515"/>
      <c r="D1523" s="514"/>
      <c r="E1523" s="513"/>
      <c r="F1523" s="512"/>
      <c r="G1523" s="511" t="s">
        <v>651</v>
      </c>
      <c r="H1523" s="510"/>
      <c r="I1523" s="510"/>
      <c r="J1523" s="510"/>
      <c r="K1523" s="509"/>
    </row>
    <row r="1524" spans="1:11" ht="13.7" customHeight="1">
      <c r="A1524" s="743" t="s">
        <v>651</v>
      </c>
      <c r="B1524" s="744"/>
      <c r="C1524" s="533"/>
      <c r="D1524" s="532"/>
      <c r="E1524" s="531"/>
      <c r="F1524" s="530"/>
      <c r="G1524" s="529" t="s">
        <v>651</v>
      </c>
      <c r="H1524" s="528"/>
      <c r="I1524" s="528"/>
      <c r="J1524" s="528"/>
      <c r="K1524" s="527"/>
    </row>
    <row r="1525" spans="1:11" ht="13.7" customHeight="1">
      <c r="A1525" s="745"/>
      <c r="B1525" s="740"/>
      <c r="C1525" s="526"/>
      <c r="D1525" s="525"/>
      <c r="E1525" s="524"/>
      <c r="F1525" s="523" t="s">
        <v>651</v>
      </c>
      <c r="G1525" s="518" t="s">
        <v>651</v>
      </c>
      <c r="H1525" s="517"/>
      <c r="I1525" s="517"/>
      <c r="J1525" s="517"/>
      <c r="K1525" s="516"/>
    </row>
    <row r="1526" spans="1:11" ht="13.7" customHeight="1">
      <c r="A1526" s="739" t="s">
        <v>652</v>
      </c>
      <c r="B1526" s="740"/>
      <c r="C1526" s="522" t="s">
        <v>242</v>
      </c>
      <c r="D1526" s="521">
        <v>1</v>
      </c>
      <c r="E1526" s="520"/>
      <c r="F1526" s="519"/>
      <c r="G1526" s="518" t="s">
        <v>651</v>
      </c>
      <c r="H1526" s="517"/>
      <c r="I1526" s="517"/>
      <c r="J1526" s="517"/>
      <c r="K1526" s="516"/>
    </row>
    <row r="1527" spans="1:11" ht="13.7" customHeight="1">
      <c r="A1527" s="741"/>
      <c r="B1527" s="742"/>
      <c r="C1527" s="515"/>
      <c r="D1527" s="514"/>
      <c r="E1527" s="513"/>
      <c r="F1527" s="512"/>
      <c r="G1527" s="511" t="s">
        <v>651</v>
      </c>
      <c r="H1527" s="510"/>
      <c r="I1527" s="510"/>
      <c r="J1527" s="510"/>
      <c r="K1527" s="509"/>
    </row>
    <row r="1528" spans="1:11" ht="13.7" customHeight="1">
      <c r="A1528" s="743" t="s">
        <v>651</v>
      </c>
      <c r="B1528" s="744"/>
      <c r="C1528" s="533"/>
      <c r="D1528" s="532"/>
      <c r="E1528" s="531"/>
      <c r="F1528" s="530"/>
      <c r="G1528" s="529" t="s">
        <v>651</v>
      </c>
      <c r="H1528" s="528"/>
      <c r="I1528" s="528"/>
      <c r="J1528" s="528"/>
      <c r="K1528" s="527"/>
    </row>
    <row r="1529" spans="1:11" ht="13.7" customHeight="1">
      <c r="A1529" s="745"/>
      <c r="B1529" s="740"/>
      <c r="C1529" s="526"/>
      <c r="D1529" s="525"/>
      <c r="E1529" s="524"/>
      <c r="F1529" s="523" t="s">
        <v>651</v>
      </c>
      <c r="G1529" s="518" t="s">
        <v>651</v>
      </c>
      <c r="H1529" s="517"/>
      <c r="I1529" s="517"/>
      <c r="J1529" s="517"/>
      <c r="K1529" s="516"/>
    </row>
    <row r="1530" spans="1:11" ht="13.7" customHeight="1">
      <c r="A1530" s="739" t="s">
        <v>681</v>
      </c>
      <c r="B1530" s="740"/>
      <c r="C1530" s="522" t="s">
        <v>242</v>
      </c>
      <c r="D1530" s="521">
        <v>1</v>
      </c>
      <c r="E1530" s="520" t="s">
        <v>1002</v>
      </c>
      <c r="F1530" s="519"/>
      <c r="G1530" s="518" t="s">
        <v>651</v>
      </c>
      <c r="H1530" s="517"/>
      <c r="I1530" s="517"/>
      <c r="J1530" s="517"/>
      <c r="K1530" s="516"/>
    </row>
    <row r="1531" spans="1:11" ht="13.7" customHeight="1">
      <c r="A1531" s="741"/>
      <c r="B1531" s="742"/>
      <c r="C1531" s="515"/>
      <c r="D1531" s="514"/>
      <c r="E1531" s="513"/>
      <c r="F1531" s="512"/>
      <c r="G1531" s="511" t="s">
        <v>651</v>
      </c>
      <c r="H1531" s="510"/>
      <c r="I1531" s="510"/>
      <c r="J1531" s="510"/>
      <c r="K1531" s="509"/>
    </row>
    <row r="1532" spans="1:11" ht="13.7" customHeight="1"/>
    <row r="1533" spans="1:11" ht="13.7" customHeight="1"/>
    <row r="1534" spans="1:11" ht="6.2" customHeight="1"/>
    <row r="1535" spans="1:11" ht="14.1" customHeight="1">
      <c r="A1535" s="543" t="s">
        <v>1340</v>
      </c>
      <c r="B1535" s="540" t="s">
        <v>1339</v>
      </c>
      <c r="C1535" s="540"/>
      <c r="D1535" s="540"/>
      <c r="E1535" s="540"/>
      <c r="F1535" s="540"/>
      <c r="G1535" s="542" t="s">
        <v>617</v>
      </c>
      <c r="H1535" s="541" t="s">
        <v>920</v>
      </c>
      <c r="I1535" s="540" t="s">
        <v>1007</v>
      </c>
      <c r="J1535" s="540"/>
      <c r="K1535" s="539"/>
    </row>
    <row r="1536" spans="1:11" ht="24" customHeight="1">
      <c r="A1536" s="538" t="s">
        <v>651</v>
      </c>
      <c r="B1536" s="537" t="s">
        <v>651</v>
      </c>
      <c r="C1536" s="537"/>
      <c r="D1536" s="537"/>
      <c r="E1536" s="537"/>
      <c r="F1536" s="537"/>
      <c r="G1536" s="751">
        <v>1</v>
      </c>
      <c r="H1536" s="751"/>
      <c r="I1536" s="751"/>
      <c r="J1536" s="536" t="s">
        <v>242</v>
      </c>
      <c r="K1536" s="535" t="s">
        <v>618</v>
      </c>
    </row>
    <row r="1537" spans="1:11" ht="17.100000000000001" customHeight="1">
      <c r="A1537" s="746" t="s">
        <v>1006</v>
      </c>
      <c r="B1537" s="747"/>
      <c r="C1537" s="534" t="s">
        <v>309</v>
      </c>
      <c r="D1537" s="534" t="s">
        <v>619</v>
      </c>
      <c r="E1537" s="534" t="s">
        <v>620</v>
      </c>
      <c r="F1537" s="534" t="s">
        <v>659</v>
      </c>
      <c r="G1537" s="748" t="s">
        <v>1005</v>
      </c>
      <c r="H1537" s="749"/>
      <c r="I1537" s="749"/>
      <c r="J1537" s="749"/>
      <c r="K1537" s="750"/>
    </row>
    <row r="1538" spans="1:11" ht="13.7" customHeight="1">
      <c r="A1538" s="743" t="s">
        <v>1348</v>
      </c>
      <c r="B1538" s="744"/>
      <c r="C1538" s="533"/>
      <c r="D1538" s="532"/>
      <c r="E1538" s="531"/>
      <c r="F1538" s="530"/>
      <c r="G1538" s="529" t="s">
        <v>651</v>
      </c>
      <c r="H1538" s="528"/>
      <c r="I1538" s="528"/>
      <c r="J1538" s="528"/>
      <c r="K1538" s="527"/>
    </row>
    <row r="1539" spans="1:11" ht="13.7" customHeight="1">
      <c r="A1539" s="745"/>
      <c r="B1539" s="740"/>
      <c r="C1539" s="526"/>
      <c r="D1539" s="525"/>
      <c r="E1539" s="524"/>
      <c r="F1539" s="523" t="s">
        <v>651</v>
      </c>
      <c r="G1539" s="518" t="s">
        <v>651</v>
      </c>
      <c r="H1539" s="517"/>
      <c r="I1539" s="517"/>
      <c r="J1539" s="517"/>
      <c r="K1539" s="516"/>
    </row>
    <row r="1540" spans="1:11" ht="13.7" customHeight="1">
      <c r="A1540" s="739" t="s">
        <v>942</v>
      </c>
      <c r="B1540" s="740"/>
      <c r="C1540" s="522" t="s">
        <v>246</v>
      </c>
      <c r="D1540" s="521">
        <v>1</v>
      </c>
      <c r="E1540" s="520"/>
      <c r="F1540" s="519"/>
      <c r="G1540" s="518" t="s">
        <v>651</v>
      </c>
      <c r="H1540" s="517"/>
      <c r="I1540" s="517"/>
      <c r="J1540" s="517"/>
      <c r="K1540" s="516"/>
    </row>
    <row r="1541" spans="1:11" ht="13.7" customHeight="1">
      <c r="A1541" s="741"/>
      <c r="B1541" s="742"/>
      <c r="C1541" s="515"/>
      <c r="D1541" s="514"/>
      <c r="E1541" s="513"/>
      <c r="F1541" s="512"/>
      <c r="G1541" s="511" t="s">
        <v>651</v>
      </c>
      <c r="H1541" s="510"/>
      <c r="I1541" s="510"/>
      <c r="J1541" s="510"/>
      <c r="K1541" s="509"/>
    </row>
    <row r="1542" spans="1:11" ht="13.7" customHeight="1">
      <c r="A1542" s="743" t="s">
        <v>1155</v>
      </c>
      <c r="B1542" s="744"/>
      <c r="C1542" s="533"/>
      <c r="D1542" s="532"/>
      <c r="E1542" s="531"/>
      <c r="F1542" s="530"/>
      <c r="G1542" s="529" t="s">
        <v>651</v>
      </c>
      <c r="H1542" s="528"/>
      <c r="I1542" s="528"/>
      <c r="J1542" s="528"/>
      <c r="K1542" s="527"/>
    </row>
    <row r="1543" spans="1:11" ht="13.7" customHeight="1">
      <c r="A1543" s="745"/>
      <c r="B1543" s="740"/>
      <c r="C1543" s="526"/>
      <c r="D1543" s="525"/>
      <c r="E1543" s="524"/>
      <c r="F1543" s="523" t="s">
        <v>651</v>
      </c>
      <c r="G1543" s="518" t="s">
        <v>651</v>
      </c>
      <c r="H1543" s="517"/>
      <c r="I1543" s="517"/>
      <c r="J1543" s="517"/>
      <c r="K1543" s="516"/>
    </row>
    <row r="1544" spans="1:11" ht="13.7" customHeight="1">
      <c r="A1544" s="739" t="s">
        <v>1347</v>
      </c>
      <c r="B1544" s="740"/>
      <c r="C1544" s="522" t="s">
        <v>236</v>
      </c>
      <c r="D1544" s="521">
        <v>1</v>
      </c>
      <c r="E1544" s="520"/>
      <c r="F1544" s="519"/>
      <c r="G1544" s="518" t="s">
        <v>651</v>
      </c>
      <c r="H1544" s="517"/>
      <c r="I1544" s="517"/>
      <c r="J1544" s="517"/>
      <c r="K1544" s="516"/>
    </row>
    <row r="1545" spans="1:11" ht="13.7" customHeight="1">
      <c r="A1545" s="741"/>
      <c r="B1545" s="742"/>
      <c r="C1545" s="515"/>
      <c r="D1545" s="514"/>
      <c r="E1545" s="513"/>
      <c r="F1545" s="512"/>
      <c r="G1545" s="511" t="s">
        <v>651</v>
      </c>
      <c r="H1545" s="510"/>
      <c r="I1545" s="510"/>
      <c r="J1545" s="510"/>
      <c r="K1545" s="509"/>
    </row>
    <row r="1546" spans="1:11" ht="13.7" customHeight="1">
      <c r="A1546" s="743" t="s">
        <v>1309</v>
      </c>
      <c r="B1546" s="744"/>
      <c r="C1546" s="533"/>
      <c r="D1546" s="532"/>
      <c r="E1546" s="531"/>
      <c r="F1546" s="530"/>
      <c r="G1546" s="529" t="s">
        <v>651</v>
      </c>
      <c r="H1546" s="528"/>
      <c r="I1546" s="528"/>
      <c r="J1546" s="528"/>
      <c r="K1546" s="527"/>
    </row>
    <row r="1547" spans="1:11" ht="13.7" customHeight="1">
      <c r="A1547" s="745"/>
      <c r="B1547" s="740"/>
      <c r="C1547" s="526"/>
      <c r="D1547" s="525"/>
      <c r="E1547" s="524"/>
      <c r="F1547" s="523" t="s">
        <v>651</v>
      </c>
      <c r="G1547" s="518" t="s">
        <v>651</v>
      </c>
      <c r="H1547" s="517"/>
      <c r="I1547" s="517"/>
      <c r="J1547" s="517"/>
      <c r="K1547" s="516"/>
    </row>
    <row r="1548" spans="1:11" ht="13.7" customHeight="1">
      <c r="A1548" s="739" t="s">
        <v>1346</v>
      </c>
      <c r="B1548" s="740"/>
      <c r="C1548" s="522" t="s">
        <v>236</v>
      </c>
      <c r="D1548" s="521">
        <v>1</v>
      </c>
      <c r="E1548" s="520"/>
      <c r="F1548" s="519"/>
      <c r="G1548" s="518" t="s">
        <v>651</v>
      </c>
      <c r="H1548" s="517"/>
      <c r="I1548" s="517"/>
      <c r="J1548" s="517"/>
      <c r="K1548" s="516"/>
    </row>
    <row r="1549" spans="1:11" ht="13.7" customHeight="1">
      <c r="A1549" s="741"/>
      <c r="B1549" s="742"/>
      <c r="C1549" s="515"/>
      <c r="D1549" s="514"/>
      <c r="E1549" s="513"/>
      <c r="F1549" s="512"/>
      <c r="G1549" s="511" t="s">
        <v>651</v>
      </c>
      <c r="H1549" s="510"/>
      <c r="I1549" s="510"/>
      <c r="J1549" s="510"/>
      <c r="K1549" s="509"/>
    </row>
    <row r="1550" spans="1:11" ht="13.7" customHeight="1">
      <c r="A1550" s="743" t="s">
        <v>1250</v>
      </c>
      <c r="B1550" s="744"/>
      <c r="C1550" s="533"/>
      <c r="D1550" s="532"/>
      <c r="E1550" s="531"/>
      <c r="F1550" s="530"/>
      <c r="G1550" s="529" t="s">
        <v>651</v>
      </c>
      <c r="H1550" s="528"/>
      <c r="I1550" s="528"/>
      <c r="J1550" s="528"/>
      <c r="K1550" s="527"/>
    </row>
    <row r="1551" spans="1:11" ht="13.7" customHeight="1">
      <c r="A1551" s="745"/>
      <c r="B1551" s="740"/>
      <c r="C1551" s="526"/>
      <c r="D1551" s="525"/>
      <c r="E1551" s="524"/>
      <c r="F1551" s="523" t="s">
        <v>651</v>
      </c>
      <c r="G1551" s="518" t="s">
        <v>651</v>
      </c>
      <c r="H1551" s="517"/>
      <c r="I1551" s="517"/>
      <c r="J1551" s="517"/>
      <c r="K1551" s="516"/>
    </row>
    <row r="1552" spans="1:11" ht="13.7" customHeight="1">
      <c r="A1552" s="739" t="s">
        <v>942</v>
      </c>
      <c r="B1552" s="740"/>
      <c r="C1552" s="522" t="s">
        <v>236</v>
      </c>
      <c r="D1552" s="521">
        <v>4</v>
      </c>
      <c r="E1552" s="520"/>
      <c r="F1552" s="519"/>
      <c r="G1552" s="518" t="s">
        <v>651</v>
      </c>
      <c r="H1552" s="517"/>
      <c r="I1552" s="517"/>
      <c r="J1552" s="517"/>
      <c r="K1552" s="516"/>
    </row>
    <row r="1553" spans="1:11" ht="13.7" customHeight="1">
      <c r="A1553" s="741"/>
      <c r="B1553" s="742"/>
      <c r="C1553" s="515"/>
      <c r="D1553" s="514"/>
      <c r="E1553" s="513"/>
      <c r="F1553" s="512"/>
      <c r="G1553" s="511" t="s">
        <v>651</v>
      </c>
      <c r="H1553" s="510"/>
      <c r="I1553" s="510"/>
      <c r="J1553" s="510"/>
      <c r="K1553" s="509"/>
    </row>
    <row r="1554" spans="1:11" ht="13.7" customHeight="1">
      <c r="A1554" s="743" t="s">
        <v>1302</v>
      </c>
      <c r="B1554" s="744"/>
      <c r="C1554" s="533"/>
      <c r="D1554" s="532"/>
      <c r="E1554" s="531"/>
      <c r="F1554" s="530"/>
      <c r="G1554" s="529" t="s">
        <v>651</v>
      </c>
      <c r="H1554" s="528"/>
      <c r="I1554" s="528"/>
      <c r="J1554" s="528"/>
      <c r="K1554" s="527"/>
    </row>
    <row r="1555" spans="1:11" ht="13.7" customHeight="1">
      <c r="A1555" s="745"/>
      <c r="B1555" s="740"/>
      <c r="C1555" s="526"/>
      <c r="D1555" s="525"/>
      <c r="E1555" s="524"/>
      <c r="F1555" s="523" t="s">
        <v>651</v>
      </c>
      <c r="G1555" s="518" t="s">
        <v>651</v>
      </c>
      <c r="H1555" s="517"/>
      <c r="I1555" s="517"/>
      <c r="J1555" s="517"/>
      <c r="K1555" s="516"/>
    </row>
    <row r="1556" spans="1:11" ht="13.7" customHeight="1">
      <c r="A1556" s="739" t="s">
        <v>942</v>
      </c>
      <c r="B1556" s="740"/>
      <c r="C1556" s="522" t="s">
        <v>236</v>
      </c>
      <c r="D1556" s="521">
        <v>1</v>
      </c>
      <c r="E1556" s="520"/>
      <c r="F1556" s="519"/>
      <c r="G1556" s="518" t="s">
        <v>651</v>
      </c>
      <c r="H1556" s="517"/>
      <c r="I1556" s="517"/>
      <c r="J1556" s="517"/>
      <c r="K1556" s="516"/>
    </row>
    <row r="1557" spans="1:11" ht="13.7" customHeight="1">
      <c r="A1557" s="741"/>
      <c r="B1557" s="742"/>
      <c r="C1557" s="515"/>
      <c r="D1557" s="514"/>
      <c r="E1557" s="513"/>
      <c r="F1557" s="512"/>
      <c r="G1557" s="511" t="s">
        <v>651</v>
      </c>
      <c r="H1557" s="510"/>
      <c r="I1557" s="510"/>
      <c r="J1557" s="510"/>
      <c r="K1557" s="509"/>
    </row>
    <row r="1558" spans="1:11" ht="13.7" customHeight="1">
      <c r="A1558" s="743" t="s">
        <v>1147</v>
      </c>
      <c r="B1558" s="744"/>
      <c r="C1558" s="533"/>
      <c r="D1558" s="532"/>
      <c r="E1558" s="531"/>
      <c r="F1558" s="530"/>
      <c r="G1558" s="529" t="s">
        <v>651</v>
      </c>
      <c r="H1558" s="528"/>
      <c r="I1558" s="528"/>
      <c r="J1558" s="528"/>
      <c r="K1558" s="527"/>
    </row>
    <row r="1559" spans="1:11" ht="13.7" customHeight="1">
      <c r="A1559" s="745"/>
      <c r="B1559" s="740"/>
      <c r="C1559" s="526"/>
      <c r="D1559" s="525"/>
      <c r="E1559" s="524"/>
      <c r="F1559" s="523" t="s">
        <v>651</v>
      </c>
      <c r="G1559" s="518" t="s">
        <v>651</v>
      </c>
      <c r="H1559" s="517"/>
      <c r="I1559" s="517"/>
      <c r="J1559" s="517"/>
      <c r="K1559" s="516"/>
    </row>
    <row r="1560" spans="1:11" ht="13.7" customHeight="1">
      <c r="A1560" s="739" t="s">
        <v>942</v>
      </c>
      <c r="B1560" s="740"/>
      <c r="C1560" s="522" t="s">
        <v>236</v>
      </c>
      <c r="D1560" s="521">
        <v>1</v>
      </c>
      <c r="E1560" s="520"/>
      <c r="F1560" s="519"/>
      <c r="G1560" s="518" t="s">
        <v>651</v>
      </c>
      <c r="H1560" s="517"/>
      <c r="I1560" s="517"/>
      <c r="J1560" s="517"/>
      <c r="K1560" s="516"/>
    </row>
    <row r="1561" spans="1:11" ht="13.7" customHeight="1">
      <c r="A1561" s="741"/>
      <c r="B1561" s="742"/>
      <c r="C1561" s="515"/>
      <c r="D1561" s="514"/>
      <c r="E1561" s="513"/>
      <c r="F1561" s="512"/>
      <c r="G1561" s="511" t="s">
        <v>651</v>
      </c>
      <c r="H1561" s="510"/>
      <c r="I1561" s="510"/>
      <c r="J1561" s="510"/>
      <c r="K1561" s="509"/>
    </row>
    <row r="1562" spans="1:11" ht="13.7" customHeight="1">
      <c r="A1562" s="743" t="s">
        <v>1345</v>
      </c>
      <c r="B1562" s="744"/>
      <c r="C1562" s="533"/>
      <c r="D1562" s="532"/>
      <c r="E1562" s="531"/>
      <c r="F1562" s="530"/>
      <c r="G1562" s="529" t="s">
        <v>651</v>
      </c>
      <c r="H1562" s="528"/>
      <c r="I1562" s="528"/>
      <c r="J1562" s="528"/>
      <c r="K1562" s="527"/>
    </row>
    <row r="1563" spans="1:11" ht="13.7" customHeight="1">
      <c r="A1563" s="745"/>
      <c r="B1563" s="740"/>
      <c r="C1563" s="526"/>
      <c r="D1563" s="525"/>
      <c r="E1563" s="524"/>
      <c r="F1563" s="523" t="s">
        <v>651</v>
      </c>
      <c r="G1563" s="518" t="s">
        <v>651</v>
      </c>
      <c r="H1563" s="517"/>
      <c r="I1563" s="517"/>
      <c r="J1563" s="517"/>
      <c r="K1563" s="516"/>
    </row>
    <row r="1564" spans="1:11" ht="13.7" customHeight="1">
      <c r="A1564" s="739" t="s">
        <v>942</v>
      </c>
      <c r="B1564" s="740"/>
      <c r="C1564" s="522" t="s">
        <v>246</v>
      </c>
      <c r="D1564" s="521">
        <v>2</v>
      </c>
      <c r="E1564" s="520"/>
      <c r="F1564" s="519"/>
      <c r="G1564" s="518" t="s">
        <v>651</v>
      </c>
      <c r="H1564" s="517"/>
      <c r="I1564" s="517"/>
      <c r="J1564" s="517"/>
      <c r="K1564" s="516"/>
    </row>
    <row r="1565" spans="1:11" ht="13.7" customHeight="1">
      <c r="A1565" s="741"/>
      <c r="B1565" s="742"/>
      <c r="C1565" s="515"/>
      <c r="D1565" s="514"/>
      <c r="E1565" s="513"/>
      <c r="F1565" s="512"/>
      <c r="G1565" s="511" t="s">
        <v>651</v>
      </c>
      <c r="H1565" s="510"/>
      <c r="I1565" s="510"/>
      <c r="J1565" s="510"/>
      <c r="K1565" s="509"/>
    </row>
    <row r="1566" spans="1:11" ht="13.7" customHeight="1">
      <c r="A1566" s="743" t="s">
        <v>1344</v>
      </c>
      <c r="B1566" s="744"/>
      <c r="C1566" s="533"/>
      <c r="D1566" s="532"/>
      <c r="E1566" s="531"/>
      <c r="F1566" s="530"/>
      <c r="G1566" s="529" t="s">
        <v>651</v>
      </c>
      <c r="H1566" s="528"/>
      <c r="I1566" s="528"/>
      <c r="J1566" s="528"/>
      <c r="K1566" s="527"/>
    </row>
    <row r="1567" spans="1:11" ht="13.7" customHeight="1">
      <c r="A1567" s="745"/>
      <c r="B1567" s="740"/>
      <c r="C1567" s="526"/>
      <c r="D1567" s="525"/>
      <c r="E1567" s="524"/>
      <c r="F1567" s="523" t="s">
        <v>651</v>
      </c>
      <c r="G1567" s="518" t="s">
        <v>651</v>
      </c>
      <c r="H1567" s="517"/>
      <c r="I1567" s="517"/>
      <c r="J1567" s="517"/>
      <c r="K1567" s="516"/>
    </row>
    <row r="1568" spans="1:11" ht="13.7" customHeight="1">
      <c r="A1568" s="739" t="s">
        <v>942</v>
      </c>
      <c r="B1568" s="740"/>
      <c r="C1568" s="522" t="s">
        <v>246</v>
      </c>
      <c r="D1568" s="521">
        <v>2</v>
      </c>
      <c r="E1568" s="520"/>
      <c r="F1568" s="519"/>
      <c r="G1568" s="518" t="s">
        <v>651</v>
      </c>
      <c r="H1568" s="517"/>
      <c r="I1568" s="517"/>
      <c r="J1568" s="517"/>
      <c r="K1568" s="516"/>
    </row>
    <row r="1569" spans="1:11" ht="13.7" customHeight="1">
      <c r="A1569" s="741"/>
      <c r="B1569" s="742"/>
      <c r="C1569" s="515"/>
      <c r="D1569" s="514"/>
      <c r="E1569" s="513"/>
      <c r="F1569" s="512"/>
      <c r="G1569" s="511" t="s">
        <v>651</v>
      </c>
      <c r="H1569" s="510"/>
      <c r="I1569" s="510"/>
      <c r="J1569" s="510"/>
      <c r="K1569" s="509"/>
    </row>
    <row r="1570" spans="1:11" ht="13.7" customHeight="1"/>
    <row r="1571" spans="1:11" ht="13.7" customHeight="1"/>
    <row r="1572" spans="1:11" ht="6.2" customHeight="1"/>
    <row r="1573" spans="1:11" ht="14.1" customHeight="1">
      <c r="A1573" s="543" t="s">
        <v>1340</v>
      </c>
      <c r="B1573" s="540" t="s">
        <v>1339</v>
      </c>
      <c r="C1573" s="540"/>
      <c r="D1573" s="540"/>
      <c r="E1573" s="540"/>
      <c r="F1573" s="540"/>
      <c r="G1573" s="542" t="s">
        <v>617</v>
      </c>
      <c r="H1573" s="541" t="s">
        <v>920</v>
      </c>
      <c r="I1573" s="540" t="s">
        <v>1007</v>
      </c>
      <c r="J1573" s="540"/>
      <c r="K1573" s="539"/>
    </row>
    <row r="1574" spans="1:11" ht="24" customHeight="1">
      <c r="A1574" s="538" t="s">
        <v>651</v>
      </c>
      <c r="B1574" s="537" t="s">
        <v>651</v>
      </c>
      <c r="C1574" s="537"/>
      <c r="D1574" s="537"/>
      <c r="E1574" s="537"/>
      <c r="F1574" s="537"/>
      <c r="G1574" s="751">
        <v>1</v>
      </c>
      <c r="H1574" s="751"/>
      <c r="I1574" s="751"/>
      <c r="J1574" s="536" t="s">
        <v>242</v>
      </c>
      <c r="K1574" s="535" t="s">
        <v>618</v>
      </c>
    </row>
    <row r="1575" spans="1:11" ht="17.100000000000001" customHeight="1">
      <c r="A1575" s="746" t="s">
        <v>1006</v>
      </c>
      <c r="B1575" s="747"/>
      <c r="C1575" s="534" t="s">
        <v>309</v>
      </c>
      <c r="D1575" s="534" t="s">
        <v>619</v>
      </c>
      <c r="E1575" s="534" t="s">
        <v>620</v>
      </c>
      <c r="F1575" s="534" t="s">
        <v>659</v>
      </c>
      <c r="G1575" s="748" t="s">
        <v>1005</v>
      </c>
      <c r="H1575" s="749"/>
      <c r="I1575" s="749"/>
      <c r="J1575" s="749"/>
      <c r="K1575" s="750"/>
    </row>
    <row r="1576" spans="1:11" ht="13.7" customHeight="1">
      <c r="A1576" s="743" t="s">
        <v>1143</v>
      </c>
      <c r="B1576" s="744"/>
      <c r="C1576" s="533"/>
      <c r="D1576" s="532"/>
      <c r="E1576" s="531"/>
      <c r="F1576" s="530"/>
      <c r="G1576" s="529" t="s">
        <v>651</v>
      </c>
      <c r="H1576" s="528"/>
      <c r="I1576" s="528"/>
      <c r="J1576" s="528"/>
      <c r="K1576" s="527"/>
    </row>
    <row r="1577" spans="1:11" ht="13.7" customHeight="1">
      <c r="A1577" s="745"/>
      <c r="B1577" s="740"/>
      <c r="C1577" s="526"/>
      <c r="D1577" s="525"/>
      <c r="E1577" s="524"/>
      <c r="F1577" s="523" t="s">
        <v>651</v>
      </c>
      <c r="G1577" s="518" t="s">
        <v>651</v>
      </c>
      <c r="H1577" s="517"/>
      <c r="I1577" s="517"/>
      <c r="J1577" s="517"/>
      <c r="K1577" s="516"/>
    </row>
    <row r="1578" spans="1:11" ht="13.7" customHeight="1">
      <c r="A1578" s="739" t="s">
        <v>1343</v>
      </c>
      <c r="B1578" s="740"/>
      <c r="C1578" s="522" t="s">
        <v>236</v>
      </c>
      <c r="D1578" s="521">
        <v>24</v>
      </c>
      <c r="E1578" s="520"/>
      <c r="F1578" s="519"/>
      <c r="G1578" s="518" t="s">
        <v>651</v>
      </c>
      <c r="H1578" s="517"/>
      <c r="I1578" s="517"/>
      <c r="J1578" s="517"/>
      <c r="K1578" s="516"/>
    </row>
    <row r="1579" spans="1:11" ht="13.7" customHeight="1">
      <c r="A1579" s="741"/>
      <c r="B1579" s="742"/>
      <c r="C1579" s="515"/>
      <c r="D1579" s="514"/>
      <c r="E1579" s="513"/>
      <c r="F1579" s="512"/>
      <c r="G1579" s="511" t="s">
        <v>651</v>
      </c>
      <c r="H1579" s="510"/>
      <c r="I1579" s="510"/>
      <c r="J1579" s="510"/>
      <c r="K1579" s="509"/>
    </row>
    <row r="1580" spans="1:11" ht="13.7" customHeight="1">
      <c r="A1580" s="743" t="s">
        <v>1138</v>
      </c>
      <c r="B1580" s="744"/>
      <c r="C1580" s="533"/>
      <c r="D1580" s="532"/>
      <c r="E1580" s="531"/>
      <c r="F1580" s="530"/>
      <c r="G1580" s="529" t="s">
        <v>651</v>
      </c>
      <c r="H1580" s="528"/>
      <c r="I1580" s="528"/>
      <c r="J1580" s="528"/>
      <c r="K1580" s="527"/>
    </row>
    <row r="1581" spans="1:11" ht="13.7" customHeight="1">
      <c r="A1581" s="745"/>
      <c r="B1581" s="740"/>
      <c r="C1581" s="526"/>
      <c r="D1581" s="525"/>
      <c r="E1581" s="524"/>
      <c r="F1581" s="523" t="s">
        <v>651</v>
      </c>
      <c r="G1581" s="518" t="s">
        <v>651</v>
      </c>
      <c r="H1581" s="517"/>
      <c r="I1581" s="517"/>
      <c r="J1581" s="517"/>
      <c r="K1581" s="516"/>
    </row>
    <row r="1582" spans="1:11" ht="13.7" customHeight="1">
      <c r="A1582" s="739" t="s">
        <v>942</v>
      </c>
      <c r="B1582" s="740"/>
      <c r="C1582" s="522" t="s">
        <v>281</v>
      </c>
      <c r="D1582" s="521">
        <v>2</v>
      </c>
      <c r="E1582" s="520"/>
      <c r="F1582" s="519"/>
      <c r="G1582" s="518" t="s">
        <v>651</v>
      </c>
      <c r="H1582" s="517"/>
      <c r="I1582" s="517"/>
      <c r="J1582" s="517"/>
      <c r="K1582" s="516"/>
    </row>
    <row r="1583" spans="1:11" ht="13.7" customHeight="1">
      <c r="A1583" s="741"/>
      <c r="B1583" s="742"/>
      <c r="C1583" s="515"/>
      <c r="D1583" s="514"/>
      <c r="E1583" s="513"/>
      <c r="F1583" s="512"/>
      <c r="G1583" s="511" t="s">
        <v>651</v>
      </c>
      <c r="H1583" s="510"/>
      <c r="I1583" s="510"/>
      <c r="J1583" s="510"/>
      <c r="K1583" s="509"/>
    </row>
    <row r="1584" spans="1:11" ht="13.7" customHeight="1">
      <c r="A1584" s="743" t="s">
        <v>1137</v>
      </c>
      <c r="B1584" s="744"/>
      <c r="C1584" s="533"/>
      <c r="D1584" s="532"/>
      <c r="E1584" s="531"/>
      <c r="F1584" s="530"/>
      <c r="G1584" s="529" t="s">
        <v>651</v>
      </c>
      <c r="H1584" s="528"/>
      <c r="I1584" s="528"/>
      <c r="J1584" s="528"/>
      <c r="K1584" s="527"/>
    </row>
    <row r="1585" spans="1:11" ht="13.7" customHeight="1">
      <c r="A1585" s="745"/>
      <c r="B1585" s="740"/>
      <c r="C1585" s="526"/>
      <c r="D1585" s="525"/>
      <c r="E1585" s="524"/>
      <c r="F1585" s="523" t="s">
        <v>651</v>
      </c>
      <c r="G1585" s="518" t="s">
        <v>651</v>
      </c>
      <c r="H1585" s="517"/>
      <c r="I1585" s="517"/>
      <c r="J1585" s="517"/>
      <c r="K1585" s="516"/>
    </row>
    <row r="1586" spans="1:11" ht="13.7" customHeight="1">
      <c r="A1586" s="739" t="s">
        <v>1342</v>
      </c>
      <c r="B1586" s="740"/>
      <c r="C1586" s="522" t="s">
        <v>236</v>
      </c>
      <c r="D1586" s="521">
        <v>24</v>
      </c>
      <c r="E1586" s="520"/>
      <c r="F1586" s="519"/>
      <c r="G1586" s="518" t="s">
        <v>651</v>
      </c>
      <c r="H1586" s="517"/>
      <c r="I1586" s="517"/>
      <c r="J1586" s="517"/>
      <c r="K1586" s="516"/>
    </row>
    <row r="1587" spans="1:11" ht="13.7" customHeight="1">
      <c r="A1587" s="741"/>
      <c r="B1587" s="742"/>
      <c r="C1587" s="515"/>
      <c r="D1587" s="514"/>
      <c r="E1587" s="513"/>
      <c r="F1587" s="512"/>
      <c r="G1587" s="511" t="s">
        <v>651</v>
      </c>
      <c r="H1587" s="510"/>
      <c r="I1587" s="510"/>
      <c r="J1587" s="510"/>
      <c r="K1587" s="509"/>
    </row>
    <row r="1588" spans="1:11" ht="13.7" customHeight="1">
      <c r="A1588" s="743" t="s">
        <v>1089</v>
      </c>
      <c r="B1588" s="744"/>
      <c r="C1588" s="533"/>
      <c r="D1588" s="532"/>
      <c r="E1588" s="531"/>
      <c r="F1588" s="530"/>
      <c r="G1588" s="529" t="s">
        <v>651</v>
      </c>
      <c r="H1588" s="528"/>
      <c r="I1588" s="528"/>
      <c r="J1588" s="528"/>
      <c r="K1588" s="527"/>
    </row>
    <row r="1589" spans="1:11" ht="13.7" customHeight="1">
      <c r="A1589" s="745"/>
      <c r="B1589" s="740"/>
      <c r="C1589" s="526"/>
      <c r="D1589" s="525"/>
      <c r="E1589" s="524"/>
      <c r="F1589" s="523" t="s">
        <v>651</v>
      </c>
      <c r="G1589" s="518" t="s">
        <v>651</v>
      </c>
      <c r="H1589" s="517"/>
      <c r="I1589" s="517"/>
      <c r="J1589" s="517"/>
      <c r="K1589" s="516"/>
    </row>
    <row r="1590" spans="1:11" ht="13.7" customHeight="1">
      <c r="A1590" s="739" t="s">
        <v>1341</v>
      </c>
      <c r="B1590" s="740"/>
      <c r="C1590" s="522" t="s">
        <v>234</v>
      </c>
      <c r="D1590" s="521">
        <v>1</v>
      </c>
      <c r="E1590" s="520"/>
      <c r="F1590" s="519"/>
      <c r="G1590" s="518" t="s">
        <v>651</v>
      </c>
      <c r="H1590" s="517"/>
      <c r="I1590" s="517"/>
      <c r="J1590" s="517"/>
      <c r="K1590" s="516"/>
    </row>
    <row r="1591" spans="1:11" ht="13.7" customHeight="1">
      <c r="A1591" s="741"/>
      <c r="B1591" s="742"/>
      <c r="C1591" s="515"/>
      <c r="D1591" s="514"/>
      <c r="E1591" s="513"/>
      <c r="F1591" s="512"/>
      <c r="G1591" s="511" t="s">
        <v>651</v>
      </c>
      <c r="H1591" s="510"/>
      <c r="I1591" s="510"/>
      <c r="J1591" s="510"/>
      <c r="K1591" s="509"/>
    </row>
    <row r="1592" spans="1:11" ht="13.7" customHeight="1">
      <c r="A1592" s="743" t="s">
        <v>1233</v>
      </c>
      <c r="B1592" s="744"/>
      <c r="C1592" s="533"/>
      <c r="D1592" s="532"/>
      <c r="E1592" s="531"/>
      <c r="F1592" s="530"/>
      <c r="G1592" s="529" t="s">
        <v>651</v>
      </c>
      <c r="H1592" s="528"/>
      <c r="I1592" s="528"/>
      <c r="J1592" s="528"/>
      <c r="K1592" s="527"/>
    </row>
    <row r="1593" spans="1:11" ht="13.7" customHeight="1">
      <c r="A1593" s="745"/>
      <c r="B1593" s="740"/>
      <c r="C1593" s="526"/>
      <c r="D1593" s="525"/>
      <c r="E1593" s="524"/>
      <c r="F1593" s="523" t="s">
        <v>651</v>
      </c>
      <c r="G1593" s="518" t="s">
        <v>651</v>
      </c>
      <c r="H1593" s="517"/>
      <c r="I1593" s="517"/>
      <c r="J1593" s="517"/>
      <c r="K1593" s="516"/>
    </row>
    <row r="1594" spans="1:11" ht="13.7" customHeight="1">
      <c r="A1594" s="739" t="s">
        <v>942</v>
      </c>
      <c r="B1594" s="740"/>
      <c r="C1594" s="522" t="s">
        <v>246</v>
      </c>
      <c r="D1594" s="521">
        <v>1</v>
      </c>
      <c r="E1594" s="520"/>
      <c r="F1594" s="519"/>
      <c r="G1594" s="518" t="s">
        <v>651</v>
      </c>
      <c r="H1594" s="517"/>
      <c r="I1594" s="517"/>
      <c r="J1594" s="517"/>
      <c r="K1594" s="516"/>
    </row>
    <row r="1595" spans="1:11" ht="13.7" customHeight="1">
      <c r="A1595" s="741"/>
      <c r="B1595" s="742"/>
      <c r="C1595" s="515"/>
      <c r="D1595" s="514"/>
      <c r="E1595" s="513"/>
      <c r="F1595" s="512"/>
      <c r="G1595" s="511" t="s">
        <v>651</v>
      </c>
      <c r="H1595" s="510"/>
      <c r="I1595" s="510"/>
      <c r="J1595" s="510"/>
      <c r="K1595" s="509"/>
    </row>
    <row r="1596" spans="1:11" ht="13.7" customHeight="1">
      <c r="A1596" s="743" t="s">
        <v>1230</v>
      </c>
      <c r="B1596" s="744"/>
      <c r="C1596" s="533"/>
      <c r="D1596" s="532"/>
      <c r="E1596" s="531"/>
      <c r="F1596" s="530"/>
      <c r="G1596" s="529" t="s">
        <v>651</v>
      </c>
      <c r="H1596" s="528"/>
      <c r="I1596" s="528"/>
      <c r="J1596" s="528"/>
      <c r="K1596" s="527"/>
    </row>
    <row r="1597" spans="1:11" ht="13.7" customHeight="1">
      <c r="A1597" s="745"/>
      <c r="B1597" s="740"/>
      <c r="C1597" s="526"/>
      <c r="D1597" s="525"/>
      <c r="E1597" s="524"/>
      <c r="F1597" s="523" t="s">
        <v>651</v>
      </c>
      <c r="G1597" s="518" t="s">
        <v>651</v>
      </c>
      <c r="H1597" s="517"/>
      <c r="I1597" s="517"/>
      <c r="J1597" s="517"/>
      <c r="K1597" s="516"/>
    </row>
    <row r="1598" spans="1:11" ht="13.7" customHeight="1">
      <c r="A1598" s="739" t="s">
        <v>942</v>
      </c>
      <c r="B1598" s="740"/>
      <c r="C1598" s="522" t="s">
        <v>246</v>
      </c>
      <c r="D1598" s="521">
        <v>2</v>
      </c>
      <c r="E1598" s="520"/>
      <c r="F1598" s="519"/>
      <c r="G1598" s="518" t="s">
        <v>651</v>
      </c>
      <c r="H1598" s="517"/>
      <c r="I1598" s="517"/>
      <c r="J1598" s="517"/>
      <c r="K1598" s="516"/>
    </row>
    <row r="1599" spans="1:11" ht="13.7" customHeight="1">
      <c r="A1599" s="741"/>
      <c r="B1599" s="742"/>
      <c r="C1599" s="515"/>
      <c r="D1599" s="514"/>
      <c r="E1599" s="513"/>
      <c r="F1599" s="512"/>
      <c r="G1599" s="511" t="s">
        <v>651</v>
      </c>
      <c r="H1599" s="510"/>
      <c r="I1599" s="510"/>
      <c r="J1599" s="510"/>
      <c r="K1599" s="509"/>
    </row>
    <row r="1600" spans="1:11" ht="13.7" customHeight="1">
      <c r="A1600" s="743" t="s">
        <v>1296</v>
      </c>
      <c r="B1600" s="744"/>
      <c r="C1600" s="533"/>
      <c r="D1600" s="532"/>
      <c r="E1600" s="531"/>
      <c r="F1600" s="530"/>
      <c r="G1600" s="529" t="s">
        <v>651</v>
      </c>
      <c r="H1600" s="528"/>
      <c r="I1600" s="528"/>
      <c r="J1600" s="528"/>
      <c r="K1600" s="527"/>
    </row>
    <row r="1601" spans="1:11" ht="13.7" customHeight="1">
      <c r="A1601" s="745"/>
      <c r="B1601" s="740"/>
      <c r="C1601" s="526"/>
      <c r="D1601" s="525"/>
      <c r="E1601" s="524"/>
      <c r="F1601" s="523" t="s">
        <v>651</v>
      </c>
      <c r="G1601" s="518" t="s">
        <v>651</v>
      </c>
      <c r="H1601" s="517"/>
      <c r="I1601" s="517"/>
      <c r="J1601" s="517"/>
      <c r="K1601" s="516"/>
    </row>
    <row r="1602" spans="1:11" ht="13.7" customHeight="1">
      <c r="A1602" s="739" t="s">
        <v>1295</v>
      </c>
      <c r="B1602" s="740"/>
      <c r="C1602" s="522" t="s">
        <v>246</v>
      </c>
      <c r="D1602" s="521">
        <v>1</v>
      </c>
      <c r="E1602" s="520"/>
      <c r="F1602" s="519"/>
      <c r="G1602" s="518" t="s">
        <v>651</v>
      </c>
      <c r="H1602" s="517"/>
      <c r="I1602" s="517"/>
      <c r="J1602" s="517"/>
      <c r="K1602" s="516"/>
    </row>
    <row r="1603" spans="1:11" ht="13.7" customHeight="1">
      <c r="A1603" s="741"/>
      <c r="B1603" s="742"/>
      <c r="C1603" s="515"/>
      <c r="D1603" s="514"/>
      <c r="E1603" s="513"/>
      <c r="F1603" s="512"/>
      <c r="G1603" s="511" t="s">
        <v>651</v>
      </c>
      <c r="H1603" s="510"/>
      <c r="I1603" s="510"/>
      <c r="J1603" s="510"/>
      <c r="K1603" s="509"/>
    </row>
    <row r="1604" spans="1:11" ht="13.7" customHeight="1">
      <c r="A1604" s="743" t="s">
        <v>1294</v>
      </c>
      <c r="B1604" s="744"/>
      <c r="C1604" s="533"/>
      <c r="D1604" s="532"/>
      <c r="E1604" s="531"/>
      <c r="F1604" s="530"/>
      <c r="G1604" s="529" t="s">
        <v>651</v>
      </c>
      <c r="H1604" s="528"/>
      <c r="I1604" s="528"/>
      <c r="J1604" s="528"/>
      <c r="K1604" s="527"/>
    </row>
    <row r="1605" spans="1:11" ht="13.7" customHeight="1">
      <c r="A1605" s="745"/>
      <c r="B1605" s="740"/>
      <c r="C1605" s="526"/>
      <c r="D1605" s="525"/>
      <c r="E1605" s="524"/>
      <c r="F1605" s="523" t="s">
        <v>651</v>
      </c>
      <c r="G1605" s="518" t="s">
        <v>651</v>
      </c>
      <c r="H1605" s="517"/>
      <c r="I1605" s="517"/>
      <c r="J1605" s="517"/>
      <c r="K1605" s="516"/>
    </row>
    <row r="1606" spans="1:11" ht="13.7" customHeight="1">
      <c r="A1606" s="739" t="s">
        <v>1293</v>
      </c>
      <c r="B1606" s="740"/>
      <c r="C1606" s="522" t="s">
        <v>246</v>
      </c>
      <c r="D1606" s="521">
        <v>1</v>
      </c>
      <c r="E1606" s="520"/>
      <c r="F1606" s="519"/>
      <c r="G1606" s="518" t="s">
        <v>651</v>
      </c>
      <c r="H1606" s="517"/>
      <c r="I1606" s="517"/>
      <c r="J1606" s="517"/>
      <c r="K1606" s="516"/>
    </row>
    <row r="1607" spans="1:11" ht="13.7" customHeight="1">
      <c r="A1607" s="741"/>
      <c r="B1607" s="742"/>
      <c r="C1607" s="515"/>
      <c r="D1607" s="514"/>
      <c r="E1607" s="513"/>
      <c r="F1607" s="512"/>
      <c r="G1607" s="511" t="s">
        <v>651</v>
      </c>
      <c r="H1607" s="510"/>
      <c r="I1607" s="510"/>
      <c r="J1607" s="510"/>
      <c r="K1607" s="509"/>
    </row>
    <row r="1608" spans="1:11" ht="13.7" customHeight="1"/>
    <row r="1609" spans="1:11" ht="13.7" customHeight="1"/>
    <row r="1610" spans="1:11" ht="6.2" customHeight="1"/>
    <row r="1611" spans="1:11" ht="14.1" customHeight="1">
      <c r="A1611" s="543" t="s">
        <v>1340</v>
      </c>
      <c r="B1611" s="540" t="s">
        <v>1339</v>
      </c>
      <c r="C1611" s="540"/>
      <c r="D1611" s="540"/>
      <c r="E1611" s="540"/>
      <c r="F1611" s="540"/>
      <c r="G1611" s="542" t="s">
        <v>617</v>
      </c>
      <c r="H1611" s="541" t="s">
        <v>920</v>
      </c>
      <c r="I1611" s="540" t="s">
        <v>1007</v>
      </c>
      <c r="J1611" s="540"/>
      <c r="K1611" s="539"/>
    </row>
    <row r="1612" spans="1:11" ht="24" customHeight="1">
      <c r="A1612" s="538" t="s">
        <v>651</v>
      </c>
      <c r="B1612" s="537" t="s">
        <v>651</v>
      </c>
      <c r="C1612" s="537"/>
      <c r="D1612" s="537"/>
      <c r="E1612" s="537"/>
      <c r="F1612" s="537"/>
      <c r="G1612" s="751">
        <v>1</v>
      </c>
      <c r="H1612" s="751"/>
      <c r="I1612" s="751"/>
      <c r="J1612" s="536" t="s">
        <v>242</v>
      </c>
      <c r="K1612" s="535" t="s">
        <v>618</v>
      </c>
    </row>
    <row r="1613" spans="1:11" ht="17.100000000000001" customHeight="1">
      <c r="A1613" s="746" t="s">
        <v>1006</v>
      </c>
      <c r="B1613" s="747"/>
      <c r="C1613" s="534" t="s">
        <v>309</v>
      </c>
      <c r="D1613" s="534" t="s">
        <v>619</v>
      </c>
      <c r="E1613" s="534" t="s">
        <v>620</v>
      </c>
      <c r="F1613" s="534" t="s">
        <v>659</v>
      </c>
      <c r="G1613" s="748" t="s">
        <v>1005</v>
      </c>
      <c r="H1613" s="749"/>
      <c r="I1613" s="749"/>
      <c r="J1613" s="749"/>
      <c r="K1613" s="750"/>
    </row>
    <row r="1614" spans="1:11" ht="13.7" customHeight="1">
      <c r="A1614" s="743" t="s">
        <v>1080</v>
      </c>
      <c r="B1614" s="744"/>
      <c r="C1614" s="533"/>
      <c r="D1614" s="532"/>
      <c r="E1614" s="531"/>
      <c r="F1614" s="530"/>
      <c r="G1614" s="529" t="s">
        <v>651</v>
      </c>
      <c r="H1614" s="528"/>
      <c r="I1614" s="528"/>
      <c r="J1614" s="528"/>
      <c r="K1614" s="527"/>
    </row>
    <row r="1615" spans="1:11" ht="13.7" customHeight="1">
      <c r="A1615" s="745"/>
      <c r="B1615" s="740"/>
      <c r="C1615" s="526"/>
      <c r="D1615" s="525"/>
      <c r="E1615" s="524"/>
      <c r="F1615" s="523" t="s">
        <v>651</v>
      </c>
      <c r="G1615" s="518" t="s">
        <v>651</v>
      </c>
      <c r="H1615" s="517"/>
      <c r="I1615" s="517"/>
      <c r="J1615" s="517"/>
      <c r="K1615" s="516"/>
    </row>
    <row r="1616" spans="1:11" ht="13.7" customHeight="1">
      <c r="A1616" s="739" t="s">
        <v>1292</v>
      </c>
      <c r="B1616" s="740"/>
      <c r="C1616" s="522" t="s">
        <v>246</v>
      </c>
      <c r="D1616" s="521">
        <v>1</v>
      </c>
      <c r="E1616" s="520"/>
      <c r="F1616" s="519"/>
      <c r="G1616" s="518" t="s">
        <v>651</v>
      </c>
      <c r="H1616" s="517"/>
      <c r="I1616" s="517"/>
      <c r="J1616" s="517"/>
      <c r="K1616" s="516"/>
    </row>
    <row r="1617" spans="1:11" ht="13.7" customHeight="1">
      <c r="A1617" s="741"/>
      <c r="B1617" s="742"/>
      <c r="C1617" s="515"/>
      <c r="D1617" s="514"/>
      <c r="E1617" s="513"/>
      <c r="F1617" s="512"/>
      <c r="G1617" s="511" t="s">
        <v>651</v>
      </c>
      <c r="H1617" s="510"/>
      <c r="I1617" s="510"/>
      <c r="J1617" s="510"/>
      <c r="K1617" s="509"/>
    </row>
    <row r="1618" spans="1:11" ht="13.7" customHeight="1">
      <c r="A1618" s="743" t="s">
        <v>1080</v>
      </c>
      <c r="B1618" s="744"/>
      <c r="C1618" s="533"/>
      <c r="D1618" s="532"/>
      <c r="E1618" s="531"/>
      <c r="F1618" s="530"/>
      <c r="G1618" s="529" t="s">
        <v>651</v>
      </c>
      <c r="H1618" s="528"/>
      <c r="I1618" s="528"/>
      <c r="J1618" s="528"/>
      <c r="K1618" s="527"/>
    </row>
    <row r="1619" spans="1:11" ht="13.7" customHeight="1">
      <c r="A1619" s="745"/>
      <c r="B1619" s="740"/>
      <c r="C1619" s="526"/>
      <c r="D1619" s="525"/>
      <c r="E1619" s="524"/>
      <c r="F1619" s="523" t="s">
        <v>651</v>
      </c>
      <c r="G1619" s="518" t="s">
        <v>651</v>
      </c>
      <c r="H1619" s="517"/>
      <c r="I1619" s="517"/>
      <c r="J1619" s="517"/>
      <c r="K1619" s="516"/>
    </row>
    <row r="1620" spans="1:11" ht="13.7" customHeight="1">
      <c r="A1620" s="739" t="s">
        <v>1291</v>
      </c>
      <c r="B1620" s="740"/>
      <c r="C1620" s="522" t="s">
        <v>246</v>
      </c>
      <c r="D1620" s="521">
        <v>2</v>
      </c>
      <c r="E1620" s="520"/>
      <c r="F1620" s="519"/>
      <c r="G1620" s="518" t="s">
        <v>651</v>
      </c>
      <c r="H1620" s="517"/>
      <c r="I1620" s="517"/>
      <c r="J1620" s="517"/>
      <c r="K1620" s="516"/>
    </row>
    <row r="1621" spans="1:11" ht="13.7" customHeight="1">
      <c r="A1621" s="741"/>
      <c r="B1621" s="742"/>
      <c r="C1621" s="515"/>
      <c r="D1621" s="514"/>
      <c r="E1621" s="513"/>
      <c r="F1621" s="512"/>
      <c r="G1621" s="511" t="s">
        <v>651</v>
      </c>
      <c r="H1621" s="510"/>
      <c r="I1621" s="510"/>
      <c r="J1621" s="510"/>
      <c r="K1621" s="509"/>
    </row>
    <row r="1622" spans="1:11" ht="13.7" customHeight="1">
      <c r="A1622" s="743" t="s">
        <v>1080</v>
      </c>
      <c r="B1622" s="744"/>
      <c r="C1622" s="533"/>
      <c r="D1622" s="532"/>
      <c r="E1622" s="531"/>
      <c r="F1622" s="530"/>
      <c r="G1622" s="529" t="s">
        <v>651</v>
      </c>
      <c r="H1622" s="528"/>
      <c r="I1622" s="528"/>
      <c r="J1622" s="528"/>
      <c r="K1622" s="527"/>
    </row>
    <row r="1623" spans="1:11" ht="13.7" customHeight="1">
      <c r="A1623" s="745"/>
      <c r="B1623" s="740"/>
      <c r="C1623" s="526"/>
      <c r="D1623" s="525"/>
      <c r="E1623" s="524"/>
      <c r="F1623" s="523" t="s">
        <v>651</v>
      </c>
      <c r="G1623" s="518" t="s">
        <v>651</v>
      </c>
      <c r="H1623" s="517"/>
      <c r="I1623" s="517"/>
      <c r="J1623" s="517"/>
      <c r="K1623" s="516"/>
    </row>
    <row r="1624" spans="1:11" ht="13.7" customHeight="1">
      <c r="A1624" s="739" t="s">
        <v>1290</v>
      </c>
      <c r="B1624" s="740"/>
      <c r="C1624" s="522" t="s">
        <v>246</v>
      </c>
      <c r="D1624" s="521">
        <v>1</v>
      </c>
      <c r="E1624" s="520"/>
      <c r="F1624" s="519"/>
      <c r="G1624" s="518" t="s">
        <v>651</v>
      </c>
      <c r="H1624" s="517"/>
      <c r="I1624" s="517"/>
      <c r="J1624" s="517"/>
      <c r="K1624" s="516"/>
    </row>
    <row r="1625" spans="1:11" ht="13.7" customHeight="1">
      <c r="A1625" s="741"/>
      <c r="B1625" s="742"/>
      <c r="C1625" s="515"/>
      <c r="D1625" s="514"/>
      <c r="E1625" s="513"/>
      <c r="F1625" s="512"/>
      <c r="G1625" s="511" t="s">
        <v>651</v>
      </c>
      <c r="H1625" s="510"/>
      <c r="I1625" s="510"/>
      <c r="J1625" s="510"/>
      <c r="K1625" s="509"/>
    </row>
    <row r="1626" spans="1:11" ht="13.7" customHeight="1">
      <c r="A1626" s="743" t="s">
        <v>1080</v>
      </c>
      <c r="B1626" s="744"/>
      <c r="C1626" s="533"/>
      <c r="D1626" s="532"/>
      <c r="E1626" s="531"/>
      <c r="F1626" s="530"/>
      <c r="G1626" s="529" t="s">
        <v>651</v>
      </c>
      <c r="H1626" s="528"/>
      <c r="I1626" s="528"/>
      <c r="J1626" s="528"/>
      <c r="K1626" s="527"/>
    </row>
    <row r="1627" spans="1:11" ht="13.7" customHeight="1">
      <c r="A1627" s="745"/>
      <c r="B1627" s="740"/>
      <c r="C1627" s="526"/>
      <c r="D1627" s="525"/>
      <c r="E1627" s="524"/>
      <c r="F1627" s="523" t="s">
        <v>651</v>
      </c>
      <c r="G1627" s="518" t="s">
        <v>651</v>
      </c>
      <c r="H1627" s="517"/>
      <c r="I1627" s="517"/>
      <c r="J1627" s="517"/>
      <c r="K1627" s="516"/>
    </row>
    <row r="1628" spans="1:11" ht="13.7" customHeight="1">
      <c r="A1628" s="739" t="s">
        <v>1289</v>
      </c>
      <c r="B1628" s="740"/>
      <c r="C1628" s="522" t="s">
        <v>246</v>
      </c>
      <c r="D1628" s="521">
        <v>1</v>
      </c>
      <c r="E1628" s="520"/>
      <c r="F1628" s="519"/>
      <c r="G1628" s="518" t="s">
        <v>651</v>
      </c>
      <c r="H1628" s="517"/>
      <c r="I1628" s="517"/>
      <c r="J1628" s="517"/>
      <c r="K1628" s="516"/>
    </row>
    <row r="1629" spans="1:11" ht="13.7" customHeight="1">
      <c r="A1629" s="741"/>
      <c r="B1629" s="742"/>
      <c r="C1629" s="515"/>
      <c r="D1629" s="514"/>
      <c r="E1629" s="513"/>
      <c r="F1629" s="512"/>
      <c r="G1629" s="511" t="s">
        <v>651</v>
      </c>
      <c r="H1629" s="510"/>
      <c r="I1629" s="510"/>
      <c r="J1629" s="510"/>
      <c r="K1629" s="509"/>
    </row>
    <row r="1630" spans="1:11" ht="13.7" customHeight="1">
      <c r="A1630" s="743" t="s">
        <v>1078</v>
      </c>
      <c r="B1630" s="744"/>
      <c r="C1630" s="533"/>
      <c r="D1630" s="532"/>
      <c r="E1630" s="531"/>
      <c r="F1630" s="530"/>
      <c r="G1630" s="529" t="s">
        <v>651</v>
      </c>
      <c r="H1630" s="528"/>
      <c r="I1630" s="528"/>
      <c r="J1630" s="528"/>
      <c r="K1630" s="527"/>
    </row>
    <row r="1631" spans="1:11" ht="13.7" customHeight="1">
      <c r="A1631" s="745"/>
      <c r="B1631" s="740"/>
      <c r="C1631" s="526"/>
      <c r="D1631" s="525"/>
      <c r="E1631" s="524"/>
      <c r="F1631" s="523" t="s">
        <v>651</v>
      </c>
      <c r="G1631" s="518" t="s">
        <v>651</v>
      </c>
      <c r="H1631" s="517"/>
      <c r="I1631" s="517"/>
      <c r="J1631" s="517"/>
      <c r="K1631" s="516"/>
    </row>
    <row r="1632" spans="1:11" ht="13.7" customHeight="1">
      <c r="A1632" s="739" t="s">
        <v>1077</v>
      </c>
      <c r="B1632" s="740"/>
      <c r="C1632" s="522" t="s">
        <v>237</v>
      </c>
      <c r="D1632" s="521">
        <v>1</v>
      </c>
      <c r="E1632" s="520"/>
      <c r="F1632" s="519"/>
      <c r="G1632" s="518" t="s">
        <v>651</v>
      </c>
      <c r="H1632" s="517"/>
      <c r="I1632" s="517"/>
      <c r="J1632" s="517"/>
      <c r="K1632" s="516"/>
    </row>
    <row r="1633" spans="1:11" ht="13.7" customHeight="1">
      <c r="A1633" s="741"/>
      <c r="B1633" s="742"/>
      <c r="C1633" s="515"/>
      <c r="D1633" s="514"/>
      <c r="E1633" s="513"/>
      <c r="F1633" s="512"/>
      <c r="G1633" s="511" t="s">
        <v>651</v>
      </c>
      <c r="H1633" s="510"/>
      <c r="I1633" s="510"/>
      <c r="J1633" s="510"/>
      <c r="K1633" s="509"/>
    </row>
    <row r="1634" spans="1:11" ht="13.7" customHeight="1">
      <c r="A1634" s="743" t="s">
        <v>1076</v>
      </c>
      <c r="B1634" s="744"/>
      <c r="C1634" s="533"/>
      <c r="D1634" s="532"/>
      <c r="E1634" s="531"/>
      <c r="F1634" s="530"/>
      <c r="G1634" s="529" t="s">
        <v>651</v>
      </c>
      <c r="H1634" s="528"/>
      <c r="I1634" s="528"/>
      <c r="J1634" s="528"/>
      <c r="K1634" s="527"/>
    </row>
    <row r="1635" spans="1:11" ht="13.7" customHeight="1">
      <c r="A1635" s="745"/>
      <c r="B1635" s="740"/>
      <c r="C1635" s="526"/>
      <c r="D1635" s="525"/>
      <c r="E1635" s="524"/>
      <c r="F1635" s="523" t="s">
        <v>651</v>
      </c>
      <c r="G1635" s="518" t="s">
        <v>651</v>
      </c>
      <c r="H1635" s="517"/>
      <c r="I1635" s="517"/>
      <c r="J1635" s="517"/>
      <c r="K1635" s="516"/>
    </row>
    <row r="1636" spans="1:11" ht="13.7" customHeight="1">
      <c r="A1636" s="739" t="s">
        <v>651</v>
      </c>
      <c r="B1636" s="740"/>
      <c r="C1636" s="522" t="s">
        <v>1075</v>
      </c>
      <c r="D1636" s="521">
        <v>1</v>
      </c>
      <c r="E1636" s="520"/>
      <c r="F1636" s="519"/>
      <c r="G1636" s="518" t="s">
        <v>651</v>
      </c>
      <c r="H1636" s="517"/>
      <c r="I1636" s="517"/>
      <c r="J1636" s="517"/>
      <c r="K1636" s="516"/>
    </row>
    <row r="1637" spans="1:11" ht="13.7" customHeight="1">
      <c r="A1637" s="741"/>
      <c r="B1637" s="742"/>
      <c r="C1637" s="515"/>
      <c r="D1637" s="514"/>
      <c r="E1637" s="513"/>
      <c r="F1637" s="512"/>
      <c r="G1637" s="511" t="s">
        <v>651</v>
      </c>
      <c r="H1637" s="510"/>
      <c r="I1637" s="510"/>
      <c r="J1637" s="510"/>
      <c r="K1637" s="509"/>
    </row>
    <row r="1638" spans="1:11" ht="13.7" customHeight="1">
      <c r="A1638" s="743" t="s">
        <v>1074</v>
      </c>
      <c r="B1638" s="744"/>
      <c r="C1638" s="533"/>
      <c r="D1638" s="532"/>
      <c r="E1638" s="531"/>
      <c r="F1638" s="530"/>
      <c r="G1638" s="529" t="s">
        <v>651</v>
      </c>
      <c r="H1638" s="528"/>
      <c r="I1638" s="528"/>
      <c r="J1638" s="528"/>
      <c r="K1638" s="527"/>
    </row>
    <row r="1639" spans="1:11" ht="13.7" customHeight="1">
      <c r="A1639" s="745"/>
      <c r="B1639" s="740"/>
      <c r="C1639" s="526"/>
      <c r="D1639" s="525"/>
      <c r="E1639" s="524"/>
      <c r="F1639" s="523" t="s">
        <v>651</v>
      </c>
      <c r="G1639" s="518" t="s">
        <v>651</v>
      </c>
      <c r="H1639" s="517"/>
      <c r="I1639" s="517"/>
      <c r="J1639" s="517"/>
      <c r="K1639" s="516"/>
    </row>
    <row r="1640" spans="1:11" ht="13.7" customHeight="1">
      <c r="A1640" s="739" t="s">
        <v>651</v>
      </c>
      <c r="B1640" s="740"/>
      <c r="C1640" s="522" t="s">
        <v>246</v>
      </c>
      <c r="D1640" s="521">
        <v>1</v>
      </c>
      <c r="E1640" s="520"/>
      <c r="F1640" s="519"/>
      <c r="G1640" s="518" t="s">
        <v>651</v>
      </c>
      <c r="H1640" s="517"/>
      <c r="I1640" s="517"/>
      <c r="J1640" s="517"/>
      <c r="K1640" s="516"/>
    </row>
    <row r="1641" spans="1:11" ht="13.7" customHeight="1">
      <c r="A1641" s="741"/>
      <c r="B1641" s="742"/>
      <c r="C1641" s="515"/>
      <c r="D1641" s="514"/>
      <c r="E1641" s="513"/>
      <c r="F1641" s="512"/>
      <c r="G1641" s="511" t="s">
        <v>651</v>
      </c>
      <c r="H1641" s="510"/>
      <c r="I1641" s="510"/>
      <c r="J1641" s="510"/>
      <c r="K1641" s="509"/>
    </row>
    <row r="1642" spans="1:11" ht="13.7" customHeight="1">
      <c r="A1642" s="743" t="s">
        <v>1128</v>
      </c>
      <c r="B1642" s="744"/>
      <c r="C1642" s="533"/>
      <c r="D1642" s="532"/>
      <c r="E1642" s="531"/>
      <c r="F1642" s="530"/>
      <c r="G1642" s="529" t="s">
        <v>651</v>
      </c>
      <c r="H1642" s="528"/>
      <c r="I1642" s="528"/>
      <c r="J1642" s="528"/>
      <c r="K1642" s="527"/>
    </row>
    <row r="1643" spans="1:11" ht="13.7" customHeight="1">
      <c r="A1643" s="745"/>
      <c r="B1643" s="740"/>
      <c r="C1643" s="526"/>
      <c r="D1643" s="525"/>
      <c r="E1643" s="524"/>
      <c r="F1643" s="523" t="s">
        <v>651</v>
      </c>
      <c r="G1643" s="518" t="s">
        <v>651</v>
      </c>
      <c r="H1643" s="517"/>
      <c r="I1643" s="517"/>
      <c r="J1643" s="517"/>
      <c r="K1643" s="516"/>
    </row>
    <row r="1644" spans="1:11" ht="13.7" customHeight="1">
      <c r="A1644" s="739" t="s">
        <v>651</v>
      </c>
      <c r="B1644" s="740"/>
      <c r="C1644" s="522" t="s">
        <v>240</v>
      </c>
      <c r="D1644" s="521">
        <v>6.8</v>
      </c>
      <c r="E1644" s="520"/>
      <c r="F1644" s="519"/>
      <c r="G1644" s="518" t="s">
        <v>651</v>
      </c>
      <c r="H1644" s="517"/>
      <c r="I1644" s="517"/>
      <c r="J1644" s="517"/>
      <c r="K1644" s="516"/>
    </row>
    <row r="1645" spans="1:11" ht="13.7" customHeight="1">
      <c r="A1645" s="741"/>
      <c r="B1645" s="742"/>
      <c r="C1645" s="515"/>
      <c r="D1645" s="514"/>
      <c r="E1645" s="513"/>
      <c r="F1645" s="512"/>
      <c r="G1645" s="511" t="s">
        <v>651</v>
      </c>
      <c r="H1645" s="510"/>
      <c r="I1645" s="510"/>
      <c r="J1645" s="510"/>
      <c r="K1645" s="509"/>
    </row>
    <row r="1646" spans="1:11" ht="13.7" customHeight="1"/>
    <row r="1647" spans="1:11" ht="13.7" customHeight="1"/>
    <row r="1648" spans="1:11" ht="6.2" customHeight="1"/>
    <row r="1649" spans="1:11" ht="14.1" customHeight="1">
      <c r="A1649" s="543" t="s">
        <v>1340</v>
      </c>
      <c r="B1649" s="540" t="s">
        <v>1339</v>
      </c>
      <c r="C1649" s="540"/>
      <c r="D1649" s="540"/>
      <c r="E1649" s="540"/>
      <c r="F1649" s="540"/>
      <c r="G1649" s="542" t="s">
        <v>617</v>
      </c>
      <c r="H1649" s="541" t="s">
        <v>920</v>
      </c>
      <c r="I1649" s="540" t="s">
        <v>1007</v>
      </c>
      <c r="J1649" s="540"/>
      <c r="K1649" s="539"/>
    </row>
    <row r="1650" spans="1:11" ht="24" customHeight="1">
      <c r="A1650" s="538" t="s">
        <v>651</v>
      </c>
      <c r="B1650" s="537" t="s">
        <v>651</v>
      </c>
      <c r="C1650" s="537"/>
      <c r="D1650" s="537"/>
      <c r="E1650" s="537"/>
      <c r="F1650" s="537"/>
      <c r="G1650" s="751">
        <v>1</v>
      </c>
      <c r="H1650" s="751"/>
      <c r="I1650" s="751"/>
      <c r="J1650" s="536" t="s">
        <v>242</v>
      </c>
      <c r="K1650" s="535" t="s">
        <v>618</v>
      </c>
    </row>
    <row r="1651" spans="1:11" ht="17.100000000000001" customHeight="1">
      <c r="A1651" s="746" t="s">
        <v>1006</v>
      </c>
      <c r="B1651" s="747"/>
      <c r="C1651" s="534" t="s">
        <v>309</v>
      </c>
      <c r="D1651" s="534" t="s">
        <v>619</v>
      </c>
      <c r="E1651" s="534" t="s">
        <v>620</v>
      </c>
      <c r="F1651" s="534" t="s">
        <v>659</v>
      </c>
      <c r="G1651" s="748" t="s">
        <v>1005</v>
      </c>
      <c r="H1651" s="749"/>
      <c r="I1651" s="749"/>
      <c r="J1651" s="749"/>
      <c r="K1651" s="750"/>
    </row>
    <row r="1652" spans="1:11" ht="13.7" customHeight="1">
      <c r="A1652" s="743" t="s">
        <v>651</v>
      </c>
      <c r="B1652" s="744"/>
      <c r="C1652" s="533"/>
      <c r="D1652" s="532"/>
      <c r="E1652" s="531"/>
      <c r="F1652" s="530"/>
      <c r="G1652" s="529" t="s">
        <v>651</v>
      </c>
      <c r="H1652" s="528"/>
      <c r="I1652" s="528"/>
      <c r="J1652" s="528"/>
      <c r="K1652" s="527"/>
    </row>
    <row r="1653" spans="1:11" ht="13.7" customHeight="1">
      <c r="A1653" s="745"/>
      <c r="B1653" s="740"/>
      <c r="C1653" s="526"/>
      <c r="D1653" s="525"/>
      <c r="E1653" s="524"/>
      <c r="F1653" s="523" t="s">
        <v>651</v>
      </c>
      <c r="G1653" s="518" t="s">
        <v>651</v>
      </c>
      <c r="H1653" s="517"/>
      <c r="I1653" s="517"/>
      <c r="J1653" s="517"/>
      <c r="K1653" s="516"/>
    </row>
    <row r="1654" spans="1:11" ht="13.7" customHeight="1">
      <c r="A1654" s="739" t="s">
        <v>652</v>
      </c>
      <c r="B1654" s="740"/>
      <c r="C1654" s="522" t="s">
        <v>242</v>
      </c>
      <c r="D1654" s="521">
        <v>1</v>
      </c>
      <c r="E1654" s="520"/>
      <c r="F1654" s="519"/>
      <c r="G1654" s="518" t="s">
        <v>651</v>
      </c>
      <c r="H1654" s="517"/>
      <c r="I1654" s="517"/>
      <c r="J1654" s="517"/>
      <c r="K1654" s="516"/>
    </row>
    <row r="1655" spans="1:11" ht="13.7" customHeight="1">
      <c r="A1655" s="741"/>
      <c r="B1655" s="742"/>
      <c r="C1655" s="515"/>
      <c r="D1655" s="514"/>
      <c r="E1655" s="513"/>
      <c r="F1655" s="512"/>
      <c r="G1655" s="511" t="s">
        <v>651</v>
      </c>
      <c r="H1655" s="510"/>
      <c r="I1655" s="510"/>
      <c r="J1655" s="510"/>
      <c r="K1655" s="509"/>
    </row>
    <row r="1656" spans="1:11" ht="13.7" customHeight="1">
      <c r="A1656" s="743" t="s">
        <v>651</v>
      </c>
      <c r="B1656" s="744"/>
      <c r="C1656" s="533"/>
      <c r="D1656" s="532"/>
      <c r="E1656" s="531"/>
      <c r="F1656" s="530"/>
      <c r="G1656" s="529" t="s">
        <v>651</v>
      </c>
      <c r="H1656" s="528"/>
      <c r="I1656" s="528"/>
      <c r="J1656" s="528"/>
      <c r="K1656" s="527"/>
    </row>
    <row r="1657" spans="1:11" ht="13.7" customHeight="1">
      <c r="A1657" s="745"/>
      <c r="B1657" s="740"/>
      <c r="C1657" s="526"/>
      <c r="D1657" s="525"/>
      <c r="E1657" s="524"/>
      <c r="F1657" s="523" t="s">
        <v>651</v>
      </c>
      <c r="G1657" s="518" t="s">
        <v>651</v>
      </c>
      <c r="H1657" s="517"/>
      <c r="I1657" s="517"/>
      <c r="J1657" s="517"/>
      <c r="K1657" s="516"/>
    </row>
    <row r="1658" spans="1:11" ht="13.7" customHeight="1">
      <c r="A1658" s="739" t="s">
        <v>681</v>
      </c>
      <c r="B1658" s="740"/>
      <c r="C1658" s="522" t="s">
        <v>242</v>
      </c>
      <c r="D1658" s="521">
        <v>1</v>
      </c>
      <c r="E1658" s="520" t="s">
        <v>1002</v>
      </c>
      <c r="F1658" s="519"/>
      <c r="G1658" s="518" t="s">
        <v>651</v>
      </c>
      <c r="H1658" s="517"/>
      <c r="I1658" s="517"/>
      <c r="J1658" s="517"/>
      <c r="K1658" s="516"/>
    </row>
    <row r="1659" spans="1:11" ht="13.7" customHeight="1">
      <c r="A1659" s="741"/>
      <c r="B1659" s="742"/>
      <c r="C1659" s="515"/>
      <c r="D1659" s="514"/>
      <c r="E1659" s="513"/>
      <c r="F1659" s="512"/>
      <c r="G1659" s="511" t="s">
        <v>651</v>
      </c>
      <c r="H1659" s="510"/>
      <c r="I1659" s="510"/>
      <c r="J1659" s="510"/>
      <c r="K1659" s="509"/>
    </row>
    <row r="1660" spans="1:11" ht="13.7" customHeight="1"/>
    <row r="1661" spans="1:11" ht="13.7" customHeight="1"/>
    <row r="1662" spans="1:11" ht="13.7" customHeight="1"/>
    <row r="1663" spans="1:11" ht="13.7" customHeight="1"/>
    <row r="1664" spans="1:11" ht="13.7" customHeight="1"/>
    <row r="1665" ht="13.7" customHeight="1"/>
    <row r="1666" ht="13.7" customHeight="1"/>
    <row r="1667" ht="13.7" customHeight="1"/>
    <row r="1668" ht="13.7" customHeight="1"/>
    <row r="1669" ht="13.7" customHeight="1"/>
    <row r="1670" ht="13.7" customHeight="1"/>
    <row r="1671" ht="13.7" customHeight="1"/>
    <row r="1672" ht="13.7" customHeight="1"/>
    <row r="1673" ht="13.7" customHeight="1"/>
    <row r="1674" ht="13.7" customHeight="1"/>
    <row r="1675" ht="13.7" customHeight="1"/>
    <row r="1676" ht="13.7" customHeight="1"/>
    <row r="1677" ht="13.7" customHeight="1"/>
    <row r="1678" ht="13.7" customHeight="1"/>
    <row r="1679" ht="13.7" customHeight="1"/>
    <row r="1680" ht="13.7" customHeight="1"/>
    <row r="1681" spans="1:11" ht="13.7" customHeight="1"/>
    <row r="1682" spans="1:11" ht="13.7" customHeight="1"/>
    <row r="1683" spans="1:11" ht="13.7" customHeight="1"/>
    <row r="1684" spans="1:11" ht="13.7" customHeight="1"/>
    <row r="1685" spans="1:11" ht="13.7" customHeight="1"/>
    <row r="1686" spans="1:11" ht="6.2" customHeight="1"/>
    <row r="1687" spans="1:11" ht="14.1" customHeight="1">
      <c r="A1687" s="543" t="s">
        <v>1329</v>
      </c>
      <c r="B1687" s="540" t="s">
        <v>1328</v>
      </c>
      <c r="C1687" s="540"/>
      <c r="D1687" s="540"/>
      <c r="E1687" s="540"/>
      <c r="F1687" s="540"/>
      <c r="G1687" s="542" t="s">
        <v>617</v>
      </c>
      <c r="H1687" s="541" t="s">
        <v>918</v>
      </c>
      <c r="I1687" s="540" t="s">
        <v>1007</v>
      </c>
      <c r="J1687" s="540"/>
      <c r="K1687" s="539"/>
    </row>
    <row r="1688" spans="1:11" ht="24" customHeight="1">
      <c r="A1688" s="538" t="s">
        <v>651</v>
      </c>
      <c r="B1688" s="537" t="s">
        <v>651</v>
      </c>
      <c r="C1688" s="537"/>
      <c r="D1688" s="537"/>
      <c r="E1688" s="537"/>
      <c r="F1688" s="537"/>
      <c r="G1688" s="751">
        <v>1</v>
      </c>
      <c r="H1688" s="751"/>
      <c r="I1688" s="751"/>
      <c r="J1688" s="536" t="s">
        <v>242</v>
      </c>
      <c r="K1688" s="535" t="s">
        <v>618</v>
      </c>
    </row>
    <row r="1689" spans="1:11" ht="17.100000000000001" customHeight="1">
      <c r="A1689" s="746" t="s">
        <v>1006</v>
      </c>
      <c r="B1689" s="747"/>
      <c r="C1689" s="534" t="s">
        <v>309</v>
      </c>
      <c r="D1689" s="534" t="s">
        <v>619</v>
      </c>
      <c r="E1689" s="534" t="s">
        <v>620</v>
      </c>
      <c r="F1689" s="534" t="s">
        <v>659</v>
      </c>
      <c r="G1689" s="748" t="s">
        <v>1005</v>
      </c>
      <c r="H1689" s="749"/>
      <c r="I1689" s="749"/>
      <c r="J1689" s="749"/>
      <c r="K1689" s="750"/>
    </row>
    <row r="1690" spans="1:11" ht="13.7" customHeight="1">
      <c r="A1690" s="743" t="s">
        <v>1664</v>
      </c>
      <c r="B1690" s="744"/>
      <c r="C1690" s="533"/>
      <c r="D1690" s="532"/>
      <c r="E1690" s="531"/>
      <c r="F1690" s="530"/>
      <c r="G1690" s="529" t="s">
        <v>1338</v>
      </c>
      <c r="H1690" s="528"/>
      <c r="I1690" s="528"/>
      <c r="J1690" s="528"/>
      <c r="K1690" s="527"/>
    </row>
    <row r="1691" spans="1:11" ht="13.7" customHeight="1">
      <c r="A1691" s="745"/>
      <c r="B1691" s="740"/>
      <c r="C1691" s="526"/>
      <c r="D1691" s="525"/>
      <c r="E1691" s="524"/>
      <c r="F1691" s="523" t="s">
        <v>651</v>
      </c>
      <c r="G1691" s="518" t="s">
        <v>651</v>
      </c>
      <c r="H1691" s="517"/>
      <c r="I1691" s="517"/>
      <c r="J1691" s="517"/>
      <c r="K1691" s="516"/>
    </row>
    <row r="1692" spans="1:11" ht="13.7" customHeight="1">
      <c r="A1692" s="739" t="s">
        <v>905</v>
      </c>
      <c r="B1692" s="740"/>
      <c r="C1692" s="522" t="s">
        <v>240</v>
      </c>
      <c r="D1692" s="521">
        <v>6.8</v>
      </c>
      <c r="E1692" s="520"/>
      <c r="F1692" s="519"/>
      <c r="G1692" s="518" t="s">
        <v>651</v>
      </c>
      <c r="H1692" s="517"/>
      <c r="I1692" s="517"/>
      <c r="J1692" s="517"/>
      <c r="K1692" s="516"/>
    </row>
    <row r="1693" spans="1:11" ht="13.7" customHeight="1">
      <c r="A1693" s="741"/>
      <c r="B1693" s="742"/>
      <c r="C1693" s="515"/>
      <c r="D1693" s="514"/>
      <c r="E1693" s="513"/>
      <c r="F1693" s="512"/>
      <c r="G1693" s="511" t="s">
        <v>651</v>
      </c>
      <c r="H1693" s="510"/>
      <c r="I1693" s="510"/>
      <c r="J1693" s="510"/>
      <c r="K1693" s="509"/>
    </row>
    <row r="1694" spans="1:11" ht="13.7" customHeight="1">
      <c r="A1694" s="743" t="s">
        <v>768</v>
      </c>
      <c r="B1694" s="744"/>
      <c r="C1694" s="533"/>
      <c r="D1694" s="532"/>
      <c r="E1694" s="531"/>
      <c r="F1694" s="530"/>
      <c r="G1694" s="529" t="s">
        <v>1337</v>
      </c>
      <c r="H1694" s="528"/>
      <c r="I1694" s="528"/>
      <c r="J1694" s="528"/>
      <c r="K1694" s="527"/>
    </row>
    <row r="1695" spans="1:11" ht="13.7" customHeight="1">
      <c r="A1695" s="745"/>
      <c r="B1695" s="740"/>
      <c r="C1695" s="526"/>
      <c r="D1695" s="525"/>
      <c r="E1695" s="524"/>
      <c r="F1695" s="523" t="s">
        <v>651</v>
      </c>
      <c r="G1695" s="518" t="s">
        <v>651</v>
      </c>
      <c r="H1695" s="517"/>
      <c r="I1695" s="517"/>
      <c r="J1695" s="517"/>
      <c r="K1695" s="516"/>
    </row>
    <row r="1696" spans="1:11" ht="13.7" customHeight="1">
      <c r="A1696" s="739" t="s">
        <v>942</v>
      </c>
      <c r="B1696" s="740"/>
      <c r="C1696" s="522" t="s">
        <v>240</v>
      </c>
      <c r="D1696" s="521">
        <v>7.3</v>
      </c>
      <c r="E1696" s="520"/>
      <c r="F1696" s="519"/>
      <c r="G1696" s="518" t="s">
        <v>651</v>
      </c>
      <c r="H1696" s="517"/>
      <c r="I1696" s="517"/>
      <c r="J1696" s="517"/>
      <c r="K1696" s="516"/>
    </row>
    <row r="1697" spans="1:11" ht="13.7" customHeight="1">
      <c r="A1697" s="741"/>
      <c r="B1697" s="742"/>
      <c r="C1697" s="515"/>
      <c r="D1697" s="514"/>
      <c r="E1697" s="513"/>
      <c r="F1697" s="512"/>
      <c r="G1697" s="511" t="s">
        <v>651</v>
      </c>
      <c r="H1697" s="510"/>
      <c r="I1697" s="510"/>
      <c r="J1697" s="510"/>
      <c r="K1697" s="509"/>
    </row>
    <row r="1698" spans="1:11" ht="13.7" customHeight="1">
      <c r="A1698" s="743" t="s">
        <v>1029</v>
      </c>
      <c r="B1698" s="744"/>
      <c r="C1698" s="533"/>
      <c r="D1698" s="532"/>
      <c r="E1698" s="531"/>
      <c r="F1698" s="530"/>
      <c r="G1698" s="529" t="s">
        <v>1028</v>
      </c>
      <c r="H1698" s="528"/>
      <c r="I1698" s="528"/>
      <c r="J1698" s="528"/>
      <c r="K1698" s="527"/>
    </row>
    <row r="1699" spans="1:11" ht="13.7" customHeight="1">
      <c r="A1699" s="745"/>
      <c r="B1699" s="740"/>
      <c r="C1699" s="526"/>
      <c r="D1699" s="525"/>
      <c r="E1699" s="524"/>
      <c r="F1699" s="523" t="s">
        <v>651</v>
      </c>
      <c r="G1699" s="518" t="s">
        <v>651</v>
      </c>
      <c r="H1699" s="517"/>
      <c r="I1699" s="517"/>
      <c r="J1699" s="517"/>
      <c r="K1699" s="516"/>
    </row>
    <row r="1700" spans="1:11" ht="13.7" customHeight="1">
      <c r="A1700" s="739" t="s">
        <v>651</v>
      </c>
      <c r="B1700" s="740"/>
      <c r="C1700" s="522" t="s">
        <v>240</v>
      </c>
      <c r="D1700" s="521">
        <v>6.8</v>
      </c>
      <c r="E1700" s="520"/>
      <c r="F1700" s="519"/>
      <c r="G1700" s="518" t="s">
        <v>651</v>
      </c>
      <c r="H1700" s="517"/>
      <c r="I1700" s="517"/>
      <c r="J1700" s="517"/>
      <c r="K1700" s="516"/>
    </row>
    <row r="1701" spans="1:11" ht="13.7" customHeight="1">
      <c r="A1701" s="741"/>
      <c r="B1701" s="742"/>
      <c r="C1701" s="515"/>
      <c r="D1701" s="514"/>
      <c r="E1701" s="513"/>
      <c r="F1701" s="512"/>
      <c r="G1701" s="511" t="s">
        <v>651</v>
      </c>
      <c r="H1701" s="510"/>
      <c r="I1701" s="510"/>
      <c r="J1701" s="510"/>
      <c r="K1701" s="509"/>
    </row>
    <row r="1702" spans="1:11" ht="13.7" customHeight="1">
      <c r="A1702" s="743" t="s">
        <v>761</v>
      </c>
      <c r="B1702" s="744"/>
      <c r="C1702" s="533"/>
      <c r="D1702" s="532"/>
      <c r="E1702" s="531"/>
      <c r="F1702" s="530"/>
      <c r="G1702" s="529" t="s">
        <v>1336</v>
      </c>
      <c r="H1702" s="528"/>
      <c r="I1702" s="528"/>
      <c r="J1702" s="528"/>
      <c r="K1702" s="527"/>
    </row>
    <row r="1703" spans="1:11" ht="13.7" customHeight="1">
      <c r="A1703" s="745"/>
      <c r="B1703" s="740"/>
      <c r="C1703" s="526"/>
      <c r="D1703" s="525"/>
      <c r="E1703" s="524"/>
      <c r="F1703" s="523" t="s">
        <v>651</v>
      </c>
      <c r="G1703" s="518" t="s">
        <v>651</v>
      </c>
      <c r="H1703" s="517"/>
      <c r="I1703" s="517"/>
      <c r="J1703" s="517"/>
      <c r="K1703" s="516"/>
    </row>
    <row r="1704" spans="1:11" ht="13.7" customHeight="1">
      <c r="A1704" s="739" t="s">
        <v>940</v>
      </c>
      <c r="B1704" s="740"/>
      <c r="C1704" s="522" t="s">
        <v>697</v>
      </c>
      <c r="D1704" s="521">
        <v>2</v>
      </c>
      <c r="E1704" s="520"/>
      <c r="F1704" s="519"/>
      <c r="G1704" s="518" t="s">
        <v>651</v>
      </c>
      <c r="H1704" s="517"/>
      <c r="I1704" s="517"/>
      <c r="J1704" s="517"/>
      <c r="K1704" s="516"/>
    </row>
    <row r="1705" spans="1:11" ht="13.7" customHeight="1">
      <c r="A1705" s="741"/>
      <c r="B1705" s="742"/>
      <c r="C1705" s="515"/>
      <c r="D1705" s="514"/>
      <c r="E1705" s="513"/>
      <c r="F1705" s="512"/>
      <c r="G1705" s="511" t="s">
        <v>651</v>
      </c>
      <c r="H1705" s="510"/>
      <c r="I1705" s="510"/>
      <c r="J1705" s="510"/>
      <c r="K1705" s="509"/>
    </row>
    <row r="1706" spans="1:11" ht="13.7" customHeight="1">
      <c r="A1706" s="743" t="s">
        <v>764</v>
      </c>
      <c r="B1706" s="744"/>
      <c r="C1706" s="533"/>
      <c r="D1706" s="532"/>
      <c r="E1706" s="531"/>
      <c r="F1706" s="530"/>
      <c r="G1706" s="529" t="s">
        <v>1335</v>
      </c>
      <c r="H1706" s="528"/>
      <c r="I1706" s="528"/>
      <c r="J1706" s="528"/>
      <c r="K1706" s="527"/>
    </row>
    <row r="1707" spans="1:11" ht="13.7" customHeight="1">
      <c r="A1707" s="745"/>
      <c r="B1707" s="740"/>
      <c r="C1707" s="526"/>
      <c r="D1707" s="525"/>
      <c r="E1707" s="524"/>
      <c r="F1707" s="523" t="s">
        <v>651</v>
      </c>
      <c r="G1707" s="518" t="s">
        <v>651</v>
      </c>
      <c r="H1707" s="517"/>
      <c r="I1707" s="517"/>
      <c r="J1707" s="517"/>
      <c r="K1707" s="516"/>
    </row>
    <row r="1708" spans="1:11" ht="13.7" customHeight="1">
      <c r="A1708" s="739" t="s">
        <v>938</v>
      </c>
      <c r="B1708" s="740"/>
      <c r="C1708" s="522" t="s">
        <v>697</v>
      </c>
      <c r="D1708" s="521">
        <v>2</v>
      </c>
      <c r="E1708" s="520"/>
      <c r="F1708" s="519"/>
      <c r="G1708" s="518" t="s">
        <v>651</v>
      </c>
      <c r="H1708" s="517"/>
      <c r="I1708" s="517"/>
      <c r="J1708" s="517"/>
      <c r="K1708" s="516"/>
    </row>
    <row r="1709" spans="1:11" ht="13.7" customHeight="1">
      <c r="A1709" s="741"/>
      <c r="B1709" s="742"/>
      <c r="C1709" s="515"/>
      <c r="D1709" s="514"/>
      <c r="E1709" s="513"/>
      <c r="F1709" s="512"/>
      <c r="G1709" s="511" t="s">
        <v>651</v>
      </c>
      <c r="H1709" s="510"/>
      <c r="I1709" s="510"/>
      <c r="J1709" s="510"/>
      <c r="K1709" s="509"/>
    </row>
    <row r="1710" spans="1:11" ht="13.7" customHeight="1">
      <c r="A1710" s="743" t="s">
        <v>841</v>
      </c>
      <c r="B1710" s="744"/>
      <c r="C1710" s="533"/>
      <c r="D1710" s="532"/>
      <c r="E1710" s="531"/>
      <c r="F1710" s="530"/>
      <c r="G1710" s="529" t="s">
        <v>1334</v>
      </c>
      <c r="H1710" s="528"/>
      <c r="I1710" s="528"/>
      <c r="J1710" s="528"/>
      <c r="K1710" s="527"/>
    </row>
    <row r="1711" spans="1:11" ht="13.7" customHeight="1">
      <c r="A1711" s="745"/>
      <c r="B1711" s="740"/>
      <c r="C1711" s="526"/>
      <c r="D1711" s="525"/>
      <c r="E1711" s="524"/>
      <c r="F1711" s="523" t="s">
        <v>651</v>
      </c>
      <c r="G1711" s="518" t="s">
        <v>651</v>
      </c>
      <c r="H1711" s="517"/>
      <c r="I1711" s="517"/>
      <c r="J1711" s="517"/>
      <c r="K1711" s="516"/>
    </row>
    <row r="1712" spans="1:11" ht="13.7" customHeight="1">
      <c r="A1712" s="739" t="s">
        <v>936</v>
      </c>
      <c r="B1712" s="740"/>
      <c r="C1712" s="522" t="s">
        <v>697</v>
      </c>
      <c r="D1712" s="521">
        <v>1</v>
      </c>
      <c r="E1712" s="520"/>
      <c r="F1712" s="519"/>
      <c r="G1712" s="518" t="s">
        <v>651</v>
      </c>
      <c r="H1712" s="517"/>
      <c r="I1712" s="517"/>
      <c r="J1712" s="517"/>
      <c r="K1712" s="516"/>
    </row>
    <row r="1713" spans="1:11" ht="13.7" customHeight="1">
      <c r="A1713" s="741"/>
      <c r="B1713" s="742"/>
      <c r="C1713" s="515"/>
      <c r="D1713" s="514"/>
      <c r="E1713" s="513"/>
      <c r="F1713" s="512"/>
      <c r="G1713" s="511" t="s">
        <v>651</v>
      </c>
      <c r="H1713" s="510"/>
      <c r="I1713" s="510"/>
      <c r="J1713" s="510"/>
      <c r="K1713" s="509"/>
    </row>
    <row r="1714" spans="1:11" ht="13.7" customHeight="1">
      <c r="A1714" s="743" t="s">
        <v>841</v>
      </c>
      <c r="B1714" s="744"/>
      <c r="C1714" s="533"/>
      <c r="D1714" s="532"/>
      <c r="E1714" s="531"/>
      <c r="F1714" s="530"/>
      <c r="G1714" s="529" t="s">
        <v>1333</v>
      </c>
      <c r="H1714" s="528"/>
      <c r="I1714" s="528"/>
      <c r="J1714" s="528"/>
      <c r="K1714" s="527"/>
    </row>
    <row r="1715" spans="1:11" ht="13.7" customHeight="1">
      <c r="A1715" s="745"/>
      <c r="B1715" s="740"/>
      <c r="C1715" s="526"/>
      <c r="D1715" s="525"/>
      <c r="E1715" s="524"/>
      <c r="F1715" s="523" t="s">
        <v>651</v>
      </c>
      <c r="G1715" s="518" t="s">
        <v>651</v>
      </c>
      <c r="H1715" s="517"/>
      <c r="I1715" s="517"/>
      <c r="J1715" s="517"/>
      <c r="K1715" s="516"/>
    </row>
    <row r="1716" spans="1:11" ht="13.7" customHeight="1">
      <c r="A1716" s="739" t="s">
        <v>934</v>
      </c>
      <c r="B1716" s="740"/>
      <c r="C1716" s="522" t="s">
        <v>697</v>
      </c>
      <c r="D1716" s="521">
        <v>7</v>
      </c>
      <c r="E1716" s="520"/>
      <c r="F1716" s="519"/>
      <c r="G1716" s="518" t="s">
        <v>651</v>
      </c>
      <c r="H1716" s="517"/>
      <c r="I1716" s="517"/>
      <c r="J1716" s="517"/>
      <c r="K1716" s="516"/>
    </row>
    <row r="1717" spans="1:11" ht="13.7" customHeight="1">
      <c r="A1717" s="741"/>
      <c r="B1717" s="742"/>
      <c r="C1717" s="515"/>
      <c r="D1717" s="514"/>
      <c r="E1717" s="513"/>
      <c r="F1717" s="512"/>
      <c r="G1717" s="511" t="s">
        <v>651</v>
      </c>
      <c r="H1717" s="510"/>
      <c r="I1717" s="510"/>
      <c r="J1717" s="510"/>
      <c r="K1717" s="509"/>
    </row>
    <row r="1718" spans="1:11" ht="13.7" customHeight="1">
      <c r="A1718" s="743" t="s">
        <v>793</v>
      </c>
      <c r="B1718" s="744"/>
      <c r="C1718" s="533"/>
      <c r="D1718" s="532"/>
      <c r="E1718" s="531"/>
      <c r="F1718" s="530"/>
      <c r="G1718" s="529" t="s">
        <v>1332</v>
      </c>
      <c r="H1718" s="528"/>
      <c r="I1718" s="528"/>
      <c r="J1718" s="528"/>
      <c r="K1718" s="527"/>
    </row>
    <row r="1719" spans="1:11" ht="13.7" customHeight="1">
      <c r="A1719" s="745"/>
      <c r="B1719" s="740"/>
      <c r="C1719" s="526"/>
      <c r="D1719" s="525"/>
      <c r="E1719" s="524"/>
      <c r="F1719" s="523" t="s">
        <v>651</v>
      </c>
      <c r="G1719" s="518" t="s">
        <v>651</v>
      </c>
      <c r="H1719" s="517"/>
      <c r="I1719" s="517"/>
      <c r="J1719" s="517"/>
      <c r="K1719" s="516"/>
    </row>
    <row r="1720" spans="1:11" ht="13.7" customHeight="1">
      <c r="A1720" s="739" t="s">
        <v>930</v>
      </c>
      <c r="B1720" s="740"/>
      <c r="C1720" s="522" t="s">
        <v>697</v>
      </c>
      <c r="D1720" s="521">
        <v>1</v>
      </c>
      <c r="E1720" s="520"/>
      <c r="F1720" s="519"/>
      <c r="G1720" s="518" t="s">
        <v>651</v>
      </c>
      <c r="H1720" s="517"/>
      <c r="I1720" s="517"/>
      <c r="J1720" s="517"/>
      <c r="K1720" s="516"/>
    </row>
    <row r="1721" spans="1:11" ht="13.7" customHeight="1">
      <c r="A1721" s="741"/>
      <c r="B1721" s="742"/>
      <c r="C1721" s="515"/>
      <c r="D1721" s="514"/>
      <c r="E1721" s="513"/>
      <c r="F1721" s="512"/>
      <c r="G1721" s="511" t="s">
        <v>651</v>
      </c>
      <c r="H1721" s="510"/>
      <c r="I1721" s="510"/>
      <c r="J1721" s="510"/>
      <c r="K1721" s="509"/>
    </row>
    <row r="1722" spans="1:11" ht="13.7" customHeight="1"/>
    <row r="1723" spans="1:11" ht="13.7" customHeight="1"/>
    <row r="1724" spans="1:11" ht="6.2" customHeight="1"/>
    <row r="1725" spans="1:11" ht="14.1" customHeight="1">
      <c r="A1725" s="543" t="s">
        <v>1329</v>
      </c>
      <c r="B1725" s="540" t="s">
        <v>1328</v>
      </c>
      <c r="C1725" s="540"/>
      <c r="D1725" s="540"/>
      <c r="E1725" s="540"/>
      <c r="F1725" s="540"/>
      <c r="G1725" s="542" t="s">
        <v>617</v>
      </c>
      <c r="H1725" s="541" t="s">
        <v>918</v>
      </c>
      <c r="I1725" s="540" t="s">
        <v>1007</v>
      </c>
      <c r="J1725" s="540"/>
      <c r="K1725" s="539"/>
    </row>
    <row r="1726" spans="1:11" ht="24" customHeight="1">
      <c r="A1726" s="538" t="s">
        <v>651</v>
      </c>
      <c r="B1726" s="537" t="s">
        <v>651</v>
      </c>
      <c r="C1726" s="537"/>
      <c r="D1726" s="537"/>
      <c r="E1726" s="537"/>
      <c r="F1726" s="537"/>
      <c r="G1726" s="751">
        <v>1</v>
      </c>
      <c r="H1726" s="751"/>
      <c r="I1726" s="751"/>
      <c r="J1726" s="536" t="s">
        <v>242</v>
      </c>
      <c r="K1726" s="535" t="s">
        <v>618</v>
      </c>
    </row>
    <row r="1727" spans="1:11" ht="17.100000000000001" customHeight="1">
      <c r="A1727" s="746" t="s">
        <v>1006</v>
      </c>
      <c r="B1727" s="747"/>
      <c r="C1727" s="534" t="s">
        <v>309</v>
      </c>
      <c r="D1727" s="534" t="s">
        <v>619</v>
      </c>
      <c r="E1727" s="534" t="s">
        <v>620</v>
      </c>
      <c r="F1727" s="534" t="s">
        <v>659</v>
      </c>
      <c r="G1727" s="748" t="s">
        <v>1005</v>
      </c>
      <c r="H1727" s="749"/>
      <c r="I1727" s="749"/>
      <c r="J1727" s="749"/>
      <c r="K1727" s="750"/>
    </row>
    <row r="1728" spans="1:11" ht="13.7" customHeight="1">
      <c r="A1728" s="743" t="s">
        <v>753</v>
      </c>
      <c r="B1728" s="744"/>
      <c r="C1728" s="533"/>
      <c r="D1728" s="532"/>
      <c r="E1728" s="531"/>
      <c r="F1728" s="530"/>
      <c r="G1728" s="529" t="s">
        <v>1331</v>
      </c>
      <c r="H1728" s="528"/>
      <c r="I1728" s="528"/>
      <c r="J1728" s="528"/>
      <c r="K1728" s="527"/>
    </row>
    <row r="1729" spans="1:11" ht="13.7" customHeight="1">
      <c r="A1729" s="745"/>
      <c r="B1729" s="740"/>
      <c r="C1729" s="526"/>
      <c r="D1729" s="525"/>
      <c r="E1729" s="524"/>
      <c r="F1729" s="523" t="s">
        <v>651</v>
      </c>
      <c r="G1729" s="518" t="s">
        <v>651</v>
      </c>
      <c r="H1729" s="517"/>
      <c r="I1729" s="517"/>
      <c r="J1729" s="517"/>
      <c r="K1729" s="516"/>
    </row>
    <row r="1730" spans="1:11" ht="13.7" customHeight="1">
      <c r="A1730" s="739" t="s">
        <v>905</v>
      </c>
      <c r="B1730" s="740"/>
      <c r="C1730" s="522" t="s">
        <v>697</v>
      </c>
      <c r="D1730" s="521">
        <v>2</v>
      </c>
      <c r="E1730" s="520"/>
      <c r="F1730" s="519"/>
      <c r="G1730" s="518" t="s">
        <v>651</v>
      </c>
      <c r="H1730" s="517"/>
      <c r="I1730" s="517"/>
      <c r="J1730" s="517"/>
      <c r="K1730" s="516"/>
    </row>
    <row r="1731" spans="1:11" ht="13.7" customHeight="1">
      <c r="A1731" s="741"/>
      <c r="B1731" s="742"/>
      <c r="C1731" s="515"/>
      <c r="D1731" s="514"/>
      <c r="E1731" s="513"/>
      <c r="F1731" s="512"/>
      <c r="G1731" s="511" t="s">
        <v>651</v>
      </c>
      <c r="H1731" s="510"/>
      <c r="I1731" s="510"/>
      <c r="J1731" s="510"/>
      <c r="K1731" s="509"/>
    </row>
    <row r="1732" spans="1:11" ht="13.7" customHeight="1">
      <c r="A1732" s="743" t="s">
        <v>1662</v>
      </c>
      <c r="B1732" s="744"/>
      <c r="C1732" s="533"/>
      <c r="D1732" s="532"/>
      <c r="E1732" s="531"/>
      <c r="F1732" s="530"/>
      <c r="G1732" s="529" t="s">
        <v>1330</v>
      </c>
      <c r="H1732" s="528"/>
      <c r="I1732" s="528"/>
      <c r="J1732" s="528"/>
      <c r="K1732" s="527"/>
    </row>
    <row r="1733" spans="1:11" ht="13.7" customHeight="1">
      <c r="A1733" s="745"/>
      <c r="B1733" s="740"/>
      <c r="C1733" s="526"/>
      <c r="D1733" s="525"/>
      <c r="E1733" s="524"/>
      <c r="F1733" s="523" t="s">
        <v>651</v>
      </c>
      <c r="G1733" s="518" t="s">
        <v>651</v>
      </c>
      <c r="H1733" s="517"/>
      <c r="I1733" s="517"/>
      <c r="J1733" s="517"/>
      <c r="K1733" s="516"/>
    </row>
    <row r="1734" spans="1:11" ht="13.7" customHeight="1">
      <c r="A1734" s="739" t="s">
        <v>923</v>
      </c>
      <c r="B1734" s="740"/>
      <c r="C1734" s="522" t="s">
        <v>234</v>
      </c>
      <c r="D1734" s="521">
        <v>1</v>
      </c>
      <c r="E1734" s="520"/>
      <c r="F1734" s="519"/>
      <c r="G1734" s="518" t="s">
        <v>651</v>
      </c>
      <c r="H1734" s="517"/>
      <c r="I1734" s="517"/>
      <c r="J1734" s="517"/>
      <c r="K1734" s="516"/>
    </row>
    <row r="1735" spans="1:11" ht="13.7" customHeight="1">
      <c r="A1735" s="741"/>
      <c r="B1735" s="742"/>
      <c r="C1735" s="515"/>
      <c r="D1735" s="514"/>
      <c r="E1735" s="513"/>
      <c r="F1735" s="512"/>
      <c r="G1735" s="511" t="s">
        <v>651</v>
      </c>
      <c r="H1735" s="510"/>
      <c r="I1735" s="510"/>
      <c r="J1735" s="510"/>
      <c r="K1735" s="509"/>
    </row>
    <row r="1736" spans="1:11" ht="13.7" customHeight="1">
      <c r="A1736" s="743" t="s">
        <v>1066</v>
      </c>
      <c r="B1736" s="744"/>
      <c r="C1736" s="533"/>
      <c r="D1736" s="532"/>
      <c r="E1736" s="531"/>
      <c r="F1736" s="530"/>
      <c r="G1736" s="529" t="s">
        <v>1065</v>
      </c>
      <c r="H1736" s="528"/>
      <c r="I1736" s="528"/>
      <c r="J1736" s="528"/>
      <c r="K1736" s="527"/>
    </row>
    <row r="1737" spans="1:11" ht="13.7" customHeight="1">
      <c r="A1737" s="745"/>
      <c r="B1737" s="740"/>
      <c r="C1737" s="526"/>
      <c r="D1737" s="525"/>
      <c r="E1737" s="524"/>
      <c r="F1737" s="523" t="s">
        <v>651</v>
      </c>
      <c r="G1737" s="518" t="s">
        <v>651</v>
      </c>
      <c r="H1737" s="517"/>
      <c r="I1737" s="517"/>
      <c r="J1737" s="517"/>
      <c r="K1737" s="516"/>
    </row>
    <row r="1738" spans="1:11" ht="13.7" customHeight="1">
      <c r="A1738" s="739" t="s">
        <v>1064</v>
      </c>
      <c r="B1738" s="740"/>
      <c r="C1738" s="522" t="s">
        <v>194</v>
      </c>
      <c r="D1738" s="521">
        <v>0.3</v>
      </c>
      <c r="E1738" s="520"/>
      <c r="F1738" s="519"/>
      <c r="G1738" s="518" t="s">
        <v>651</v>
      </c>
      <c r="H1738" s="517"/>
      <c r="I1738" s="517"/>
      <c r="J1738" s="517"/>
      <c r="K1738" s="516"/>
    </row>
    <row r="1739" spans="1:11" ht="13.7" customHeight="1">
      <c r="A1739" s="741"/>
      <c r="B1739" s="742"/>
      <c r="C1739" s="515"/>
      <c r="D1739" s="514"/>
      <c r="E1739" s="513"/>
      <c r="F1739" s="512"/>
      <c r="G1739" s="511" t="s">
        <v>651</v>
      </c>
      <c r="H1739" s="510"/>
      <c r="I1739" s="510"/>
      <c r="J1739" s="510"/>
      <c r="K1739" s="509"/>
    </row>
    <row r="1740" spans="1:11" ht="13.7" customHeight="1">
      <c r="A1740" s="743" t="s">
        <v>815</v>
      </c>
      <c r="B1740" s="744"/>
      <c r="C1740" s="533"/>
      <c r="D1740" s="532"/>
      <c r="E1740" s="531"/>
      <c r="F1740" s="530"/>
      <c r="G1740" s="529" t="s">
        <v>1277</v>
      </c>
      <c r="H1740" s="528"/>
      <c r="I1740" s="528"/>
      <c r="J1740" s="528"/>
      <c r="K1740" s="527"/>
    </row>
    <row r="1741" spans="1:11" ht="13.7" customHeight="1">
      <c r="A1741" s="745"/>
      <c r="B1741" s="740"/>
      <c r="C1741" s="526"/>
      <c r="D1741" s="525"/>
      <c r="E1741" s="524"/>
      <c r="F1741" s="523" t="s">
        <v>651</v>
      </c>
      <c r="G1741" s="518" t="s">
        <v>651</v>
      </c>
      <c r="H1741" s="517"/>
      <c r="I1741" s="517"/>
      <c r="J1741" s="517"/>
      <c r="K1741" s="516"/>
    </row>
    <row r="1742" spans="1:11" ht="13.7" customHeight="1">
      <c r="A1742" s="739" t="s">
        <v>1276</v>
      </c>
      <c r="B1742" s="740"/>
      <c r="C1742" s="522" t="s">
        <v>246</v>
      </c>
      <c r="D1742" s="521">
        <v>1</v>
      </c>
      <c r="E1742" s="520"/>
      <c r="F1742" s="519"/>
      <c r="G1742" s="518" t="s">
        <v>651</v>
      </c>
      <c r="H1742" s="517"/>
      <c r="I1742" s="517"/>
      <c r="J1742" s="517"/>
      <c r="K1742" s="516"/>
    </row>
    <row r="1743" spans="1:11" ht="13.7" customHeight="1">
      <c r="A1743" s="741"/>
      <c r="B1743" s="742"/>
      <c r="C1743" s="515"/>
      <c r="D1743" s="514"/>
      <c r="E1743" s="513"/>
      <c r="F1743" s="512"/>
      <c r="G1743" s="511" t="s">
        <v>651</v>
      </c>
      <c r="H1743" s="510"/>
      <c r="I1743" s="510"/>
      <c r="J1743" s="510"/>
      <c r="K1743" s="509"/>
    </row>
    <row r="1744" spans="1:11" ht="13.7" customHeight="1">
      <c r="A1744" s="743" t="s">
        <v>921</v>
      </c>
      <c r="B1744" s="744"/>
      <c r="C1744" s="533"/>
      <c r="D1744" s="532"/>
      <c r="E1744" s="531"/>
      <c r="F1744" s="530"/>
      <c r="G1744" s="529" t="s">
        <v>1275</v>
      </c>
      <c r="H1744" s="528"/>
      <c r="I1744" s="528"/>
      <c r="J1744" s="528"/>
      <c r="K1744" s="527"/>
    </row>
    <row r="1745" spans="1:11" ht="13.7" customHeight="1">
      <c r="A1745" s="745"/>
      <c r="B1745" s="740"/>
      <c r="C1745" s="526"/>
      <c r="D1745" s="525"/>
      <c r="E1745" s="524"/>
      <c r="F1745" s="523" t="s">
        <v>651</v>
      </c>
      <c r="G1745" s="518" t="s">
        <v>651</v>
      </c>
      <c r="H1745" s="517"/>
      <c r="I1745" s="517"/>
      <c r="J1745" s="517"/>
      <c r="K1745" s="516"/>
    </row>
    <row r="1746" spans="1:11" ht="13.7" customHeight="1">
      <c r="A1746" s="739" t="s">
        <v>1274</v>
      </c>
      <c r="B1746" s="740"/>
      <c r="C1746" s="522" t="s">
        <v>246</v>
      </c>
      <c r="D1746" s="521">
        <v>1</v>
      </c>
      <c r="E1746" s="520"/>
      <c r="F1746" s="519"/>
      <c r="G1746" s="518" t="s">
        <v>651</v>
      </c>
      <c r="H1746" s="517"/>
      <c r="I1746" s="517"/>
      <c r="J1746" s="517"/>
      <c r="K1746" s="516"/>
    </row>
    <row r="1747" spans="1:11" ht="13.7" customHeight="1">
      <c r="A1747" s="741"/>
      <c r="B1747" s="742"/>
      <c r="C1747" s="515"/>
      <c r="D1747" s="514"/>
      <c r="E1747" s="513"/>
      <c r="F1747" s="512"/>
      <c r="G1747" s="511" t="s">
        <v>651</v>
      </c>
      <c r="H1747" s="510"/>
      <c r="I1747" s="510"/>
      <c r="J1747" s="510"/>
      <c r="K1747" s="509"/>
    </row>
    <row r="1748" spans="1:11" ht="13.7" customHeight="1">
      <c r="A1748" s="743" t="s">
        <v>919</v>
      </c>
      <c r="B1748" s="744"/>
      <c r="C1748" s="533"/>
      <c r="D1748" s="532"/>
      <c r="E1748" s="531"/>
      <c r="F1748" s="530"/>
      <c r="G1748" s="529" t="s">
        <v>1273</v>
      </c>
      <c r="H1748" s="528"/>
      <c r="I1748" s="528"/>
      <c r="J1748" s="528"/>
      <c r="K1748" s="527"/>
    </row>
    <row r="1749" spans="1:11" ht="13.7" customHeight="1">
      <c r="A1749" s="745"/>
      <c r="B1749" s="740"/>
      <c r="C1749" s="526"/>
      <c r="D1749" s="525"/>
      <c r="E1749" s="524"/>
      <c r="F1749" s="523" t="s">
        <v>651</v>
      </c>
      <c r="G1749" s="518" t="s">
        <v>651</v>
      </c>
      <c r="H1749" s="517"/>
      <c r="I1749" s="517"/>
      <c r="J1749" s="517"/>
      <c r="K1749" s="516"/>
    </row>
    <row r="1750" spans="1:11" ht="13.7" customHeight="1">
      <c r="A1750" s="739" t="s">
        <v>1272</v>
      </c>
      <c r="B1750" s="740"/>
      <c r="C1750" s="522" t="s">
        <v>246</v>
      </c>
      <c r="D1750" s="521">
        <v>1</v>
      </c>
      <c r="E1750" s="520"/>
      <c r="F1750" s="519"/>
      <c r="G1750" s="518" t="s">
        <v>651</v>
      </c>
      <c r="H1750" s="517"/>
      <c r="I1750" s="517"/>
      <c r="J1750" s="517"/>
      <c r="K1750" s="516"/>
    </row>
    <row r="1751" spans="1:11" ht="13.7" customHeight="1">
      <c r="A1751" s="741"/>
      <c r="B1751" s="742"/>
      <c r="C1751" s="515"/>
      <c r="D1751" s="514"/>
      <c r="E1751" s="513"/>
      <c r="F1751" s="512"/>
      <c r="G1751" s="511" t="s">
        <v>651</v>
      </c>
      <c r="H1751" s="510"/>
      <c r="I1751" s="510"/>
      <c r="J1751" s="510"/>
      <c r="K1751" s="509"/>
    </row>
    <row r="1752" spans="1:11" ht="13.7" customHeight="1">
      <c r="A1752" s="743" t="s">
        <v>917</v>
      </c>
      <c r="B1752" s="744"/>
      <c r="C1752" s="533"/>
      <c r="D1752" s="532"/>
      <c r="E1752" s="531"/>
      <c r="F1752" s="530"/>
      <c r="G1752" s="529" t="s">
        <v>1271</v>
      </c>
      <c r="H1752" s="528"/>
      <c r="I1752" s="528"/>
      <c r="J1752" s="528"/>
      <c r="K1752" s="527"/>
    </row>
    <row r="1753" spans="1:11" ht="13.7" customHeight="1">
      <c r="A1753" s="745"/>
      <c r="B1753" s="740"/>
      <c r="C1753" s="526"/>
      <c r="D1753" s="525"/>
      <c r="E1753" s="524"/>
      <c r="F1753" s="523" t="s">
        <v>651</v>
      </c>
      <c r="G1753" s="518" t="s">
        <v>651</v>
      </c>
      <c r="H1753" s="517"/>
      <c r="I1753" s="517"/>
      <c r="J1753" s="517"/>
      <c r="K1753" s="516"/>
    </row>
    <row r="1754" spans="1:11" ht="13.7" customHeight="1">
      <c r="A1754" s="739" t="s">
        <v>1270</v>
      </c>
      <c r="B1754" s="740"/>
      <c r="C1754" s="522" t="s">
        <v>246</v>
      </c>
      <c r="D1754" s="521">
        <v>2</v>
      </c>
      <c r="E1754" s="520"/>
      <c r="F1754" s="519"/>
      <c r="G1754" s="518" t="s">
        <v>651</v>
      </c>
      <c r="H1754" s="517"/>
      <c r="I1754" s="517"/>
      <c r="J1754" s="517"/>
      <c r="K1754" s="516"/>
    </row>
    <row r="1755" spans="1:11" ht="13.7" customHeight="1">
      <c r="A1755" s="741"/>
      <c r="B1755" s="742"/>
      <c r="C1755" s="515"/>
      <c r="D1755" s="514"/>
      <c r="E1755" s="513"/>
      <c r="F1755" s="512"/>
      <c r="G1755" s="511" t="s">
        <v>651</v>
      </c>
      <c r="H1755" s="510"/>
      <c r="I1755" s="510"/>
      <c r="J1755" s="510"/>
      <c r="K1755" s="509"/>
    </row>
    <row r="1756" spans="1:11" ht="13.7" customHeight="1">
      <c r="A1756" s="743" t="s">
        <v>915</v>
      </c>
      <c r="B1756" s="744"/>
      <c r="C1756" s="533"/>
      <c r="D1756" s="532"/>
      <c r="E1756" s="531"/>
      <c r="F1756" s="530"/>
      <c r="G1756" s="529" t="s">
        <v>1269</v>
      </c>
      <c r="H1756" s="528"/>
      <c r="I1756" s="528"/>
      <c r="J1756" s="528"/>
      <c r="K1756" s="527"/>
    </row>
    <row r="1757" spans="1:11" ht="13.7" customHeight="1">
      <c r="A1757" s="745"/>
      <c r="B1757" s="740"/>
      <c r="C1757" s="526"/>
      <c r="D1757" s="525"/>
      <c r="E1757" s="524"/>
      <c r="F1757" s="523" t="s">
        <v>651</v>
      </c>
      <c r="G1757" s="518" t="s">
        <v>651</v>
      </c>
      <c r="H1757" s="517"/>
      <c r="I1757" s="517"/>
      <c r="J1757" s="517"/>
      <c r="K1757" s="516"/>
    </row>
    <row r="1758" spans="1:11" ht="13.7" customHeight="1">
      <c r="A1758" s="739" t="s">
        <v>1268</v>
      </c>
      <c r="B1758" s="740"/>
      <c r="C1758" s="522" t="s">
        <v>246</v>
      </c>
      <c r="D1758" s="521">
        <v>1</v>
      </c>
      <c r="E1758" s="520"/>
      <c r="F1758" s="519"/>
      <c r="G1758" s="518" t="s">
        <v>651</v>
      </c>
      <c r="H1758" s="517"/>
      <c r="I1758" s="517"/>
      <c r="J1758" s="517"/>
      <c r="K1758" s="516"/>
    </row>
    <row r="1759" spans="1:11" ht="13.7" customHeight="1">
      <c r="A1759" s="741"/>
      <c r="B1759" s="742"/>
      <c r="C1759" s="515"/>
      <c r="D1759" s="514"/>
      <c r="E1759" s="513"/>
      <c r="F1759" s="512"/>
      <c r="G1759" s="511" t="s">
        <v>651</v>
      </c>
      <c r="H1759" s="510"/>
      <c r="I1759" s="510"/>
      <c r="J1759" s="510"/>
      <c r="K1759" s="509"/>
    </row>
    <row r="1760" spans="1:11" ht="13.7" customHeight="1"/>
    <row r="1761" spans="1:11" ht="13.7" customHeight="1"/>
    <row r="1762" spans="1:11" ht="6.2" customHeight="1"/>
    <row r="1763" spans="1:11" ht="14.1" customHeight="1">
      <c r="A1763" s="543" t="s">
        <v>1329</v>
      </c>
      <c r="B1763" s="540" t="s">
        <v>1328</v>
      </c>
      <c r="C1763" s="540"/>
      <c r="D1763" s="540"/>
      <c r="E1763" s="540"/>
      <c r="F1763" s="540"/>
      <c r="G1763" s="542" t="s">
        <v>617</v>
      </c>
      <c r="H1763" s="541" t="s">
        <v>918</v>
      </c>
      <c r="I1763" s="540" t="s">
        <v>1007</v>
      </c>
      <c r="J1763" s="540"/>
      <c r="K1763" s="539"/>
    </row>
    <row r="1764" spans="1:11" ht="24" customHeight="1">
      <c r="A1764" s="538" t="s">
        <v>651</v>
      </c>
      <c r="B1764" s="537" t="s">
        <v>651</v>
      </c>
      <c r="C1764" s="537"/>
      <c r="D1764" s="537"/>
      <c r="E1764" s="537"/>
      <c r="F1764" s="537"/>
      <c r="G1764" s="751">
        <v>1</v>
      </c>
      <c r="H1764" s="751"/>
      <c r="I1764" s="751"/>
      <c r="J1764" s="536" t="s">
        <v>242</v>
      </c>
      <c r="K1764" s="535" t="s">
        <v>618</v>
      </c>
    </row>
    <row r="1765" spans="1:11" ht="17.100000000000001" customHeight="1">
      <c r="A1765" s="746" t="s">
        <v>1006</v>
      </c>
      <c r="B1765" s="747"/>
      <c r="C1765" s="534" t="s">
        <v>309</v>
      </c>
      <c r="D1765" s="534" t="s">
        <v>619</v>
      </c>
      <c r="E1765" s="534" t="s">
        <v>620</v>
      </c>
      <c r="F1765" s="534" t="s">
        <v>659</v>
      </c>
      <c r="G1765" s="748" t="s">
        <v>1005</v>
      </c>
      <c r="H1765" s="749"/>
      <c r="I1765" s="749"/>
      <c r="J1765" s="749"/>
      <c r="K1765" s="750"/>
    </row>
    <row r="1766" spans="1:11" ht="13.7" customHeight="1">
      <c r="A1766" s="743" t="s">
        <v>913</v>
      </c>
      <c r="B1766" s="744"/>
      <c r="C1766" s="533"/>
      <c r="D1766" s="532"/>
      <c r="E1766" s="531"/>
      <c r="F1766" s="530"/>
      <c r="G1766" s="529" t="s">
        <v>1265</v>
      </c>
      <c r="H1766" s="528"/>
      <c r="I1766" s="528"/>
      <c r="J1766" s="528"/>
      <c r="K1766" s="527"/>
    </row>
    <row r="1767" spans="1:11" ht="13.7" customHeight="1">
      <c r="A1767" s="745"/>
      <c r="B1767" s="740"/>
      <c r="C1767" s="526"/>
      <c r="D1767" s="525"/>
      <c r="E1767" s="524"/>
      <c r="F1767" s="523" t="s">
        <v>651</v>
      </c>
      <c r="G1767" s="518" t="s">
        <v>651</v>
      </c>
      <c r="H1767" s="517"/>
      <c r="I1767" s="517"/>
      <c r="J1767" s="517"/>
      <c r="K1767" s="516"/>
    </row>
    <row r="1768" spans="1:11" ht="13.7" customHeight="1">
      <c r="A1768" s="739" t="s">
        <v>1264</v>
      </c>
      <c r="B1768" s="740"/>
      <c r="C1768" s="522" t="s">
        <v>246</v>
      </c>
      <c r="D1768" s="521">
        <v>1</v>
      </c>
      <c r="E1768" s="520"/>
      <c r="F1768" s="519"/>
      <c r="G1768" s="518" t="s">
        <v>651</v>
      </c>
      <c r="H1768" s="517"/>
      <c r="I1768" s="517"/>
      <c r="J1768" s="517"/>
      <c r="K1768" s="516"/>
    </row>
    <row r="1769" spans="1:11" ht="13.7" customHeight="1">
      <c r="A1769" s="741"/>
      <c r="B1769" s="742"/>
      <c r="C1769" s="515"/>
      <c r="D1769" s="514"/>
      <c r="E1769" s="513"/>
      <c r="F1769" s="512"/>
      <c r="G1769" s="511" t="s">
        <v>651</v>
      </c>
      <c r="H1769" s="510"/>
      <c r="I1769" s="510"/>
      <c r="J1769" s="510"/>
      <c r="K1769" s="509"/>
    </row>
    <row r="1770" spans="1:11" ht="13.7" customHeight="1">
      <c r="A1770" s="743" t="s">
        <v>751</v>
      </c>
      <c r="B1770" s="744"/>
      <c r="C1770" s="533"/>
      <c r="D1770" s="532"/>
      <c r="E1770" s="531"/>
      <c r="F1770" s="530"/>
      <c r="G1770" s="529" t="s">
        <v>1327</v>
      </c>
      <c r="H1770" s="528"/>
      <c r="I1770" s="528"/>
      <c r="J1770" s="528"/>
      <c r="K1770" s="527"/>
    </row>
    <row r="1771" spans="1:11" ht="13.7" customHeight="1">
      <c r="A1771" s="745"/>
      <c r="B1771" s="740"/>
      <c r="C1771" s="526"/>
      <c r="D1771" s="525"/>
      <c r="E1771" s="524"/>
      <c r="F1771" s="523" t="s">
        <v>651</v>
      </c>
      <c r="G1771" s="518" t="s">
        <v>651</v>
      </c>
      <c r="H1771" s="517"/>
      <c r="I1771" s="517"/>
      <c r="J1771" s="517"/>
      <c r="K1771" s="516"/>
    </row>
    <row r="1772" spans="1:11" ht="13.7" customHeight="1">
      <c r="A1772" s="739" t="s">
        <v>1326</v>
      </c>
      <c r="B1772" s="740"/>
      <c r="C1772" s="522" t="s">
        <v>697</v>
      </c>
      <c r="D1772" s="521">
        <v>2</v>
      </c>
      <c r="E1772" s="520"/>
      <c r="F1772" s="519"/>
      <c r="G1772" s="518" t="s">
        <v>651</v>
      </c>
      <c r="H1772" s="517"/>
      <c r="I1772" s="517"/>
      <c r="J1772" s="517"/>
      <c r="K1772" s="516"/>
    </row>
    <row r="1773" spans="1:11" ht="13.7" customHeight="1">
      <c r="A1773" s="741"/>
      <c r="B1773" s="742"/>
      <c r="C1773" s="515"/>
      <c r="D1773" s="514"/>
      <c r="E1773" s="513"/>
      <c r="F1773" s="512"/>
      <c r="G1773" s="511" t="s">
        <v>651</v>
      </c>
      <c r="H1773" s="510"/>
      <c r="I1773" s="510"/>
      <c r="J1773" s="510"/>
      <c r="K1773" s="509"/>
    </row>
    <row r="1774" spans="1:11" ht="13.7" customHeight="1">
      <c r="A1774" s="743" t="s">
        <v>1683</v>
      </c>
      <c r="B1774" s="744"/>
      <c r="C1774" s="533"/>
      <c r="D1774" s="532"/>
      <c r="E1774" s="531"/>
      <c r="F1774" s="530"/>
      <c r="G1774" s="529" t="s">
        <v>1325</v>
      </c>
      <c r="H1774" s="528"/>
      <c r="I1774" s="528"/>
      <c r="J1774" s="528"/>
      <c r="K1774" s="527"/>
    </row>
    <row r="1775" spans="1:11" ht="13.7" customHeight="1">
      <c r="A1775" s="745"/>
      <c r="B1775" s="740"/>
      <c r="C1775" s="526"/>
      <c r="D1775" s="525"/>
      <c r="E1775" s="524"/>
      <c r="F1775" s="523" t="s">
        <v>651</v>
      </c>
      <c r="G1775" s="518" t="s">
        <v>651</v>
      </c>
      <c r="H1775" s="517"/>
      <c r="I1775" s="517"/>
      <c r="J1775" s="517"/>
      <c r="K1775" s="516"/>
    </row>
    <row r="1776" spans="1:11" ht="13.7" customHeight="1">
      <c r="A1776" s="739" t="s">
        <v>905</v>
      </c>
      <c r="B1776" s="740"/>
      <c r="C1776" s="522" t="s">
        <v>240</v>
      </c>
      <c r="D1776" s="521">
        <v>7.3</v>
      </c>
      <c r="E1776" s="520"/>
      <c r="F1776" s="519"/>
      <c r="G1776" s="518" t="s">
        <v>651</v>
      </c>
      <c r="H1776" s="517"/>
      <c r="I1776" s="517"/>
      <c r="J1776" s="517"/>
      <c r="K1776" s="516"/>
    </row>
    <row r="1777" spans="1:11" ht="13.7" customHeight="1">
      <c r="A1777" s="741"/>
      <c r="B1777" s="742"/>
      <c r="C1777" s="515"/>
      <c r="D1777" s="514"/>
      <c r="E1777" s="513"/>
      <c r="F1777" s="512"/>
      <c r="G1777" s="511" t="s">
        <v>651</v>
      </c>
      <c r="H1777" s="510"/>
      <c r="I1777" s="510"/>
      <c r="J1777" s="510"/>
      <c r="K1777" s="509"/>
    </row>
    <row r="1778" spans="1:11" ht="13.7" customHeight="1">
      <c r="A1778" s="743" t="s">
        <v>902</v>
      </c>
      <c r="B1778" s="744"/>
      <c r="C1778" s="533"/>
      <c r="D1778" s="532"/>
      <c r="E1778" s="531"/>
      <c r="F1778" s="530"/>
      <c r="G1778" s="529" t="s">
        <v>1324</v>
      </c>
      <c r="H1778" s="528"/>
      <c r="I1778" s="528"/>
      <c r="J1778" s="528"/>
      <c r="K1778" s="527"/>
    </row>
    <row r="1779" spans="1:11" ht="13.7" customHeight="1">
      <c r="A1779" s="745"/>
      <c r="B1779" s="740"/>
      <c r="C1779" s="526"/>
      <c r="D1779" s="525"/>
      <c r="E1779" s="524"/>
      <c r="F1779" s="523" t="s">
        <v>651</v>
      </c>
      <c r="G1779" s="518" t="s">
        <v>651</v>
      </c>
      <c r="H1779" s="517"/>
      <c r="I1779" s="517"/>
      <c r="J1779" s="517"/>
      <c r="K1779" s="516"/>
    </row>
    <row r="1780" spans="1:11" ht="13.7" customHeight="1">
      <c r="A1780" s="739" t="s">
        <v>1682</v>
      </c>
      <c r="B1780" s="740"/>
      <c r="C1780" s="522" t="s">
        <v>621</v>
      </c>
      <c r="D1780" s="521"/>
      <c r="E1780" s="520"/>
      <c r="F1780" s="519"/>
      <c r="G1780" s="518" t="s">
        <v>651</v>
      </c>
      <c r="H1780" s="517"/>
      <c r="I1780" s="517"/>
      <c r="J1780" s="517"/>
      <c r="K1780" s="516"/>
    </row>
    <row r="1781" spans="1:11" ht="13.7" customHeight="1">
      <c r="A1781" s="741"/>
      <c r="B1781" s="742"/>
      <c r="C1781" s="515"/>
      <c r="D1781" s="514"/>
      <c r="E1781" s="513"/>
      <c r="F1781" s="512"/>
      <c r="G1781" s="511" t="s">
        <v>651</v>
      </c>
      <c r="H1781" s="510"/>
      <c r="I1781" s="510"/>
      <c r="J1781" s="510"/>
      <c r="K1781" s="509"/>
    </row>
    <row r="1782" spans="1:11" ht="13.7" customHeight="1">
      <c r="A1782" s="743" t="s">
        <v>651</v>
      </c>
      <c r="B1782" s="744"/>
      <c r="C1782" s="533"/>
      <c r="D1782" s="532"/>
      <c r="E1782" s="531"/>
      <c r="F1782" s="530"/>
      <c r="G1782" s="529" t="s">
        <v>651</v>
      </c>
      <c r="H1782" s="528"/>
      <c r="I1782" s="528"/>
      <c r="J1782" s="528"/>
      <c r="K1782" s="527"/>
    </row>
    <row r="1783" spans="1:11" ht="13.7" customHeight="1">
      <c r="A1783" s="745"/>
      <c r="B1783" s="740"/>
      <c r="C1783" s="526"/>
      <c r="D1783" s="525"/>
      <c r="E1783" s="524"/>
      <c r="F1783" s="523" t="s">
        <v>651</v>
      </c>
      <c r="G1783" s="518" t="s">
        <v>651</v>
      </c>
      <c r="H1783" s="517"/>
      <c r="I1783" s="517"/>
      <c r="J1783" s="517"/>
      <c r="K1783" s="516"/>
    </row>
    <row r="1784" spans="1:11" ht="13.7" customHeight="1">
      <c r="A1784" s="739" t="s">
        <v>652</v>
      </c>
      <c r="B1784" s="740"/>
      <c r="C1784" s="522" t="s">
        <v>242</v>
      </c>
      <c r="D1784" s="521">
        <v>1</v>
      </c>
      <c r="E1784" s="520"/>
      <c r="F1784" s="519"/>
      <c r="G1784" s="518" t="s">
        <v>651</v>
      </c>
      <c r="H1784" s="517"/>
      <c r="I1784" s="517"/>
      <c r="J1784" s="517"/>
      <c r="K1784" s="516"/>
    </row>
    <row r="1785" spans="1:11" ht="13.7" customHeight="1">
      <c r="A1785" s="741"/>
      <c r="B1785" s="742"/>
      <c r="C1785" s="515"/>
      <c r="D1785" s="514"/>
      <c r="E1785" s="513"/>
      <c r="F1785" s="512"/>
      <c r="G1785" s="511" t="s">
        <v>651</v>
      </c>
      <c r="H1785" s="510"/>
      <c r="I1785" s="510"/>
      <c r="J1785" s="510"/>
      <c r="K1785" s="509"/>
    </row>
    <row r="1786" spans="1:11" ht="13.7" customHeight="1">
      <c r="A1786" s="743" t="s">
        <v>651</v>
      </c>
      <c r="B1786" s="744"/>
      <c r="C1786" s="533"/>
      <c r="D1786" s="532"/>
      <c r="E1786" s="531"/>
      <c r="F1786" s="530"/>
      <c r="G1786" s="529" t="s">
        <v>651</v>
      </c>
      <c r="H1786" s="528"/>
      <c r="I1786" s="528"/>
      <c r="J1786" s="528"/>
      <c r="K1786" s="527"/>
    </row>
    <row r="1787" spans="1:11" ht="13.7" customHeight="1">
      <c r="A1787" s="745"/>
      <c r="B1787" s="740"/>
      <c r="C1787" s="526"/>
      <c r="D1787" s="525"/>
      <c r="E1787" s="524"/>
      <c r="F1787" s="523" t="s">
        <v>651</v>
      </c>
      <c r="G1787" s="518" t="s">
        <v>651</v>
      </c>
      <c r="H1787" s="517"/>
      <c r="I1787" s="517"/>
      <c r="J1787" s="517"/>
      <c r="K1787" s="516"/>
    </row>
    <row r="1788" spans="1:11" ht="13.7" customHeight="1">
      <c r="A1788" s="739" t="s">
        <v>681</v>
      </c>
      <c r="B1788" s="740"/>
      <c r="C1788" s="522" t="s">
        <v>242</v>
      </c>
      <c r="D1788" s="521">
        <v>1</v>
      </c>
      <c r="E1788" s="520" t="s">
        <v>1002</v>
      </c>
      <c r="F1788" s="519"/>
      <c r="G1788" s="518" t="s">
        <v>651</v>
      </c>
      <c r="H1788" s="517"/>
      <c r="I1788" s="517"/>
      <c r="J1788" s="517"/>
      <c r="K1788" s="516"/>
    </row>
    <row r="1789" spans="1:11" ht="13.7" customHeight="1">
      <c r="A1789" s="741"/>
      <c r="B1789" s="742"/>
      <c r="C1789" s="515"/>
      <c r="D1789" s="514"/>
      <c r="E1789" s="513"/>
      <c r="F1789" s="512"/>
      <c r="G1789" s="511" t="s">
        <v>651</v>
      </c>
      <c r="H1789" s="510"/>
      <c r="I1789" s="510"/>
      <c r="J1789" s="510"/>
      <c r="K1789" s="509"/>
    </row>
    <row r="1790" spans="1:11" ht="13.7" customHeight="1"/>
    <row r="1791" spans="1:11" ht="13.7" customHeight="1"/>
    <row r="1792" spans="1:11" ht="13.7" customHeight="1"/>
    <row r="1793" spans="1:11" ht="13.7" customHeight="1"/>
    <row r="1794" spans="1:11" ht="13.7" customHeight="1"/>
    <row r="1795" spans="1:11" ht="13.7" customHeight="1"/>
    <row r="1796" spans="1:11" ht="13.7" customHeight="1"/>
    <row r="1797" spans="1:11" ht="13.7" customHeight="1"/>
    <row r="1798" spans="1:11" ht="13.7" customHeight="1"/>
    <row r="1799" spans="1:11" ht="13.7" customHeight="1"/>
    <row r="1800" spans="1:11" ht="6.2" customHeight="1"/>
    <row r="1801" spans="1:11" ht="14.1" customHeight="1">
      <c r="A1801" s="543" t="s">
        <v>1323</v>
      </c>
      <c r="B1801" s="540" t="s">
        <v>1029</v>
      </c>
      <c r="C1801" s="540"/>
      <c r="D1801" s="540"/>
      <c r="E1801" s="540"/>
      <c r="F1801" s="540"/>
      <c r="G1801" s="542" t="s">
        <v>617</v>
      </c>
      <c r="H1801" s="541" t="s">
        <v>916</v>
      </c>
      <c r="I1801" s="540" t="s">
        <v>1007</v>
      </c>
      <c r="J1801" s="540"/>
      <c r="K1801" s="539"/>
    </row>
    <row r="1802" spans="1:11" ht="24" customHeight="1">
      <c r="A1802" s="538" t="s">
        <v>651</v>
      </c>
      <c r="B1802" s="537" t="s">
        <v>651</v>
      </c>
      <c r="C1802" s="537"/>
      <c r="D1802" s="537"/>
      <c r="E1802" s="537"/>
      <c r="F1802" s="537"/>
      <c r="G1802" s="751">
        <v>100</v>
      </c>
      <c r="H1802" s="751"/>
      <c r="I1802" s="751"/>
      <c r="J1802" s="536" t="s">
        <v>240</v>
      </c>
      <c r="K1802" s="535" t="s">
        <v>618</v>
      </c>
    </row>
    <row r="1803" spans="1:11" ht="17.100000000000001" customHeight="1">
      <c r="A1803" s="746" t="s">
        <v>1006</v>
      </c>
      <c r="B1803" s="747"/>
      <c r="C1803" s="534" t="s">
        <v>309</v>
      </c>
      <c r="D1803" s="534" t="s">
        <v>619</v>
      </c>
      <c r="E1803" s="534" t="s">
        <v>620</v>
      </c>
      <c r="F1803" s="534" t="s">
        <v>659</v>
      </c>
      <c r="G1803" s="748" t="s">
        <v>1005</v>
      </c>
      <c r="H1803" s="749"/>
      <c r="I1803" s="749"/>
      <c r="J1803" s="749"/>
      <c r="K1803" s="750"/>
    </row>
    <row r="1804" spans="1:11" ht="13.7" customHeight="1">
      <c r="A1804" s="743" t="s">
        <v>250</v>
      </c>
      <c r="B1804" s="744"/>
      <c r="C1804" s="533"/>
      <c r="D1804" s="532"/>
      <c r="E1804" s="531"/>
      <c r="F1804" s="530"/>
      <c r="G1804" s="529" t="s">
        <v>651</v>
      </c>
      <c r="H1804" s="528"/>
      <c r="I1804" s="528"/>
      <c r="J1804" s="528"/>
      <c r="K1804" s="527"/>
    </row>
    <row r="1805" spans="1:11" ht="13.7" customHeight="1">
      <c r="A1805" s="745"/>
      <c r="B1805" s="740"/>
      <c r="C1805" s="526"/>
      <c r="D1805" s="525"/>
      <c r="E1805" s="524"/>
      <c r="F1805" s="523" t="s">
        <v>651</v>
      </c>
      <c r="G1805" s="518" t="s">
        <v>651</v>
      </c>
      <c r="H1805" s="517"/>
      <c r="I1805" s="517"/>
      <c r="J1805" s="517"/>
      <c r="K1805" s="516"/>
    </row>
    <row r="1806" spans="1:11" ht="13.7" customHeight="1">
      <c r="A1806" s="739" t="s">
        <v>651</v>
      </c>
      <c r="B1806" s="740"/>
      <c r="C1806" s="522" t="s">
        <v>248</v>
      </c>
      <c r="D1806" s="521"/>
      <c r="E1806" s="520"/>
      <c r="F1806" s="519"/>
      <c r="G1806" s="518" t="s">
        <v>651</v>
      </c>
      <c r="H1806" s="517"/>
      <c r="I1806" s="517"/>
      <c r="J1806" s="517"/>
      <c r="K1806" s="516"/>
    </row>
    <row r="1807" spans="1:11" ht="13.7" customHeight="1">
      <c r="A1807" s="741"/>
      <c r="B1807" s="742"/>
      <c r="C1807" s="515"/>
      <c r="D1807" s="514"/>
      <c r="E1807" s="513"/>
      <c r="F1807" s="512"/>
      <c r="G1807" s="511" t="s">
        <v>651</v>
      </c>
      <c r="H1807" s="510"/>
      <c r="I1807" s="510"/>
      <c r="J1807" s="510"/>
      <c r="K1807" s="509"/>
    </row>
    <row r="1808" spans="1:11" ht="13.7" customHeight="1">
      <c r="A1808" s="743" t="s">
        <v>1322</v>
      </c>
      <c r="B1808" s="744"/>
      <c r="C1808" s="533"/>
      <c r="D1808" s="532"/>
      <c r="E1808" s="531"/>
      <c r="F1808" s="530"/>
      <c r="G1808" s="529" t="s">
        <v>651</v>
      </c>
      <c r="H1808" s="528"/>
      <c r="I1808" s="528"/>
      <c r="J1808" s="528"/>
      <c r="K1808" s="527"/>
    </row>
    <row r="1809" spans="1:11" ht="13.7" customHeight="1">
      <c r="A1809" s="745"/>
      <c r="B1809" s="740"/>
      <c r="C1809" s="526"/>
      <c r="D1809" s="525"/>
      <c r="E1809" s="524"/>
      <c r="F1809" s="523" t="s">
        <v>651</v>
      </c>
      <c r="G1809" s="518" t="s">
        <v>651</v>
      </c>
      <c r="H1809" s="517"/>
      <c r="I1809" s="517"/>
      <c r="J1809" s="517"/>
      <c r="K1809" s="516"/>
    </row>
    <row r="1810" spans="1:11" ht="13.7" customHeight="1">
      <c r="A1810" s="739" t="s">
        <v>1321</v>
      </c>
      <c r="B1810" s="740"/>
      <c r="C1810" s="522" t="s">
        <v>240</v>
      </c>
      <c r="D1810" s="521">
        <v>102</v>
      </c>
      <c r="E1810" s="520"/>
      <c r="F1810" s="519"/>
      <c r="G1810" s="518" t="s">
        <v>651</v>
      </c>
      <c r="H1810" s="517"/>
      <c r="I1810" s="517"/>
      <c r="J1810" s="517"/>
      <c r="K1810" s="516"/>
    </row>
    <row r="1811" spans="1:11" ht="13.7" customHeight="1">
      <c r="A1811" s="741"/>
      <c r="B1811" s="742"/>
      <c r="C1811" s="515"/>
      <c r="D1811" s="514"/>
      <c r="E1811" s="513"/>
      <c r="F1811" s="512"/>
      <c r="G1811" s="511" t="s">
        <v>651</v>
      </c>
      <c r="H1811" s="510"/>
      <c r="I1811" s="510"/>
      <c r="J1811" s="510"/>
      <c r="K1811" s="509"/>
    </row>
    <row r="1812" spans="1:11" ht="13.7" customHeight="1">
      <c r="A1812" s="743" t="s">
        <v>700</v>
      </c>
      <c r="B1812" s="744"/>
      <c r="C1812" s="533"/>
      <c r="D1812" s="532"/>
      <c r="E1812" s="531"/>
      <c r="F1812" s="530"/>
      <c r="G1812" s="529" t="s">
        <v>651</v>
      </c>
      <c r="H1812" s="528"/>
      <c r="I1812" s="528"/>
      <c r="J1812" s="528"/>
      <c r="K1812" s="527"/>
    </row>
    <row r="1813" spans="1:11" ht="13.7" customHeight="1">
      <c r="A1813" s="745"/>
      <c r="B1813" s="740"/>
      <c r="C1813" s="526"/>
      <c r="D1813" s="525"/>
      <c r="E1813" s="524"/>
      <c r="F1813" s="523" t="s">
        <v>651</v>
      </c>
      <c r="G1813" s="518" t="s">
        <v>651</v>
      </c>
      <c r="H1813" s="517"/>
      <c r="I1813" s="517"/>
      <c r="J1813" s="517"/>
      <c r="K1813" s="516"/>
    </row>
    <row r="1814" spans="1:11" ht="13.7" customHeight="1">
      <c r="A1814" s="739" t="s">
        <v>651</v>
      </c>
      <c r="B1814" s="740"/>
      <c r="C1814" s="522" t="s">
        <v>242</v>
      </c>
      <c r="D1814" s="521">
        <v>1</v>
      </c>
      <c r="E1814" s="520"/>
      <c r="F1814" s="519"/>
      <c r="G1814" s="518" t="s">
        <v>651</v>
      </c>
      <c r="H1814" s="517"/>
      <c r="I1814" s="517"/>
      <c r="J1814" s="517"/>
      <c r="K1814" s="516"/>
    </row>
    <row r="1815" spans="1:11" ht="13.7" customHeight="1">
      <c r="A1815" s="741"/>
      <c r="B1815" s="742"/>
      <c r="C1815" s="515"/>
      <c r="D1815" s="514"/>
      <c r="E1815" s="513"/>
      <c r="F1815" s="512"/>
      <c r="G1815" s="511" t="s">
        <v>651</v>
      </c>
      <c r="H1815" s="510"/>
      <c r="I1815" s="510"/>
      <c r="J1815" s="510"/>
      <c r="K1815" s="509"/>
    </row>
    <row r="1816" spans="1:11" ht="13.7" customHeight="1">
      <c r="A1816" s="743" t="s">
        <v>651</v>
      </c>
      <c r="B1816" s="744"/>
      <c r="C1816" s="533"/>
      <c r="D1816" s="532"/>
      <c r="E1816" s="531"/>
      <c r="F1816" s="530"/>
      <c r="G1816" s="529" t="s">
        <v>651</v>
      </c>
      <c r="H1816" s="528"/>
      <c r="I1816" s="528"/>
      <c r="J1816" s="528"/>
      <c r="K1816" s="527"/>
    </row>
    <row r="1817" spans="1:11" ht="13.7" customHeight="1">
      <c r="A1817" s="745"/>
      <c r="B1817" s="740"/>
      <c r="C1817" s="526"/>
      <c r="D1817" s="525"/>
      <c r="E1817" s="524"/>
      <c r="F1817" s="523" t="s">
        <v>651</v>
      </c>
      <c r="G1817" s="518" t="s">
        <v>651</v>
      </c>
      <c r="H1817" s="517"/>
      <c r="I1817" s="517"/>
      <c r="J1817" s="517"/>
      <c r="K1817" s="516"/>
    </row>
    <row r="1818" spans="1:11" ht="13.7" customHeight="1">
      <c r="A1818" s="739" t="s">
        <v>652</v>
      </c>
      <c r="B1818" s="740"/>
      <c r="C1818" s="522" t="s">
        <v>240</v>
      </c>
      <c r="D1818" s="521">
        <v>100</v>
      </c>
      <c r="E1818" s="520"/>
      <c r="F1818" s="519"/>
      <c r="G1818" s="518" t="s">
        <v>651</v>
      </c>
      <c r="H1818" s="517"/>
      <c r="I1818" s="517"/>
      <c r="J1818" s="517"/>
      <c r="K1818" s="516"/>
    </row>
    <row r="1819" spans="1:11" ht="13.7" customHeight="1">
      <c r="A1819" s="741"/>
      <c r="B1819" s="742"/>
      <c r="C1819" s="515"/>
      <c r="D1819" s="514"/>
      <c r="E1819" s="513"/>
      <c r="F1819" s="512"/>
      <c r="G1819" s="511" t="s">
        <v>651</v>
      </c>
      <c r="H1819" s="510"/>
      <c r="I1819" s="510"/>
      <c r="J1819" s="510"/>
      <c r="K1819" s="509"/>
    </row>
    <row r="1820" spans="1:11" ht="13.7" customHeight="1">
      <c r="A1820" s="743" t="s">
        <v>651</v>
      </c>
      <c r="B1820" s="744"/>
      <c r="C1820" s="533"/>
      <c r="D1820" s="532"/>
      <c r="E1820" s="531"/>
      <c r="F1820" s="530"/>
      <c r="G1820" s="529" t="s">
        <v>651</v>
      </c>
      <c r="H1820" s="528"/>
      <c r="I1820" s="528"/>
      <c r="J1820" s="528"/>
      <c r="K1820" s="527"/>
    </row>
    <row r="1821" spans="1:11" ht="13.7" customHeight="1">
      <c r="A1821" s="745"/>
      <c r="B1821" s="740"/>
      <c r="C1821" s="526"/>
      <c r="D1821" s="525"/>
      <c r="E1821" s="524"/>
      <c r="F1821" s="523" t="s">
        <v>651</v>
      </c>
      <c r="G1821" s="518" t="s">
        <v>651</v>
      </c>
      <c r="H1821" s="517"/>
      <c r="I1821" s="517"/>
      <c r="J1821" s="517"/>
      <c r="K1821" s="516"/>
    </row>
    <row r="1822" spans="1:11" ht="13.7" customHeight="1">
      <c r="A1822" s="739" t="s">
        <v>681</v>
      </c>
      <c r="B1822" s="740"/>
      <c r="C1822" s="522" t="s">
        <v>240</v>
      </c>
      <c r="D1822" s="521">
        <v>1</v>
      </c>
      <c r="E1822" s="520" t="s">
        <v>1002</v>
      </c>
      <c r="F1822" s="519"/>
      <c r="G1822" s="518" t="s">
        <v>651</v>
      </c>
      <c r="H1822" s="517"/>
      <c r="I1822" s="517"/>
      <c r="J1822" s="517"/>
      <c r="K1822" s="516"/>
    </row>
    <row r="1823" spans="1:11" ht="13.7" customHeight="1">
      <c r="A1823" s="741"/>
      <c r="B1823" s="742"/>
      <c r="C1823" s="515"/>
      <c r="D1823" s="514"/>
      <c r="E1823" s="513"/>
      <c r="F1823" s="512"/>
      <c r="G1823" s="511" t="s">
        <v>651</v>
      </c>
      <c r="H1823" s="510"/>
      <c r="I1823" s="510"/>
      <c r="J1823" s="510"/>
      <c r="K1823" s="509"/>
    </row>
    <row r="1824" spans="1:11" ht="13.7" customHeight="1"/>
    <row r="1825" spans="1:11" ht="13.7" customHeight="1"/>
    <row r="1826" spans="1:11" ht="13.7" customHeight="1"/>
    <row r="1827" spans="1:11" ht="13.7" customHeight="1"/>
    <row r="1828" spans="1:11" ht="13.7" customHeight="1"/>
    <row r="1829" spans="1:11" ht="13.7" customHeight="1"/>
    <row r="1830" spans="1:11" ht="13.7" customHeight="1"/>
    <row r="1831" spans="1:11" ht="13.7" customHeight="1"/>
    <row r="1832" spans="1:11" ht="13.7" customHeight="1"/>
    <row r="1833" spans="1:11" ht="13.7" customHeight="1"/>
    <row r="1834" spans="1:11" ht="13.7" customHeight="1"/>
    <row r="1835" spans="1:11" ht="13.7" customHeight="1"/>
    <row r="1836" spans="1:11" ht="13.7" customHeight="1"/>
    <row r="1837" spans="1:11" ht="13.7" customHeight="1"/>
    <row r="1838" spans="1:11" ht="6.2" customHeight="1"/>
    <row r="1839" spans="1:11" ht="14.1" customHeight="1">
      <c r="A1839" s="543" t="s">
        <v>1320</v>
      </c>
      <c r="B1839" s="540" t="s">
        <v>1319</v>
      </c>
      <c r="C1839" s="540"/>
      <c r="D1839" s="540"/>
      <c r="E1839" s="540"/>
      <c r="F1839" s="540"/>
      <c r="G1839" s="542" t="s">
        <v>617</v>
      </c>
      <c r="H1839" s="541" t="s">
        <v>914</v>
      </c>
      <c r="I1839" s="540" t="s">
        <v>1007</v>
      </c>
      <c r="J1839" s="540"/>
      <c r="K1839" s="539"/>
    </row>
    <row r="1840" spans="1:11" ht="24" customHeight="1">
      <c r="A1840" s="538" t="s">
        <v>651</v>
      </c>
      <c r="B1840" s="537" t="s">
        <v>651</v>
      </c>
      <c r="C1840" s="537"/>
      <c r="D1840" s="537"/>
      <c r="E1840" s="537"/>
      <c r="F1840" s="537"/>
      <c r="G1840" s="751">
        <v>1</v>
      </c>
      <c r="H1840" s="751"/>
      <c r="I1840" s="751"/>
      <c r="J1840" s="536" t="s">
        <v>242</v>
      </c>
      <c r="K1840" s="535" t="s">
        <v>618</v>
      </c>
    </row>
    <row r="1841" spans="1:11" ht="17.100000000000001" customHeight="1">
      <c r="A1841" s="746" t="s">
        <v>1006</v>
      </c>
      <c r="B1841" s="747"/>
      <c r="C1841" s="534" t="s">
        <v>309</v>
      </c>
      <c r="D1841" s="534" t="s">
        <v>619</v>
      </c>
      <c r="E1841" s="534" t="s">
        <v>620</v>
      </c>
      <c r="F1841" s="534" t="s">
        <v>659</v>
      </c>
      <c r="G1841" s="748" t="s">
        <v>1005</v>
      </c>
      <c r="H1841" s="749"/>
      <c r="I1841" s="749"/>
      <c r="J1841" s="749"/>
      <c r="K1841" s="750"/>
    </row>
    <row r="1842" spans="1:11" ht="13.7" customHeight="1">
      <c r="A1842" s="743" t="s">
        <v>1024</v>
      </c>
      <c r="B1842" s="744"/>
      <c r="C1842" s="533"/>
      <c r="D1842" s="532"/>
      <c r="E1842" s="531"/>
      <c r="F1842" s="530"/>
      <c r="G1842" s="529" t="s">
        <v>1023</v>
      </c>
      <c r="H1842" s="528"/>
      <c r="I1842" s="528"/>
      <c r="J1842" s="528"/>
      <c r="K1842" s="527"/>
    </row>
    <row r="1843" spans="1:11" ht="13.7" customHeight="1">
      <c r="A1843" s="745"/>
      <c r="B1843" s="740"/>
      <c r="C1843" s="526"/>
      <c r="D1843" s="525"/>
      <c r="E1843" s="524"/>
      <c r="F1843" s="523" t="s">
        <v>651</v>
      </c>
      <c r="G1843" s="518" t="s">
        <v>651</v>
      </c>
      <c r="H1843" s="517"/>
      <c r="I1843" s="517"/>
      <c r="J1843" s="517"/>
      <c r="K1843" s="516"/>
    </row>
    <row r="1844" spans="1:11" ht="13.7" customHeight="1">
      <c r="A1844" s="739" t="s">
        <v>1022</v>
      </c>
      <c r="B1844" s="740"/>
      <c r="C1844" s="522" t="s">
        <v>240</v>
      </c>
      <c r="D1844" s="521">
        <v>17</v>
      </c>
      <c r="E1844" s="520"/>
      <c r="F1844" s="519"/>
      <c r="G1844" s="518" t="s">
        <v>651</v>
      </c>
      <c r="H1844" s="517"/>
      <c r="I1844" s="517"/>
      <c r="J1844" s="517"/>
      <c r="K1844" s="516"/>
    </row>
    <row r="1845" spans="1:11" ht="13.7" customHeight="1">
      <c r="A1845" s="741"/>
      <c r="B1845" s="742"/>
      <c r="C1845" s="515"/>
      <c r="D1845" s="514"/>
      <c r="E1845" s="513"/>
      <c r="F1845" s="512"/>
      <c r="G1845" s="511" t="s">
        <v>651</v>
      </c>
      <c r="H1845" s="510"/>
      <c r="I1845" s="510"/>
      <c r="J1845" s="510"/>
      <c r="K1845" s="509"/>
    </row>
    <row r="1846" spans="1:11" ht="13.7" customHeight="1">
      <c r="A1846" s="743" t="s">
        <v>1021</v>
      </c>
      <c r="B1846" s="744"/>
      <c r="C1846" s="533"/>
      <c r="D1846" s="532"/>
      <c r="E1846" s="531"/>
      <c r="F1846" s="530"/>
      <c r="G1846" s="529" t="s">
        <v>1020</v>
      </c>
      <c r="H1846" s="528"/>
      <c r="I1846" s="528"/>
      <c r="J1846" s="528"/>
      <c r="K1846" s="527"/>
    </row>
    <row r="1847" spans="1:11" ht="13.7" customHeight="1">
      <c r="A1847" s="745"/>
      <c r="B1847" s="740"/>
      <c r="C1847" s="526"/>
      <c r="D1847" s="525"/>
      <c r="E1847" s="524"/>
      <c r="F1847" s="523" t="s">
        <v>651</v>
      </c>
      <c r="G1847" s="518" t="s">
        <v>651</v>
      </c>
      <c r="H1847" s="517"/>
      <c r="I1847" s="517"/>
      <c r="J1847" s="517"/>
      <c r="K1847" s="516"/>
    </row>
    <row r="1848" spans="1:11" ht="13.7" customHeight="1">
      <c r="A1848" s="739" t="s">
        <v>1019</v>
      </c>
      <c r="B1848" s="740"/>
      <c r="C1848" s="522" t="s">
        <v>194</v>
      </c>
      <c r="D1848" s="521">
        <v>8</v>
      </c>
      <c r="E1848" s="520"/>
      <c r="F1848" s="519"/>
      <c r="G1848" s="518" t="s">
        <v>651</v>
      </c>
      <c r="H1848" s="517"/>
      <c r="I1848" s="517"/>
      <c r="J1848" s="517"/>
      <c r="K1848" s="516"/>
    </row>
    <row r="1849" spans="1:11" ht="13.7" customHeight="1">
      <c r="A1849" s="741"/>
      <c r="B1849" s="742"/>
      <c r="C1849" s="515"/>
      <c r="D1849" s="514"/>
      <c r="E1849" s="513"/>
      <c r="F1849" s="512"/>
      <c r="G1849" s="511" t="s">
        <v>651</v>
      </c>
      <c r="H1849" s="510"/>
      <c r="I1849" s="510"/>
      <c r="J1849" s="510"/>
      <c r="K1849" s="509"/>
    </row>
    <row r="1850" spans="1:11" ht="13.7" customHeight="1">
      <c r="A1850" s="743" t="s">
        <v>892</v>
      </c>
      <c r="B1850" s="744"/>
      <c r="C1850" s="533"/>
      <c r="D1850" s="532"/>
      <c r="E1850" s="531"/>
      <c r="F1850" s="530"/>
      <c r="G1850" s="529" t="s">
        <v>1018</v>
      </c>
      <c r="H1850" s="528"/>
      <c r="I1850" s="528"/>
      <c r="J1850" s="528"/>
      <c r="K1850" s="527"/>
    </row>
    <row r="1851" spans="1:11" ht="13.7" customHeight="1">
      <c r="A1851" s="745"/>
      <c r="B1851" s="740"/>
      <c r="C1851" s="526"/>
      <c r="D1851" s="525"/>
      <c r="E1851" s="524"/>
      <c r="F1851" s="523" t="s">
        <v>651</v>
      </c>
      <c r="G1851" s="518" t="s">
        <v>651</v>
      </c>
      <c r="H1851" s="517"/>
      <c r="I1851" s="517"/>
      <c r="J1851" s="517"/>
      <c r="K1851" s="516"/>
    </row>
    <row r="1852" spans="1:11" ht="13.7" customHeight="1">
      <c r="A1852" s="739" t="s">
        <v>1017</v>
      </c>
      <c r="B1852" s="740"/>
      <c r="C1852" s="522" t="s">
        <v>194</v>
      </c>
      <c r="D1852" s="521">
        <v>8</v>
      </c>
      <c r="E1852" s="520"/>
      <c r="F1852" s="519"/>
      <c r="G1852" s="518" t="s">
        <v>651</v>
      </c>
      <c r="H1852" s="517"/>
      <c r="I1852" s="517"/>
      <c r="J1852" s="517"/>
      <c r="K1852" s="516"/>
    </row>
    <row r="1853" spans="1:11" ht="13.7" customHeight="1">
      <c r="A1853" s="741"/>
      <c r="B1853" s="742"/>
      <c r="C1853" s="515"/>
      <c r="D1853" s="514"/>
      <c r="E1853" s="513"/>
      <c r="F1853" s="512"/>
      <c r="G1853" s="511" t="s">
        <v>651</v>
      </c>
      <c r="H1853" s="510"/>
      <c r="I1853" s="510"/>
      <c r="J1853" s="510"/>
      <c r="K1853" s="509"/>
    </row>
    <row r="1854" spans="1:11" ht="13.7" customHeight="1">
      <c r="A1854" s="743" t="s">
        <v>958</v>
      </c>
      <c r="B1854" s="744"/>
      <c r="C1854" s="533"/>
      <c r="D1854" s="532"/>
      <c r="E1854" s="531"/>
      <c r="F1854" s="530"/>
      <c r="G1854" s="529" t="s">
        <v>1016</v>
      </c>
      <c r="H1854" s="528"/>
      <c r="I1854" s="528"/>
      <c r="J1854" s="528"/>
      <c r="K1854" s="527"/>
    </row>
    <row r="1855" spans="1:11" ht="13.7" customHeight="1">
      <c r="A1855" s="745"/>
      <c r="B1855" s="740"/>
      <c r="C1855" s="526"/>
      <c r="D1855" s="525"/>
      <c r="E1855" s="524"/>
      <c r="F1855" s="523" t="s">
        <v>651</v>
      </c>
      <c r="G1855" s="518" t="s">
        <v>651</v>
      </c>
      <c r="H1855" s="517"/>
      <c r="I1855" s="517"/>
      <c r="J1855" s="517"/>
      <c r="K1855" s="516"/>
    </row>
    <row r="1856" spans="1:11" ht="13.7" customHeight="1">
      <c r="A1856" s="739" t="s">
        <v>1686</v>
      </c>
      <c r="B1856" s="740"/>
      <c r="C1856" s="522" t="s">
        <v>193</v>
      </c>
      <c r="D1856" s="521">
        <v>20</v>
      </c>
      <c r="E1856" s="520"/>
      <c r="F1856" s="519"/>
      <c r="G1856" s="518" t="s">
        <v>651</v>
      </c>
      <c r="H1856" s="517"/>
      <c r="I1856" s="517"/>
      <c r="J1856" s="517"/>
      <c r="K1856" s="516"/>
    </row>
    <row r="1857" spans="1:11" ht="13.7" customHeight="1">
      <c r="A1857" s="741"/>
      <c r="B1857" s="742"/>
      <c r="C1857" s="515"/>
      <c r="D1857" s="514"/>
      <c r="E1857" s="513"/>
      <c r="F1857" s="512"/>
      <c r="G1857" s="511" t="s">
        <v>651</v>
      </c>
      <c r="H1857" s="510"/>
      <c r="I1857" s="510"/>
      <c r="J1857" s="510"/>
      <c r="K1857" s="509"/>
    </row>
    <row r="1858" spans="1:11" ht="13.7" customHeight="1">
      <c r="A1858" s="743" t="s">
        <v>1015</v>
      </c>
      <c r="B1858" s="744"/>
      <c r="C1858" s="533"/>
      <c r="D1858" s="532"/>
      <c r="E1858" s="531"/>
      <c r="F1858" s="530"/>
      <c r="G1858" s="529" t="s">
        <v>1014</v>
      </c>
      <c r="H1858" s="528"/>
      <c r="I1858" s="528"/>
      <c r="J1858" s="528"/>
      <c r="K1858" s="527"/>
    </row>
    <row r="1859" spans="1:11" ht="13.7" customHeight="1">
      <c r="A1859" s="745"/>
      <c r="B1859" s="740"/>
      <c r="C1859" s="526"/>
      <c r="D1859" s="525"/>
      <c r="E1859" s="524"/>
      <c r="F1859" s="523" t="s">
        <v>651</v>
      </c>
      <c r="G1859" s="518" t="s">
        <v>651</v>
      </c>
      <c r="H1859" s="517"/>
      <c r="I1859" s="517"/>
      <c r="J1859" s="517"/>
      <c r="K1859" s="516"/>
    </row>
    <row r="1860" spans="1:11" ht="13.7" customHeight="1">
      <c r="A1860" s="739" t="s">
        <v>1013</v>
      </c>
      <c r="B1860" s="740"/>
      <c r="C1860" s="522" t="s">
        <v>193</v>
      </c>
      <c r="D1860" s="521">
        <v>5</v>
      </c>
      <c r="E1860" s="520"/>
      <c r="F1860" s="519"/>
      <c r="G1860" s="518" t="s">
        <v>651</v>
      </c>
      <c r="H1860" s="517"/>
      <c r="I1860" s="517"/>
      <c r="J1860" s="517"/>
      <c r="K1860" s="516"/>
    </row>
    <row r="1861" spans="1:11" ht="13.7" customHeight="1">
      <c r="A1861" s="741"/>
      <c r="B1861" s="742"/>
      <c r="C1861" s="515"/>
      <c r="D1861" s="514"/>
      <c r="E1861" s="513"/>
      <c r="F1861" s="512"/>
      <c r="G1861" s="511" t="s">
        <v>651</v>
      </c>
      <c r="H1861" s="510"/>
      <c r="I1861" s="510"/>
      <c r="J1861" s="510"/>
      <c r="K1861" s="509"/>
    </row>
    <row r="1862" spans="1:11" ht="13.7" customHeight="1">
      <c r="A1862" s="743" t="s">
        <v>951</v>
      </c>
      <c r="B1862" s="744"/>
      <c r="C1862" s="533"/>
      <c r="D1862" s="532"/>
      <c r="E1862" s="531"/>
      <c r="F1862" s="530"/>
      <c r="G1862" s="529" t="s">
        <v>1012</v>
      </c>
      <c r="H1862" s="528"/>
      <c r="I1862" s="528"/>
      <c r="J1862" s="528"/>
      <c r="K1862" s="527"/>
    </row>
    <row r="1863" spans="1:11" ht="13.7" customHeight="1">
      <c r="A1863" s="745"/>
      <c r="B1863" s="740"/>
      <c r="C1863" s="526"/>
      <c r="D1863" s="525"/>
      <c r="E1863" s="524"/>
      <c r="F1863" s="523" t="s">
        <v>651</v>
      </c>
      <c r="G1863" s="518" t="s">
        <v>651</v>
      </c>
      <c r="H1863" s="517"/>
      <c r="I1863" s="517"/>
      <c r="J1863" s="517"/>
      <c r="K1863" s="516"/>
    </row>
    <row r="1864" spans="1:11" ht="13.7" customHeight="1">
      <c r="A1864" s="739" t="s">
        <v>1686</v>
      </c>
      <c r="B1864" s="740"/>
      <c r="C1864" s="522" t="s">
        <v>193</v>
      </c>
      <c r="D1864" s="521">
        <v>14</v>
      </c>
      <c r="E1864" s="520"/>
      <c r="F1864" s="519"/>
      <c r="G1864" s="518" t="s">
        <v>651</v>
      </c>
      <c r="H1864" s="517"/>
      <c r="I1864" s="517"/>
      <c r="J1864" s="517"/>
      <c r="K1864" s="516"/>
    </row>
    <row r="1865" spans="1:11" ht="13.7" customHeight="1">
      <c r="A1865" s="741"/>
      <c r="B1865" s="742"/>
      <c r="C1865" s="515"/>
      <c r="D1865" s="514"/>
      <c r="E1865" s="513"/>
      <c r="F1865" s="512"/>
      <c r="G1865" s="511" t="s">
        <v>651</v>
      </c>
      <c r="H1865" s="510"/>
      <c r="I1865" s="510"/>
      <c r="J1865" s="510"/>
      <c r="K1865" s="509"/>
    </row>
    <row r="1866" spans="1:11" ht="13.7" customHeight="1">
      <c r="A1866" s="743" t="s">
        <v>1677</v>
      </c>
      <c r="B1866" s="744"/>
      <c r="C1866" s="533"/>
      <c r="D1866" s="532"/>
      <c r="E1866" s="531"/>
      <c r="F1866" s="530"/>
      <c r="G1866" s="529" t="s">
        <v>1011</v>
      </c>
      <c r="H1866" s="528"/>
      <c r="I1866" s="528"/>
      <c r="J1866" s="528"/>
      <c r="K1866" s="527"/>
    </row>
    <row r="1867" spans="1:11" ht="13.7" customHeight="1">
      <c r="A1867" s="745"/>
      <c r="B1867" s="740"/>
      <c r="C1867" s="526"/>
      <c r="D1867" s="525"/>
      <c r="E1867" s="524"/>
      <c r="F1867" s="523" t="s">
        <v>651</v>
      </c>
      <c r="G1867" s="518" t="s">
        <v>651</v>
      </c>
      <c r="H1867" s="517"/>
      <c r="I1867" s="517"/>
      <c r="J1867" s="517"/>
      <c r="K1867" s="516"/>
    </row>
    <row r="1868" spans="1:11" ht="13.7" customHeight="1">
      <c r="A1868" s="739" t="s">
        <v>1676</v>
      </c>
      <c r="B1868" s="740"/>
      <c r="C1868" s="522" t="s">
        <v>193</v>
      </c>
      <c r="D1868" s="521">
        <v>6</v>
      </c>
      <c r="E1868" s="520"/>
      <c r="F1868" s="519"/>
      <c r="G1868" s="518" t="s">
        <v>651</v>
      </c>
      <c r="H1868" s="517"/>
      <c r="I1868" s="517"/>
      <c r="J1868" s="517"/>
      <c r="K1868" s="516"/>
    </row>
    <row r="1869" spans="1:11" ht="13.7" customHeight="1">
      <c r="A1869" s="741"/>
      <c r="B1869" s="742"/>
      <c r="C1869" s="515"/>
      <c r="D1869" s="514"/>
      <c r="E1869" s="513"/>
      <c r="F1869" s="512"/>
      <c r="G1869" s="511" t="s">
        <v>651</v>
      </c>
      <c r="H1869" s="510"/>
      <c r="I1869" s="510"/>
      <c r="J1869" s="510"/>
      <c r="K1869" s="509"/>
    </row>
    <row r="1870" spans="1:11" ht="13.7" customHeight="1">
      <c r="A1870" s="743" t="s">
        <v>1673</v>
      </c>
      <c r="B1870" s="744"/>
      <c r="C1870" s="533"/>
      <c r="D1870" s="532"/>
      <c r="E1870" s="531"/>
      <c r="F1870" s="530"/>
      <c r="G1870" s="529" t="s">
        <v>1010</v>
      </c>
      <c r="H1870" s="528"/>
      <c r="I1870" s="528"/>
      <c r="J1870" s="528"/>
      <c r="K1870" s="527"/>
    </row>
    <row r="1871" spans="1:11" ht="13.7" customHeight="1">
      <c r="A1871" s="745"/>
      <c r="B1871" s="740"/>
      <c r="C1871" s="526"/>
      <c r="D1871" s="525"/>
      <c r="E1871" s="524"/>
      <c r="F1871" s="523" t="s">
        <v>651</v>
      </c>
      <c r="G1871" s="518" t="s">
        <v>651</v>
      </c>
      <c r="H1871" s="517"/>
      <c r="I1871" s="517"/>
      <c r="J1871" s="517"/>
      <c r="K1871" s="516"/>
    </row>
    <row r="1872" spans="1:11" ht="13.7" customHeight="1">
      <c r="A1872" s="739" t="s">
        <v>1672</v>
      </c>
      <c r="B1872" s="740"/>
      <c r="C1872" s="522" t="s">
        <v>194</v>
      </c>
      <c r="D1872" s="521">
        <v>8</v>
      </c>
      <c r="E1872" s="520"/>
      <c r="F1872" s="519"/>
      <c r="G1872" s="518" t="s">
        <v>651</v>
      </c>
      <c r="H1872" s="517"/>
      <c r="I1872" s="517"/>
      <c r="J1872" s="517"/>
      <c r="K1872" s="516"/>
    </row>
    <row r="1873" spans="1:11" ht="13.7" customHeight="1">
      <c r="A1873" s="741"/>
      <c r="B1873" s="742"/>
      <c r="C1873" s="515"/>
      <c r="D1873" s="514"/>
      <c r="E1873" s="513"/>
      <c r="F1873" s="512"/>
      <c r="G1873" s="511" t="s">
        <v>651</v>
      </c>
      <c r="H1873" s="510"/>
      <c r="I1873" s="510"/>
      <c r="J1873" s="510"/>
      <c r="K1873" s="509"/>
    </row>
    <row r="1874" spans="1:11" ht="13.7" customHeight="1"/>
    <row r="1875" spans="1:11" ht="13.7" customHeight="1"/>
    <row r="1876" spans="1:11" ht="6.2" customHeight="1"/>
    <row r="1877" spans="1:11" ht="14.1" customHeight="1">
      <c r="A1877" s="543" t="s">
        <v>1320</v>
      </c>
      <c r="B1877" s="540" t="s">
        <v>1319</v>
      </c>
      <c r="C1877" s="540"/>
      <c r="D1877" s="540"/>
      <c r="E1877" s="540"/>
      <c r="F1877" s="540"/>
      <c r="G1877" s="542" t="s">
        <v>617</v>
      </c>
      <c r="H1877" s="541" t="s">
        <v>914</v>
      </c>
      <c r="I1877" s="540" t="s">
        <v>1007</v>
      </c>
      <c r="J1877" s="540"/>
      <c r="K1877" s="539"/>
    </row>
    <row r="1878" spans="1:11" ht="24" customHeight="1">
      <c r="A1878" s="538" t="s">
        <v>651</v>
      </c>
      <c r="B1878" s="537" t="s">
        <v>651</v>
      </c>
      <c r="C1878" s="537"/>
      <c r="D1878" s="537"/>
      <c r="E1878" s="537"/>
      <c r="F1878" s="537"/>
      <c r="G1878" s="751">
        <v>1</v>
      </c>
      <c r="H1878" s="751"/>
      <c r="I1878" s="751"/>
      <c r="J1878" s="536" t="s">
        <v>242</v>
      </c>
      <c r="K1878" s="535" t="s">
        <v>618</v>
      </c>
    </row>
    <row r="1879" spans="1:11" ht="17.100000000000001" customHeight="1">
      <c r="A1879" s="746" t="s">
        <v>1006</v>
      </c>
      <c r="B1879" s="747"/>
      <c r="C1879" s="534" t="s">
        <v>309</v>
      </c>
      <c r="D1879" s="534" t="s">
        <v>619</v>
      </c>
      <c r="E1879" s="534" t="s">
        <v>620</v>
      </c>
      <c r="F1879" s="534" t="s">
        <v>659</v>
      </c>
      <c r="G1879" s="748" t="s">
        <v>1005</v>
      </c>
      <c r="H1879" s="749"/>
      <c r="I1879" s="749"/>
      <c r="J1879" s="749"/>
      <c r="K1879" s="750"/>
    </row>
    <row r="1880" spans="1:11" ht="13.7" customHeight="1">
      <c r="A1880" s="743" t="s">
        <v>880</v>
      </c>
      <c r="B1880" s="744"/>
      <c r="C1880" s="533"/>
      <c r="D1880" s="532"/>
      <c r="E1880" s="531"/>
      <c r="F1880" s="530"/>
      <c r="G1880" s="529" t="s">
        <v>1004</v>
      </c>
      <c r="H1880" s="528"/>
      <c r="I1880" s="528"/>
      <c r="J1880" s="528"/>
      <c r="K1880" s="527"/>
    </row>
    <row r="1881" spans="1:11" ht="13.7" customHeight="1">
      <c r="A1881" s="745"/>
      <c r="B1881" s="740"/>
      <c r="C1881" s="526"/>
      <c r="D1881" s="525"/>
      <c r="E1881" s="524"/>
      <c r="F1881" s="523" t="s">
        <v>651</v>
      </c>
      <c r="G1881" s="518" t="s">
        <v>651</v>
      </c>
      <c r="H1881" s="517"/>
      <c r="I1881" s="517"/>
      <c r="J1881" s="517"/>
      <c r="K1881" s="516"/>
    </row>
    <row r="1882" spans="1:11" ht="13.7" customHeight="1">
      <c r="A1882" s="739" t="s">
        <v>1695</v>
      </c>
      <c r="B1882" s="740"/>
      <c r="C1882" s="522" t="s">
        <v>193</v>
      </c>
      <c r="D1882" s="521">
        <v>0.4</v>
      </c>
      <c r="E1882" s="520"/>
      <c r="F1882" s="519"/>
      <c r="G1882" s="518" t="s">
        <v>651</v>
      </c>
      <c r="H1882" s="517"/>
      <c r="I1882" s="517"/>
      <c r="J1882" s="517"/>
      <c r="K1882" s="516"/>
    </row>
    <row r="1883" spans="1:11" ht="13.7" customHeight="1">
      <c r="A1883" s="741"/>
      <c r="B1883" s="742"/>
      <c r="C1883" s="515"/>
      <c r="D1883" s="514"/>
      <c r="E1883" s="513"/>
      <c r="F1883" s="512"/>
      <c r="G1883" s="511" t="s">
        <v>651</v>
      </c>
      <c r="H1883" s="510"/>
      <c r="I1883" s="510"/>
      <c r="J1883" s="510"/>
      <c r="K1883" s="509"/>
    </row>
    <row r="1884" spans="1:11" ht="13.7" customHeight="1">
      <c r="A1884" s="743" t="s">
        <v>981</v>
      </c>
      <c r="B1884" s="744"/>
      <c r="C1884" s="533"/>
      <c r="D1884" s="532"/>
      <c r="E1884" s="531"/>
      <c r="F1884" s="530"/>
      <c r="G1884" s="529" t="s">
        <v>1003</v>
      </c>
      <c r="H1884" s="528"/>
      <c r="I1884" s="528"/>
      <c r="J1884" s="528"/>
      <c r="K1884" s="527"/>
    </row>
    <row r="1885" spans="1:11" ht="13.7" customHeight="1">
      <c r="A1885" s="745"/>
      <c r="B1885" s="740"/>
      <c r="C1885" s="526"/>
      <c r="D1885" s="525"/>
      <c r="E1885" s="524"/>
      <c r="F1885" s="523" t="s">
        <v>651</v>
      </c>
      <c r="G1885" s="518" t="s">
        <v>651</v>
      </c>
      <c r="H1885" s="517"/>
      <c r="I1885" s="517"/>
      <c r="J1885" s="517"/>
      <c r="K1885" s="516"/>
    </row>
    <row r="1886" spans="1:11" ht="13.7" customHeight="1">
      <c r="A1886" s="739" t="s">
        <v>1691</v>
      </c>
      <c r="B1886" s="740"/>
      <c r="C1886" s="522" t="s">
        <v>193</v>
      </c>
      <c r="D1886" s="521">
        <v>0.4</v>
      </c>
      <c r="E1886" s="520"/>
      <c r="F1886" s="519"/>
      <c r="G1886" s="518" t="s">
        <v>651</v>
      </c>
      <c r="H1886" s="517"/>
      <c r="I1886" s="517"/>
      <c r="J1886" s="517"/>
      <c r="K1886" s="516"/>
    </row>
    <row r="1887" spans="1:11" ht="13.7" customHeight="1">
      <c r="A1887" s="741"/>
      <c r="B1887" s="742"/>
      <c r="C1887" s="515"/>
      <c r="D1887" s="514"/>
      <c r="E1887" s="513"/>
      <c r="F1887" s="512"/>
      <c r="G1887" s="511" t="s">
        <v>651</v>
      </c>
      <c r="H1887" s="510"/>
      <c r="I1887" s="510"/>
      <c r="J1887" s="510"/>
      <c r="K1887" s="509"/>
    </row>
    <row r="1888" spans="1:11" ht="13.7" customHeight="1">
      <c r="A1888" s="743" t="s">
        <v>736</v>
      </c>
      <c r="B1888" s="744"/>
      <c r="C1888" s="533"/>
      <c r="D1888" s="532"/>
      <c r="E1888" s="531"/>
      <c r="F1888" s="530"/>
      <c r="G1888" s="529" t="s">
        <v>1263</v>
      </c>
      <c r="H1888" s="528"/>
      <c r="I1888" s="528"/>
      <c r="J1888" s="528"/>
      <c r="K1888" s="527"/>
    </row>
    <row r="1889" spans="1:11" ht="13.7" customHeight="1">
      <c r="A1889" s="745"/>
      <c r="B1889" s="740"/>
      <c r="C1889" s="526"/>
      <c r="D1889" s="525"/>
      <c r="E1889" s="524"/>
      <c r="F1889" s="523" t="s">
        <v>651</v>
      </c>
      <c r="G1889" s="518" t="s">
        <v>651</v>
      </c>
      <c r="H1889" s="517"/>
      <c r="I1889" s="517"/>
      <c r="J1889" s="517"/>
      <c r="K1889" s="516"/>
    </row>
    <row r="1890" spans="1:11" ht="13.7" customHeight="1">
      <c r="A1890" s="739" t="s">
        <v>1261</v>
      </c>
      <c r="B1890" s="740"/>
      <c r="C1890" s="522" t="s">
        <v>240</v>
      </c>
      <c r="D1890" s="521">
        <v>3.4</v>
      </c>
      <c r="E1890" s="520"/>
      <c r="F1890" s="519"/>
      <c r="G1890" s="518" t="s">
        <v>651</v>
      </c>
      <c r="H1890" s="517"/>
      <c r="I1890" s="517"/>
      <c r="J1890" s="517"/>
      <c r="K1890" s="516"/>
    </row>
    <row r="1891" spans="1:11" ht="13.7" customHeight="1">
      <c r="A1891" s="741"/>
      <c r="B1891" s="742"/>
      <c r="C1891" s="515"/>
      <c r="D1891" s="514"/>
      <c r="E1891" s="513"/>
      <c r="F1891" s="512"/>
      <c r="G1891" s="511" t="s">
        <v>651</v>
      </c>
      <c r="H1891" s="510"/>
      <c r="I1891" s="510"/>
      <c r="J1891" s="510"/>
      <c r="K1891" s="509"/>
    </row>
    <row r="1892" spans="1:11" ht="13.7" customHeight="1">
      <c r="A1892" s="743" t="s">
        <v>730</v>
      </c>
      <c r="B1892" s="744"/>
      <c r="C1892" s="533"/>
      <c r="D1892" s="532"/>
      <c r="E1892" s="531"/>
      <c r="F1892" s="530"/>
      <c r="G1892" s="529" t="s">
        <v>1262</v>
      </c>
      <c r="H1892" s="528"/>
      <c r="I1892" s="528"/>
      <c r="J1892" s="528"/>
      <c r="K1892" s="527"/>
    </row>
    <row r="1893" spans="1:11" ht="13.7" customHeight="1">
      <c r="A1893" s="745"/>
      <c r="B1893" s="740"/>
      <c r="C1893" s="526"/>
      <c r="D1893" s="525"/>
      <c r="E1893" s="524"/>
      <c r="F1893" s="523" t="s">
        <v>651</v>
      </c>
      <c r="G1893" s="518" t="s">
        <v>651</v>
      </c>
      <c r="H1893" s="517"/>
      <c r="I1893" s="517"/>
      <c r="J1893" s="517"/>
      <c r="K1893" s="516"/>
    </row>
    <row r="1894" spans="1:11" ht="13.7" customHeight="1">
      <c r="A1894" s="739" t="s">
        <v>1261</v>
      </c>
      <c r="B1894" s="740"/>
      <c r="C1894" s="522" t="s">
        <v>240</v>
      </c>
      <c r="D1894" s="521">
        <v>3.4</v>
      </c>
      <c r="E1894" s="520"/>
      <c r="F1894" s="519"/>
      <c r="G1894" s="518" t="s">
        <v>651</v>
      </c>
      <c r="H1894" s="517"/>
      <c r="I1894" s="517"/>
      <c r="J1894" s="517"/>
      <c r="K1894" s="516"/>
    </row>
    <row r="1895" spans="1:11" ht="13.7" customHeight="1">
      <c r="A1895" s="741"/>
      <c r="B1895" s="742"/>
      <c r="C1895" s="515"/>
      <c r="D1895" s="514"/>
      <c r="E1895" s="513"/>
      <c r="F1895" s="512"/>
      <c r="G1895" s="511" t="s">
        <v>651</v>
      </c>
      <c r="H1895" s="510"/>
      <c r="I1895" s="510"/>
      <c r="J1895" s="510"/>
      <c r="K1895" s="509"/>
    </row>
    <row r="1896" spans="1:11" ht="13.7" customHeight="1">
      <c r="A1896" s="743" t="s">
        <v>727</v>
      </c>
      <c r="B1896" s="744"/>
      <c r="C1896" s="533"/>
      <c r="D1896" s="532"/>
      <c r="E1896" s="531"/>
      <c r="F1896" s="530"/>
      <c r="G1896" s="529" t="s">
        <v>1260</v>
      </c>
      <c r="H1896" s="528"/>
      <c r="I1896" s="528"/>
      <c r="J1896" s="528"/>
      <c r="K1896" s="527"/>
    </row>
    <row r="1897" spans="1:11" ht="13.7" customHeight="1">
      <c r="A1897" s="745"/>
      <c r="B1897" s="740"/>
      <c r="C1897" s="526"/>
      <c r="D1897" s="525"/>
      <c r="E1897" s="524"/>
      <c r="F1897" s="523" t="s">
        <v>651</v>
      </c>
      <c r="G1897" s="518" t="s">
        <v>651</v>
      </c>
      <c r="H1897" s="517"/>
      <c r="I1897" s="517"/>
      <c r="J1897" s="517"/>
      <c r="K1897" s="516"/>
    </row>
    <row r="1898" spans="1:11" ht="13.7" customHeight="1">
      <c r="A1898" s="739" t="s">
        <v>1669</v>
      </c>
      <c r="B1898" s="740"/>
      <c r="C1898" s="522" t="s">
        <v>240</v>
      </c>
      <c r="D1898" s="521">
        <v>3.4</v>
      </c>
      <c r="E1898" s="520"/>
      <c r="F1898" s="519"/>
      <c r="G1898" s="518" t="s">
        <v>651</v>
      </c>
      <c r="H1898" s="517"/>
      <c r="I1898" s="517"/>
      <c r="J1898" s="517"/>
      <c r="K1898" s="516"/>
    </row>
    <row r="1899" spans="1:11" ht="13.7" customHeight="1">
      <c r="A1899" s="741"/>
      <c r="B1899" s="742"/>
      <c r="C1899" s="515"/>
      <c r="D1899" s="514"/>
      <c r="E1899" s="513"/>
      <c r="F1899" s="512"/>
      <c r="G1899" s="511" t="s">
        <v>651</v>
      </c>
      <c r="H1899" s="510"/>
      <c r="I1899" s="510"/>
      <c r="J1899" s="510"/>
      <c r="K1899" s="509"/>
    </row>
    <row r="1900" spans="1:11" ht="13.7" customHeight="1">
      <c r="A1900" s="743" t="s">
        <v>724</v>
      </c>
      <c r="B1900" s="744"/>
      <c r="C1900" s="533"/>
      <c r="D1900" s="532"/>
      <c r="E1900" s="531"/>
      <c r="F1900" s="530"/>
      <c r="G1900" s="529" t="s">
        <v>1259</v>
      </c>
      <c r="H1900" s="528"/>
      <c r="I1900" s="528"/>
      <c r="J1900" s="528"/>
      <c r="K1900" s="527"/>
    </row>
    <row r="1901" spans="1:11" ht="13.7" customHeight="1">
      <c r="A1901" s="745"/>
      <c r="B1901" s="740"/>
      <c r="C1901" s="526"/>
      <c r="D1901" s="525"/>
      <c r="E1901" s="524"/>
      <c r="F1901" s="523" t="s">
        <v>651</v>
      </c>
      <c r="G1901" s="518" t="s">
        <v>651</v>
      </c>
      <c r="H1901" s="517"/>
      <c r="I1901" s="517"/>
      <c r="J1901" s="517"/>
      <c r="K1901" s="516"/>
    </row>
    <row r="1902" spans="1:11" ht="13.7" customHeight="1">
      <c r="A1902" s="739" t="s">
        <v>1669</v>
      </c>
      <c r="B1902" s="740"/>
      <c r="C1902" s="522" t="s">
        <v>240</v>
      </c>
      <c r="D1902" s="521">
        <v>3.4</v>
      </c>
      <c r="E1902" s="520"/>
      <c r="F1902" s="519"/>
      <c r="G1902" s="518" t="s">
        <v>651</v>
      </c>
      <c r="H1902" s="517"/>
      <c r="I1902" s="517"/>
      <c r="J1902" s="517"/>
      <c r="K1902" s="516"/>
    </row>
    <row r="1903" spans="1:11" ht="13.7" customHeight="1">
      <c r="A1903" s="741"/>
      <c r="B1903" s="742"/>
      <c r="C1903" s="515"/>
      <c r="D1903" s="514"/>
      <c r="E1903" s="513"/>
      <c r="F1903" s="512"/>
      <c r="G1903" s="511" t="s">
        <v>651</v>
      </c>
      <c r="H1903" s="510"/>
      <c r="I1903" s="510"/>
      <c r="J1903" s="510"/>
      <c r="K1903" s="509"/>
    </row>
    <row r="1904" spans="1:11" ht="13.7" customHeight="1">
      <c r="A1904" s="743" t="s">
        <v>736</v>
      </c>
      <c r="B1904" s="744"/>
      <c r="C1904" s="533"/>
      <c r="D1904" s="532"/>
      <c r="E1904" s="531"/>
      <c r="F1904" s="530"/>
      <c r="G1904" s="529" t="s">
        <v>1263</v>
      </c>
      <c r="H1904" s="528"/>
      <c r="I1904" s="528"/>
      <c r="J1904" s="528"/>
      <c r="K1904" s="527"/>
    </row>
    <row r="1905" spans="1:11" ht="13.7" customHeight="1">
      <c r="A1905" s="745"/>
      <c r="B1905" s="740"/>
      <c r="C1905" s="526"/>
      <c r="D1905" s="525"/>
      <c r="E1905" s="524"/>
      <c r="F1905" s="523" t="s">
        <v>651</v>
      </c>
      <c r="G1905" s="518" t="s">
        <v>651</v>
      </c>
      <c r="H1905" s="517"/>
      <c r="I1905" s="517"/>
      <c r="J1905" s="517"/>
      <c r="K1905" s="516"/>
    </row>
    <row r="1906" spans="1:11" ht="13.7" customHeight="1">
      <c r="A1906" s="739" t="s">
        <v>1261</v>
      </c>
      <c r="B1906" s="740"/>
      <c r="C1906" s="522" t="s">
        <v>240</v>
      </c>
      <c r="D1906" s="521">
        <v>3.7</v>
      </c>
      <c r="E1906" s="520"/>
      <c r="F1906" s="519"/>
      <c r="G1906" s="518" t="s">
        <v>651</v>
      </c>
      <c r="H1906" s="517"/>
      <c r="I1906" s="517"/>
      <c r="J1906" s="517"/>
      <c r="K1906" s="516"/>
    </row>
    <row r="1907" spans="1:11" ht="13.7" customHeight="1">
      <c r="A1907" s="741"/>
      <c r="B1907" s="742"/>
      <c r="C1907" s="515"/>
      <c r="D1907" s="514"/>
      <c r="E1907" s="513"/>
      <c r="F1907" s="512"/>
      <c r="G1907" s="511" t="s">
        <v>651</v>
      </c>
      <c r="H1907" s="510"/>
      <c r="I1907" s="510"/>
      <c r="J1907" s="510"/>
      <c r="K1907" s="509"/>
    </row>
    <row r="1908" spans="1:11" ht="13.7" customHeight="1">
      <c r="A1908" s="743" t="s">
        <v>730</v>
      </c>
      <c r="B1908" s="744"/>
      <c r="C1908" s="533"/>
      <c r="D1908" s="532"/>
      <c r="E1908" s="531"/>
      <c r="F1908" s="530"/>
      <c r="G1908" s="529" t="s">
        <v>1262</v>
      </c>
      <c r="H1908" s="528"/>
      <c r="I1908" s="528"/>
      <c r="J1908" s="528"/>
      <c r="K1908" s="527"/>
    </row>
    <row r="1909" spans="1:11" ht="13.7" customHeight="1">
      <c r="A1909" s="745"/>
      <c r="B1909" s="740"/>
      <c r="C1909" s="526"/>
      <c r="D1909" s="525"/>
      <c r="E1909" s="524"/>
      <c r="F1909" s="523" t="s">
        <v>651</v>
      </c>
      <c r="G1909" s="518" t="s">
        <v>651</v>
      </c>
      <c r="H1909" s="517"/>
      <c r="I1909" s="517"/>
      <c r="J1909" s="517"/>
      <c r="K1909" s="516"/>
    </row>
    <row r="1910" spans="1:11" ht="13.7" customHeight="1">
      <c r="A1910" s="739" t="s">
        <v>1261</v>
      </c>
      <c r="B1910" s="740"/>
      <c r="C1910" s="522" t="s">
        <v>240</v>
      </c>
      <c r="D1910" s="521">
        <v>3.7</v>
      </c>
      <c r="E1910" s="520"/>
      <c r="F1910" s="519"/>
      <c r="G1910" s="518" t="s">
        <v>651</v>
      </c>
      <c r="H1910" s="517"/>
      <c r="I1910" s="517"/>
      <c r="J1910" s="517"/>
      <c r="K1910" s="516"/>
    </row>
    <row r="1911" spans="1:11" ht="13.7" customHeight="1">
      <c r="A1911" s="741"/>
      <c r="B1911" s="742"/>
      <c r="C1911" s="515"/>
      <c r="D1911" s="514"/>
      <c r="E1911" s="513"/>
      <c r="F1911" s="512"/>
      <c r="G1911" s="511" t="s">
        <v>651</v>
      </c>
      <c r="H1911" s="510"/>
      <c r="I1911" s="510"/>
      <c r="J1911" s="510"/>
      <c r="K1911" s="509"/>
    </row>
    <row r="1912" spans="1:11" ht="13.7" customHeight="1"/>
    <row r="1913" spans="1:11" ht="13.7" customHeight="1"/>
    <row r="1914" spans="1:11" ht="6.2" customHeight="1"/>
    <row r="1915" spans="1:11" ht="14.1" customHeight="1">
      <c r="A1915" s="543" t="s">
        <v>1320</v>
      </c>
      <c r="B1915" s="540" t="s">
        <v>1319</v>
      </c>
      <c r="C1915" s="540"/>
      <c r="D1915" s="540"/>
      <c r="E1915" s="540"/>
      <c r="F1915" s="540"/>
      <c r="G1915" s="542" t="s">
        <v>617</v>
      </c>
      <c r="H1915" s="541" t="s">
        <v>914</v>
      </c>
      <c r="I1915" s="540" t="s">
        <v>1007</v>
      </c>
      <c r="J1915" s="540"/>
      <c r="K1915" s="539"/>
    </row>
    <row r="1916" spans="1:11" ht="24" customHeight="1">
      <c r="A1916" s="538" t="s">
        <v>651</v>
      </c>
      <c r="B1916" s="537" t="s">
        <v>651</v>
      </c>
      <c r="C1916" s="537"/>
      <c r="D1916" s="537"/>
      <c r="E1916" s="537"/>
      <c r="F1916" s="537"/>
      <c r="G1916" s="751">
        <v>1</v>
      </c>
      <c r="H1916" s="751"/>
      <c r="I1916" s="751"/>
      <c r="J1916" s="536" t="s">
        <v>242</v>
      </c>
      <c r="K1916" s="535" t="s">
        <v>618</v>
      </c>
    </row>
    <row r="1917" spans="1:11" ht="17.100000000000001" customHeight="1">
      <c r="A1917" s="746" t="s">
        <v>1006</v>
      </c>
      <c r="B1917" s="747"/>
      <c r="C1917" s="534" t="s">
        <v>309</v>
      </c>
      <c r="D1917" s="534" t="s">
        <v>619</v>
      </c>
      <c r="E1917" s="534" t="s">
        <v>620</v>
      </c>
      <c r="F1917" s="534" t="s">
        <v>659</v>
      </c>
      <c r="G1917" s="748" t="s">
        <v>1005</v>
      </c>
      <c r="H1917" s="749"/>
      <c r="I1917" s="749"/>
      <c r="J1917" s="749"/>
      <c r="K1917" s="750"/>
    </row>
    <row r="1918" spans="1:11" ht="13.7" customHeight="1">
      <c r="A1918" s="743" t="s">
        <v>727</v>
      </c>
      <c r="B1918" s="744"/>
      <c r="C1918" s="533"/>
      <c r="D1918" s="532"/>
      <c r="E1918" s="531"/>
      <c r="F1918" s="530"/>
      <c r="G1918" s="529" t="s">
        <v>1260</v>
      </c>
      <c r="H1918" s="528"/>
      <c r="I1918" s="528"/>
      <c r="J1918" s="528"/>
      <c r="K1918" s="527"/>
    </row>
    <row r="1919" spans="1:11" ht="13.7" customHeight="1">
      <c r="A1919" s="745"/>
      <c r="B1919" s="740"/>
      <c r="C1919" s="526"/>
      <c r="D1919" s="525"/>
      <c r="E1919" s="524"/>
      <c r="F1919" s="523" t="s">
        <v>651</v>
      </c>
      <c r="G1919" s="518" t="s">
        <v>651</v>
      </c>
      <c r="H1919" s="517"/>
      <c r="I1919" s="517"/>
      <c r="J1919" s="517"/>
      <c r="K1919" s="516"/>
    </row>
    <row r="1920" spans="1:11" ht="13.7" customHeight="1">
      <c r="A1920" s="739" t="s">
        <v>1669</v>
      </c>
      <c r="B1920" s="740"/>
      <c r="C1920" s="522" t="s">
        <v>240</v>
      </c>
      <c r="D1920" s="521">
        <v>3.7</v>
      </c>
      <c r="E1920" s="520"/>
      <c r="F1920" s="519"/>
      <c r="G1920" s="518" t="s">
        <v>651</v>
      </c>
      <c r="H1920" s="517"/>
      <c r="I1920" s="517"/>
      <c r="J1920" s="517"/>
      <c r="K1920" s="516"/>
    </row>
    <row r="1921" spans="1:11" ht="13.7" customHeight="1">
      <c r="A1921" s="741"/>
      <c r="B1921" s="742"/>
      <c r="C1921" s="515"/>
      <c r="D1921" s="514"/>
      <c r="E1921" s="513"/>
      <c r="F1921" s="512"/>
      <c r="G1921" s="511" t="s">
        <v>651</v>
      </c>
      <c r="H1921" s="510"/>
      <c r="I1921" s="510"/>
      <c r="J1921" s="510"/>
      <c r="K1921" s="509"/>
    </row>
    <row r="1922" spans="1:11" ht="13.7" customHeight="1">
      <c r="A1922" s="743" t="s">
        <v>724</v>
      </c>
      <c r="B1922" s="744"/>
      <c r="C1922" s="533"/>
      <c r="D1922" s="532"/>
      <c r="E1922" s="531"/>
      <c r="F1922" s="530"/>
      <c r="G1922" s="529" t="s">
        <v>1259</v>
      </c>
      <c r="H1922" s="528"/>
      <c r="I1922" s="528"/>
      <c r="J1922" s="528"/>
      <c r="K1922" s="527"/>
    </row>
    <row r="1923" spans="1:11" ht="13.7" customHeight="1">
      <c r="A1923" s="745"/>
      <c r="B1923" s="740"/>
      <c r="C1923" s="526"/>
      <c r="D1923" s="525"/>
      <c r="E1923" s="524"/>
      <c r="F1923" s="523" t="s">
        <v>651</v>
      </c>
      <c r="G1923" s="518" t="s">
        <v>651</v>
      </c>
      <c r="H1923" s="517"/>
      <c r="I1923" s="517"/>
      <c r="J1923" s="517"/>
      <c r="K1923" s="516"/>
    </row>
    <row r="1924" spans="1:11" ht="13.7" customHeight="1">
      <c r="A1924" s="739" t="s">
        <v>1669</v>
      </c>
      <c r="B1924" s="740"/>
      <c r="C1924" s="522" t="s">
        <v>240</v>
      </c>
      <c r="D1924" s="521">
        <v>3.7</v>
      </c>
      <c r="E1924" s="520"/>
      <c r="F1924" s="519"/>
      <c r="G1924" s="518" t="s">
        <v>651</v>
      </c>
      <c r="H1924" s="517"/>
      <c r="I1924" s="517"/>
      <c r="J1924" s="517"/>
      <c r="K1924" s="516"/>
    </row>
    <row r="1925" spans="1:11" ht="13.7" customHeight="1">
      <c r="A1925" s="741"/>
      <c r="B1925" s="742"/>
      <c r="C1925" s="515"/>
      <c r="D1925" s="514"/>
      <c r="E1925" s="513"/>
      <c r="F1925" s="512"/>
      <c r="G1925" s="511" t="s">
        <v>651</v>
      </c>
      <c r="H1925" s="510"/>
      <c r="I1925" s="510"/>
      <c r="J1925" s="510"/>
      <c r="K1925" s="509"/>
    </row>
    <row r="1926" spans="1:11" ht="13.7" customHeight="1">
      <c r="A1926" s="743" t="s">
        <v>1108</v>
      </c>
      <c r="B1926" s="744"/>
      <c r="C1926" s="533"/>
      <c r="D1926" s="532"/>
      <c r="E1926" s="531"/>
      <c r="F1926" s="530"/>
      <c r="G1926" s="529" t="s">
        <v>651</v>
      </c>
      <c r="H1926" s="528"/>
      <c r="I1926" s="528"/>
      <c r="J1926" s="528"/>
      <c r="K1926" s="527"/>
    </row>
    <row r="1927" spans="1:11" ht="13.7" customHeight="1">
      <c r="A1927" s="745"/>
      <c r="B1927" s="740"/>
      <c r="C1927" s="526"/>
      <c r="D1927" s="525"/>
      <c r="E1927" s="524"/>
      <c r="F1927" s="523" t="s">
        <v>651</v>
      </c>
      <c r="G1927" s="518" t="s">
        <v>651</v>
      </c>
      <c r="H1927" s="517"/>
      <c r="I1927" s="517"/>
      <c r="J1927" s="517"/>
      <c r="K1927" s="516"/>
    </row>
    <row r="1928" spans="1:11" ht="13.7" customHeight="1">
      <c r="A1928" s="739" t="s">
        <v>942</v>
      </c>
      <c r="B1928" s="740"/>
      <c r="C1928" s="522" t="s">
        <v>242</v>
      </c>
      <c r="D1928" s="521">
        <v>1</v>
      </c>
      <c r="E1928" s="520"/>
      <c r="F1928" s="519"/>
      <c r="G1928" s="518" t="s">
        <v>651</v>
      </c>
      <c r="H1928" s="517"/>
      <c r="I1928" s="517"/>
      <c r="J1928" s="517"/>
      <c r="K1928" s="516"/>
    </row>
    <row r="1929" spans="1:11" ht="13.7" customHeight="1">
      <c r="A1929" s="741"/>
      <c r="B1929" s="742"/>
      <c r="C1929" s="515"/>
      <c r="D1929" s="514"/>
      <c r="E1929" s="513"/>
      <c r="F1929" s="512"/>
      <c r="G1929" s="511" t="s">
        <v>651</v>
      </c>
      <c r="H1929" s="510"/>
      <c r="I1929" s="510"/>
      <c r="J1929" s="510"/>
      <c r="K1929" s="509"/>
    </row>
    <row r="1930" spans="1:11" ht="13.7" customHeight="1">
      <c r="A1930" s="743" t="s">
        <v>651</v>
      </c>
      <c r="B1930" s="744"/>
      <c r="C1930" s="533"/>
      <c r="D1930" s="532"/>
      <c r="E1930" s="531"/>
      <c r="F1930" s="530"/>
      <c r="G1930" s="529" t="s">
        <v>651</v>
      </c>
      <c r="H1930" s="528"/>
      <c r="I1930" s="528"/>
      <c r="J1930" s="528"/>
      <c r="K1930" s="527"/>
    </row>
    <row r="1931" spans="1:11" ht="13.7" customHeight="1">
      <c r="A1931" s="745"/>
      <c r="B1931" s="740"/>
      <c r="C1931" s="526"/>
      <c r="D1931" s="525"/>
      <c r="E1931" s="524"/>
      <c r="F1931" s="523" t="s">
        <v>651</v>
      </c>
      <c r="G1931" s="518" t="s">
        <v>651</v>
      </c>
      <c r="H1931" s="517"/>
      <c r="I1931" s="517"/>
      <c r="J1931" s="517"/>
      <c r="K1931" s="516"/>
    </row>
    <row r="1932" spans="1:11" ht="13.7" customHeight="1">
      <c r="A1932" s="739" t="s">
        <v>652</v>
      </c>
      <c r="B1932" s="740"/>
      <c r="C1932" s="522" t="s">
        <v>242</v>
      </c>
      <c r="D1932" s="521">
        <v>1</v>
      </c>
      <c r="E1932" s="520"/>
      <c r="F1932" s="519"/>
      <c r="G1932" s="518" t="s">
        <v>651</v>
      </c>
      <c r="H1932" s="517"/>
      <c r="I1932" s="517"/>
      <c r="J1932" s="517"/>
      <c r="K1932" s="516"/>
    </row>
    <row r="1933" spans="1:11" ht="13.7" customHeight="1">
      <c r="A1933" s="741"/>
      <c r="B1933" s="742"/>
      <c r="C1933" s="515"/>
      <c r="D1933" s="514"/>
      <c r="E1933" s="513"/>
      <c r="F1933" s="512"/>
      <c r="G1933" s="511" t="s">
        <v>651</v>
      </c>
      <c r="H1933" s="510"/>
      <c r="I1933" s="510"/>
      <c r="J1933" s="510"/>
      <c r="K1933" s="509"/>
    </row>
    <row r="1934" spans="1:11" ht="13.7" customHeight="1">
      <c r="A1934" s="743" t="s">
        <v>651</v>
      </c>
      <c r="B1934" s="744"/>
      <c r="C1934" s="533"/>
      <c r="D1934" s="532"/>
      <c r="E1934" s="531"/>
      <c r="F1934" s="530"/>
      <c r="G1934" s="529" t="s">
        <v>651</v>
      </c>
      <c r="H1934" s="528"/>
      <c r="I1934" s="528"/>
      <c r="J1934" s="528"/>
      <c r="K1934" s="527"/>
    </row>
    <row r="1935" spans="1:11" ht="13.7" customHeight="1">
      <c r="A1935" s="745"/>
      <c r="B1935" s="740"/>
      <c r="C1935" s="526"/>
      <c r="D1935" s="525"/>
      <c r="E1935" s="524"/>
      <c r="F1935" s="523" t="s">
        <v>651</v>
      </c>
      <c r="G1935" s="518" t="s">
        <v>651</v>
      </c>
      <c r="H1935" s="517"/>
      <c r="I1935" s="517"/>
      <c r="J1935" s="517"/>
      <c r="K1935" s="516"/>
    </row>
    <row r="1936" spans="1:11" ht="13.7" customHeight="1">
      <c r="A1936" s="739" t="s">
        <v>681</v>
      </c>
      <c r="B1936" s="740"/>
      <c r="C1936" s="522" t="s">
        <v>242</v>
      </c>
      <c r="D1936" s="521">
        <v>1</v>
      </c>
      <c r="E1936" s="520" t="s">
        <v>1002</v>
      </c>
      <c r="F1936" s="519"/>
      <c r="G1936" s="518" t="s">
        <v>651</v>
      </c>
      <c r="H1936" s="517"/>
      <c r="I1936" s="517"/>
      <c r="J1936" s="517"/>
      <c r="K1936" s="516"/>
    </row>
    <row r="1937" spans="1:11" ht="13.7" customHeight="1">
      <c r="A1937" s="741"/>
      <c r="B1937" s="742"/>
      <c r="C1937" s="515"/>
      <c r="D1937" s="514"/>
      <c r="E1937" s="513"/>
      <c r="F1937" s="512"/>
      <c r="G1937" s="511" t="s">
        <v>651</v>
      </c>
      <c r="H1937" s="510"/>
      <c r="I1937" s="510"/>
      <c r="J1937" s="510"/>
      <c r="K1937" s="509"/>
    </row>
    <row r="1938" spans="1:11" ht="13.7" customHeight="1"/>
    <row r="1939" spans="1:11" ht="13.7" customHeight="1"/>
    <row r="1940" spans="1:11" ht="13.7" customHeight="1"/>
    <row r="1941" spans="1:11" ht="13.7" customHeight="1"/>
    <row r="1942" spans="1:11" ht="13.7" customHeight="1"/>
    <row r="1943" spans="1:11" ht="13.7" customHeight="1"/>
    <row r="1944" spans="1:11" ht="13.7" customHeight="1"/>
    <row r="1945" spans="1:11" ht="13.7" customHeight="1"/>
    <row r="1946" spans="1:11" ht="13.7" customHeight="1"/>
    <row r="1947" spans="1:11" ht="13.7" customHeight="1"/>
    <row r="1948" spans="1:11" ht="13.7" customHeight="1"/>
    <row r="1949" spans="1:11" ht="13.7" customHeight="1"/>
    <row r="1950" spans="1:11" ht="13.7" customHeight="1"/>
    <row r="1951" spans="1:11" ht="13.7" customHeight="1"/>
    <row r="1952" spans="1:11" ht="6.2" customHeight="1"/>
    <row r="1953" spans="1:11" ht="14.1" customHeight="1">
      <c r="A1953" s="543" t="s">
        <v>1316</v>
      </c>
      <c r="B1953" s="540" t="s">
        <v>1015</v>
      </c>
      <c r="C1953" s="540"/>
      <c r="D1953" s="540"/>
      <c r="E1953" s="540"/>
      <c r="F1953" s="540"/>
      <c r="G1953" s="542" t="s">
        <v>617</v>
      </c>
      <c r="H1953" s="541" t="s">
        <v>912</v>
      </c>
      <c r="I1953" s="540" t="s">
        <v>1007</v>
      </c>
      <c r="J1953" s="540"/>
      <c r="K1953" s="539"/>
    </row>
    <row r="1954" spans="1:11" ht="24" customHeight="1">
      <c r="A1954" s="538" t="s">
        <v>651</v>
      </c>
      <c r="B1954" s="537" t="s">
        <v>1013</v>
      </c>
      <c r="C1954" s="537"/>
      <c r="D1954" s="537"/>
      <c r="E1954" s="537"/>
      <c r="F1954" s="537"/>
      <c r="G1954" s="751">
        <v>100</v>
      </c>
      <c r="H1954" s="751"/>
      <c r="I1954" s="751"/>
      <c r="J1954" s="536" t="s">
        <v>193</v>
      </c>
      <c r="K1954" s="535" t="s">
        <v>618</v>
      </c>
    </row>
    <row r="1955" spans="1:11" ht="17.100000000000001" customHeight="1">
      <c r="A1955" s="746" t="s">
        <v>1006</v>
      </c>
      <c r="B1955" s="747"/>
      <c r="C1955" s="534" t="s">
        <v>309</v>
      </c>
      <c r="D1955" s="534" t="s">
        <v>619</v>
      </c>
      <c r="E1955" s="534" t="s">
        <v>620</v>
      </c>
      <c r="F1955" s="534" t="s">
        <v>659</v>
      </c>
      <c r="G1955" s="748" t="s">
        <v>1005</v>
      </c>
      <c r="H1955" s="749"/>
      <c r="I1955" s="749"/>
      <c r="J1955" s="749"/>
      <c r="K1955" s="750"/>
    </row>
    <row r="1956" spans="1:11" ht="13.7" customHeight="1">
      <c r="A1956" s="743" t="s">
        <v>725</v>
      </c>
      <c r="B1956" s="744"/>
      <c r="C1956" s="533"/>
      <c r="D1956" s="532"/>
      <c r="E1956" s="531"/>
      <c r="F1956" s="530"/>
      <c r="G1956" s="529" t="s">
        <v>651</v>
      </c>
      <c r="H1956" s="528"/>
      <c r="I1956" s="528"/>
      <c r="J1956" s="528"/>
      <c r="K1956" s="527"/>
    </row>
    <row r="1957" spans="1:11" ht="13.7" customHeight="1">
      <c r="A1957" s="745"/>
      <c r="B1957" s="740"/>
      <c r="C1957" s="526"/>
      <c r="D1957" s="525"/>
      <c r="E1957" s="524"/>
      <c r="F1957" s="523" t="s">
        <v>651</v>
      </c>
      <c r="G1957" s="518" t="s">
        <v>651</v>
      </c>
      <c r="H1957" s="517"/>
      <c r="I1957" s="517"/>
      <c r="J1957" s="517"/>
      <c r="K1957" s="516"/>
    </row>
    <row r="1958" spans="1:11" ht="13.7" customHeight="1">
      <c r="A1958" s="739" t="s">
        <v>651</v>
      </c>
      <c r="B1958" s="740"/>
      <c r="C1958" s="522" t="s">
        <v>248</v>
      </c>
      <c r="D1958" s="521"/>
      <c r="E1958" s="520"/>
      <c r="F1958" s="519"/>
      <c r="G1958" s="518" t="s">
        <v>651</v>
      </c>
      <c r="H1958" s="517"/>
      <c r="I1958" s="517"/>
      <c r="J1958" s="517"/>
      <c r="K1958" s="516"/>
    </row>
    <row r="1959" spans="1:11" ht="13.7" customHeight="1">
      <c r="A1959" s="741"/>
      <c r="B1959" s="742"/>
      <c r="C1959" s="515"/>
      <c r="D1959" s="514"/>
      <c r="E1959" s="513"/>
      <c r="F1959" s="512"/>
      <c r="G1959" s="511" t="s">
        <v>651</v>
      </c>
      <c r="H1959" s="510"/>
      <c r="I1959" s="510"/>
      <c r="J1959" s="510"/>
      <c r="K1959" s="509"/>
    </row>
    <row r="1960" spans="1:11" ht="13.7" customHeight="1">
      <c r="A1960" s="743" t="s">
        <v>250</v>
      </c>
      <c r="B1960" s="744"/>
      <c r="C1960" s="533"/>
      <c r="D1960" s="532"/>
      <c r="E1960" s="531"/>
      <c r="F1960" s="530"/>
      <c r="G1960" s="529" t="s">
        <v>651</v>
      </c>
      <c r="H1960" s="528"/>
      <c r="I1960" s="528"/>
      <c r="J1960" s="528"/>
      <c r="K1960" s="527"/>
    </row>
    <row r="1961" spans="1:11" ht="13.7" customHeight="1">
      <c r="A1961" s="745"/>
      <c r="B1961" s="740"/>
      <c r="C1961" s="526"/>
      <c r="D1961" s="525"/>
      <c r="E1961" s="524"/>
      <c r="F1961" s="523" t="s">
        <v>651</v>
      </c>
      <c r="G1961" s="518" t="s">
        <v>651</v>
      </c>
      <c r="H1961" s="517"/>
      <c r="I1961" s="517"/>
      <c r="J1961" s="517"/>
      <c r="K1961" s="516"/>
    </row>
    <row r="1962" spans="1:11" ht="13.7" customHeight="1">
      <c r="A1962" s="739" t="s">
        <v>651</v>
      </c>
      <c r="B1962" s="740"/>
      <c r="C1962" s="522" t="s">
        <v>248</v>
      </c>
      <c r="D1962" s="521"/>
      <c r="E1962" s="520"/>
      <c r="F1962" s="519"/>
      <c r="G1962" s="518" t="s">
        <v>651</v>
      </c>
      <c r="H1962" s="517"/>
      <c r="I1962" s="517"/>
      <c r="J1962" s="517"/>
      <c r="K1962" s="516"/>
    </row>
    <row r="1963" spans="1:11" ht="13.7" customHeight="1">
      <c r="A1963" s="741"/>
      <c r="B1963" s="742"/>
      <c r="C1963" s="515"/>
      <c r="D1963" s="514"/>
      <c r="E1963" s="513"/>
      <c r="F1963" s="512"/>
      <c r="G1963" s="511" t="s">
        <v>651</v>
      </c>
      <c r="H1963" s="510"/>
      <c r="I1963" s="510"/>
      <c r="J1963" s="510"/>
      <c r="K1963" s="509"/>
    </row>
    <row r="1964" spans="1:11" ht="13.7" customHeight="1">
      <c r="A1964" s="743" t="s">
        <v>250</v>
      </c>
      <c r="B1964" s="744"/>
      <c r="C1964" s="533"/>
      <c r="D1964" s="532"/>
      <c r="E1964" s="531"/>
      <c r="F1964" s="530"/>
      <c r="G1964" s="529" t="s">
        <v>651</v>
      </c>
      <c r="H1964" s="528"/>
      <c r="I1964" s="528"/>
      <c r="J1964" s="528"/>
      <c r="K1964" s="527"/>
    </row>
    <row r="1965" spans="1:11" ht="13.7" customHeight="1">
      <c r="A1965" s="745"/>
      <c r="B1965" s="740"/>
      <c r="C1965" s="526"/>
      <c r="D1965" s="525"/>
      <c r="E1965" s="524"/>
      <c r="F1965" s="523" t="s">
        <v>651</v>
      </c>
      <c r="G1965" s="518" t="s">
        <v>651</v>
      </c>
      <c r="H1965" s="517"/>
      <c r="I1965" s="517"/>
      <c r="J1965" s="517"/>
      <c r="K1965" s="516"/>
    </row>
    <row r="1966" spans="1:11" ht="13.7" customHeight="1">
      <c r="A1966" s="739" t="s">
        <v>651</v>
      </c>
      <c r="B1966" s="740"/>
      <c r="C1966" s="522" t="s">
        <v>248</v>
      </c>
      <c r="D1966" s="521"/>
      <c r="E1966" s="520"/>
      <c r="F1966" s="519"/>
      <c r="G1966" s="518" t="s">
        <v>651</v>
      </c>
      <c r="H1966" s="517"/>
      <c r="I1966" s="517"/>
      <c r="J1966" s="517"/>
      <c r="K1966" s="516"/>
    </row>
    <row r="1967" spans="1:11" ht="13.7" customHeight="1">
      <c r="A1967" s="741"/>
      <c r="B1967" s="742"/>
      <c r="C1967" s="515"/>
      <c r="D1967" s="514"/>
      <c r="E1967" s="513"/>
      <c r="F1967" s="512"/>
      <c r="G1967" s="511" t="s">
        <v>651</v>
      </c>
      <c r="H1967" s="510"/>
      <c r="I1967" s="510"/>
      <c r="J1967" s="510"/>
      <c r="K1967" s="509"/>
    </row>
    <row r="1968" spans="1:11" ht="13.7" customHeight="1">
      <c r="A1968" s="743" t="s">
        <v>1318</v>
      </c>
      <c r="B1968" s="744"/>
      <c r="C1968" s="533"/>
      <c r="D1968" s="532"/>
      <c r="E1968" s="531"/>
      <c r="F1968" s="530"/>
      <c r="G1968" s="529" t="s">
        <v>651</v>
      </c>
      <c r="H1968" s="528"/>
      <c r="I1968" s="528"/>
      <c r="J1968" s="528"/>
      <c r="K1968" s="527"/>
    </row>
    <row r="1969" spans="1:11" ht="13.7" customHeight="1">
      <c r="A1969" s="745"/>
      <c r="B1969" s="740"/>
      <c r="C1969" s="526"/>
      <c r="D1969" s="525"/>
      <c r="E1969" s="524"/>
      <c r="F1969" s="523" t="s">
        <v>651</v>
      </c>
      <c r="G1969" s="518" t="s">
        <v>651</v>
      </c>
      <c r="H1969" s="517"/>
      <c r="I1969" s="517"/>
      <c r="J1969" s="517"/>
      <c r="K1969" s="516"/>
    </row>
    <row r="1970" spans="1:11" ht="13.7" customHeight="1">
      <c r="A1970" s="739" t="s">
        <v>1317</v>
      </c>
      <c r="B1970" s="740"/>
      <c r="C1970" s="522" t="s">
        <v>193</v>
      </c>
      <c r="D1970" s="521">
        <v>126</v>
      </c>
      <c r="E1970" s="520"/>
      <c r="F1970" s="519"/>
      <c r="G1970" s="518" t="s">
        <v>651</v>
      </c>
      <c r="H1970" s="517"/>
      <c r="I1970" s="517"/>
      <c r="J1970" s="517"/>
      <c r="K1970" s="516"/>
    </row>
    <row r="1971" spans="1:11" ht="13.7" customHeight="1">
      <c r="A1971" s="741"/>
      <c r="B1971" s="742"/>
      <c r="C1971" s="515"/>
      <c r="D1971" s="514"/>
      <c r="E1971" s="513"/>
      <c r="F1971" s="512"/>
      <c r="G1971" s="511" t="s">
        <v>651</v>
      </c>
      <c r="H1971" s="510"/>
      <c r="I1971" s="510"/>
      <c r="J1971" s="510"/>
      <c r="K1971" s="509"/>
    </row>
    <row r="1972" spans="1:11" ht="13.7" customHeight="1">
      <c r="A1972" s="743" t="s">
        <v>733</v>
      </c>
      <c r="B1972" s="744"/>
      <c r="C1972" s="533"/>
      <c r="D1972" s="532"/>
      <c r="E1972" s="531"/>
      <c r="F1972" s="530"/>
      <c r="G1972" s="529" t="s">
        <v>734</v>
      </c>
      <c r="H1972" s="528"/>
      <c r="I1972" s="528"/>
      <c r="J1972" s="528"/>
      <c r="K1972" s="527"/>
    </row>
    <row r="1973" spans="1:11" ht="13.7" customHeight="1">
      <c r="A1973" s="745"/>
      <c r="B1973" s="740"/>
      <c r="C1973" s="526"/>
      <c r="D1973" s="525"/>
      <c r="E1973" s="524"/>
      <c r="F1973" s="523" t="s">
        <v>651</v>
      </c>
      <c r="G1973" s="518" t="s">
        <v>651</v>
      </c>
      <c r="H1973" s="517"/>
      <c r="I1973" s="517"/>
      <c r="J1973" s="517"/>
      <c r="K1973" s="516"/>
    </row>
    <row r="1974" spans="1:11" ht="13.7" customHeight="1">
      <c r="A1974" s="739" t="s">
        <v>1661</v>
      </c>
      <c r="B1974" s="740"/>
      <c r="C1974" s="522" t="s">
        <v>731</v>
      </c>
      <c r="D1974" s="521"/>
      <c r="E1974" s="520"/>
      <c r="F1974" s="519"/>
      <c r="G1974" s="518" t="s">
        <v>651</v>
      </c>
      <c r="H1974" s="517"/>
      <c r="I1974" s="517"/>
      <c r="J1974" s="517"/>
      <c r="K1974" s="516"/>
    </row>
    <row r="1975" spans="1:11" ht="13.7" customHeight="1">
      <c r="A1975" s="741"/>
      <c r="B1975" s="742"/>
      <c r="C1975" s="515"/>
      <c r="D1975" s="514"/>
      <c r="E1975" s="513"/>
      <c r="F1975" s="512"/>
      <c r="G1975" s="511" t="s">
        <v>651</v>
      </c>
      <c r="H1975" s="510"/>
      <c r="I1975" s="510"/>
      <c r="J1975" s="510"/>
      <c r="K1975" s="509"/>
    </row>
    <row r="1976" spans="1:11" ht="13.7" customHeight="1">
      <c r="A1976" s="743" t="s">
        <v>953</v>
      </c>
      <c r="B1976" s="744"/>
      <c r="C1976" s="533"/>
      <c r="D1976" s="532"/>
      <c r="E1976" s="531"/>
      <c r="F1976" s="530"/>
      <c r="G1976" s="529" t="s">
        <v>952</v>
      </c>
      <c r="H1976" s="528"/>
      <c r="I1976" s="528"/>
      <c r="J1976" s="528"/>
      <c r="K1976" s="527"/>
    </row>
    <row r="1977" spans="1:11" ht="13.7" customHeight="1">
      <c r="A1977" s="745"/>
      <c r="B1977" s="740"/>
      <c r="C1977" s="526"/>
      <c r="D1977" s="525"/>
      <c r="E1977" s="524"/>
      <c r="F1977" s="523" t="s">
        <v>651</v>
      </c>
      <c r="G1977" s="518" t="s">
        <v>651</v>
      </c>
      <c r="H1977" s="517"/>
      <c r="I1977" s="517"/>
      <c r="J1977" s="517"/>
      <c r="K1977" s="516"/>
    </row>
    <row r="1978" spans="1:11" ht="13.7" customHeight="1">
      <c r="A1978" s="739" t="s">
        <v>651</v>
      </c>
      <c r="B1978" s="740"/>
      <c r="C1978" s="522" t="s">
        <v>193</v>
      </c>
      <c r="D1978" s="521">
        <v>100</v>
      </c>
      <c r="E1978" s="520"/>
      <c r="F1978" s="519"/>
      <c r="G1978" s="518" t="s">
        <v>651</v>
      </c>
      <c r="H1978" s="517"/>
      <c r="I1978" s="517"/>
      <c r="J1978" s="517"/>
      <c r="K1978" s="516"/>
    </row>
    <row r="1979" spans="1:11" ht="13.7" customHeight="1">
      <c r="A1979" s="741"/>
      <c r="B1979" s="742"/>
      <c r="C1979" s="515"/>
      <c r="D1979" s="514"/>
      <c r="E1979" s="513"/>
      <c r="F1979" s="512"/>
      <c r="G1979" s="511" t="s">
        <v>651</v>
      </c>
      <c r="H1979" s="510"/>
      <c r="I1979" s="510"/>
      <c r="J1979" s="510"/>
      <c r="K1979" s="509"/>
    </row>
    <row r="1980" spans="1:11" ht="13.7" customHeight="1">
      <c r="A1980" s="743" t="s">
        <v>700</v>
      </c>
      <c r="B1980" s="744"/>
      <c r="C1980" s="533"/>
      <c r="D1980" s="532"/>
      <c r="E1980" s="531"/>
      <c r="F1980" s="530"/>
      <c r="G1980" s="529" t="s">
        <v>651</v>
      </c>
      <c r="H1980" s="528"/>
      <c r="I1980" s="528"/>
      <c r="J1980" s="528"/>
      <c r="K1980" s="527"/>
    </row>
    <row r="1981" spans="1:11" ht="13.7" customHeight="1">
      <c r="A1981" s="745"/>
      <c r="B1981" s="740"/>
      <c r="C1981" s="526"/>
      <c r="D1981" s="525"/>
      <c r="E1981" s="524"/>
      <c r="F1981" s="523" t="s">
        <v>651</v>
      </c>
      <c r="G1981" s="518" t="s">
        <v>651</v>
      </c>
      <c r="H1981" s="517"/>
      <c r="I1981" s="517"/>
      <c r="J1981" s="517"/>
      <c r="K1981" s="516"/>
    </row>
    <row r="1982" spans="1:11" ht="13.7" customHeight="1">
      <c r="A1982" s="739" t="s">
        <v>651</v>
      </c>
      <c r="B1982" s="740"/>
      <c r="C1982" s="522" t="s">
        <v>242</v>
      </c>
      <c r="D1982" s="521">
        <v>1</v>
      </c>
      <c r="E1982" s="520"/>
      <c r="F1982" s="519"/>
      <c r="G1982" s="518" t="s">
        <v>651</v>
      </c>
      <c r="H1982" s="517"/>
      <c r="I1982" s="517"/>
      <c r="J1982" s="517"/>
      <c r="K1982" s="516"/>
    </row>
    <row r="1983" spans="1:11" ht="13.7" customHeight="1">
      <c r="A1983" s="741"/>
      <c r="B1983" s="742"/>
      <c r="C1983" s="515"/>
      <c r="D1983" s="514"/>
      <c r="E1983" s="513"/>
      <c r="F1983" s="512"/>
      <c r="G1983" s="511" t="s">
        <v>651</v>
      </c>
      <c r="H1983" s="510"/>
      <c r="I1983" s="510"/>
      <c r="J1983" s="510"/>
      <c r="K1983" s="509"/>
    </row>
    <row r="1984" spans="1:11" ht="13.7" customHeight="1">
      <c r="A1984" s="743" t="s">
        <v>651</v>
      </c>
      <c r="B1984" s="744"/>
      <c r="C1984" s="533"/>
      <c r="D1984" s="532"/>
      <c r="E1984" s="531"/>
      <c r="F1984" s="530"/>
      <c r="G1984" s="529" t="s">
        <v>651</v>
      </c>
      <c r="H1984" s="528"/>
      <c r="I1984" s="528"/>
      <c r="J1984" s="528"/>
      <c r="K1984" s="527"/>
    </row>
    <row r="1985" spans="1:11" ht="13.7" customHeight="1">
      <c r="A1985" s="745"/>
      <c r="B1985" s="740"/>
      <c r="C1985" s="526"/>
      <c r="D1985" s="525"/>
      <c r="E1985" s="524"/>
      <c r="F1985" s="523" t="s">
        <v>651</v>
      </c>
      <c r="G1985" s="518" t="s">
        <v>651</v>
      </c>
      <c r="H1985" s="517"/>
      <c r="I1985" s="517"/>
      <c r="J1985" s="517"/>
      <c r="K1985" s="516"/>
    </row>
    <row r="1986" spans="1:11" ht="13.7" customHeight="1">
      <c r="A1986" s="739" t="s">
        <v>652</v>
      </c>
      <c r="B1986" s="740"/>
      <c r="C1986" s="522" t="s">
        <v>193</v>
      </c>
      <c r="D1986" s="521">
        <v>100</v>
      </c>
      <c r="E1986" s="520"/>
      <c r="F1986" s="519"/>
      <c r="G1986" s="518" t="s">
        <v>651</v>
      </c>
      <c r="H1986" s="517"/>
      <c r="I1986" s="517"/>
      <c r="J1986" s="517"/>
      <c r="K1986" s="516"/>
    </row>
    <row r="1987" spans="1:11" ht="13.7" customHeight="1">
      <c r="A1987" s="741"/>
      <c r="B1987" s="742"/>
      <c r="C1987" s="515"/>
      <c r="D1987" s="514"/>
      <c r="E1987" s="513"/>
      <c r="F1987" s="512"/>
      <c r="G1987" s="511" t="s">
        <v>651</v>
      </c>
      <c r="H1987" s="510"/>
      <c r="I1987" s="510"/>
      <c r="J1987" s="510"/>
      <c r="K1987" s="509"/>
    </row>
    <row r="1988" spans="1:11" ht="13.7" customHeight="1"/>
    <row r="1989" spans="1:11" ht="13.7" customHeight="1"/>
    <row r="1990" spans="1:11" ht="6.2" customHeight="1"/>
    <row r="1991" spans="1:11" ht="14.1" customHeight="1">
      <c r="A1991" s="543" t="s">
        <v>1316</v>
      </c>
      <c r="B1991" s="540" t="s">
        <v>1015</v>
      </c>
      <c r="C1991" s="540"/>
      <c r="D1991" s="540"/>
      <c r="E1991" s="540"/>
      <c r="F1991" s="540"/>
      <c r="G1991" s="542" t="s">
        <v>617</v>
      </c>
      <c r="H1991" s="541" t="s">
        <v>912</v>
      </c>
      <c r="I1991" s="540" t="s">
        <v>1007</v>
      </c>
      <c r="J1991" s="540"/>
      <c r="K1991" s="539"/>
    </row>
    <row r="1992" spans="1:11" ht="24" customHeight="1">
      <c r="A1992" s="538" t="s">
        <v>651</v>
      </c>
      <c r="B1992" s="537" t="s">
        <v>1013</v>
      </c>
      <c r="C1992" s="537"/>
      <c r="D1992" s="537"/>
      <c r="E1992" s="537"/>
      <c r="F1992" s="537"/>
      <c r="G1992" s="751">
        <v>100</v>
      </c>
      <c r="H1992" s="751"/>
      <c r="I1992" s="751"/>
      <c r="J1992" s="536" t="s">
        <v>193</v>
      </c>
      <c r="K1992" s="535" t="s">
        <v>618</v>
      </c>
    </row>
    <row r="1993" spans="1:11" ht="17.100000000000001" customHeight="1">
      <c r="A1993" s="746" t="s">
        <v>1006</v>
      </c>
      <c r="B1993" s="747"/>
      <c r="C1993" s="534" t="s">
        <v>309</v>
      </c>
      <c r="D1993" s="534" t="s">
        <v>619</v>
      </c>
      <c r="E1993" s="534" t="s">
        <v>620</v>
      </c>
      <c r="F1993" s="534" t="s">
        <v>659</v>
      </c>
      <c r="G1993" s="748" t="s">
        <v>1005</v>
      </c>
      <c r="H1993" s="749"/>
      <c r="I1993" s="749"/>
      <c r="J1993" s="749"/>
      <c r="K1993" s="750"/>
    </row>
    <row r="1994" spans="1:11" ht="13.7" customHeight="1">
      <c r="A1994" s="743" t="s">
        <v>651</v>
      </c>
      <c r="B1994" s="744"/>
      <c r="C1994" s="533"/>
      <c r="D1994" s="532"/>
      <c r="E1994" s="531"/>
      <c r="F1994" s="530"/>
      <c r="G1994" s="529" t="s">
        <v>651</v>
      </c>
      <c r="H1994" s="528"/>
      <c r="I1994" s="528"/>
      <c r="J1994" s="528"/>
      <c r="K1994" s="527"/>
    </row>
    <row r="1995" spans="1:11" ht="13.7" customHeight="1">
      <c r="A1995" s="745"/>
      <c r="B1995" s="740"/>
      <c r="C1995" s="526"/>
      <c r="D1995" s="525"/>
      <c r="E1995" s="524"/>
      <c r="F1995" s="523" t="s">
        <v>651</v>
      </c>
      <c r="G1995" s="518" t="s">
        <v>651</v>
      </c>
      <c r="H1995" s="517"/>
      <c r="I1995" s="517"/>
      <c r="J1995" s="517"/>
      <c r="K1995" s="516"/>
    </row>
    <row r="1996" spans="1:11" ht="13.7" customHeight="1">
      <c r="A1996" s="739" t="s">
        <v>681</v>
      </c>
      <c r="B1996" s="740"/>
      <c r="C1996" s="522" t="s">
        <v>193</v>
      </c>
      <c r="D1996" s="521">
        <v>1</v>
      </c>
      <c r="E1996" s="520" t="s">
        <v>1002</v>
      </c>
      <c r="F1996" s="519"/>
      <c r="G1996" s="518" t="s">
        <v>651</v>
      </c>
      <c r="H1996" s="517"/>
      <c r="I1996" s="517"/>
      <c r="J1996" s="517"/>
      <c r="K1996" s="516"/>
    </row>
    <row r="1997" spans="1:11" ht="13.7" customHeight="1">
      <c r="A1997" s="741"/>
      <c r="B1997" s="742"/>
      <c r="C1997" s="515"/>
      <c r="D1997" s="514"/>
      <c r="E1997" s="513"/>
      <c r="F1997" s="512"/>
      <c r="G1997" s="511" t="s">
        <v>651</v>
      </c>
      <c r="H1997" s="510"/>
      <c r="I1997" s="510"/>
      <c r="J1997" s="510"/>
      <c r="K1997" s="509"/>
    </row>
    <row r="1998" spans="1:11" ht="54.95" customHeight="1"/>
    <row r="1999" spans="1:11" ht="14.1" customHeight="1">
      <c r="A1999" s="543" t="s">
        <v>1315</v>
      </c>
      <c r="B1999" s="540" t="s">
        <v>1314</v>
      </c>
      <c r="C1999" s="540"/>
      <c r="D1999" s="540"/>
      <c r="E1999" s="540"/>
      <c r="F1999" s="540"/>
      <c r="G1999" s="542" t="s">
        <v>617</v>
      </c>
      <c r="H1999" s="541" t="s">
        <v>910</v>
      </c>
      <c r="I1999" s="540" t="s">
        <v>1007</v>
      </c>
      <c r="J1999" s="540"/>
      <c r="K1999" s="539"/>
    </row>
    <row r="2000" spans="1:11" ht="24" customHeight="1">
      <c r="A2000" s="538" t="s">
        <v>651</v>
      </c>
      <c r="B2000" s="537" t="s">
        <v>651</v>
      </c>
      <c r="C2000" s="537"/>
      <c r="D2000" s="537"/>
      <c r="E2000" s="537"/>
      <c r="F2000" s="537"/>
      <c r="G2000" s="751">
        <v>1</v>
      </c>
      <c r="H2000" s="751"/>
      <c r="I2000" s="751"/>
      <c r="J2000" s="536" t="s">
        <v>242</v>
      </c>
      <c r="K2000" s="535" t="s">
        <v>618</v>
      </c>
    </row>
    <row r="2001" spans="1:11" ht="17.100000000000001" customHeight="1">
      <c r="A2001" s="746" t="s">
        <v>1006</v>
      </c>
      <c r="B2001" s="747"/>
      <c r="C2001" s="534" t="s">
        <v>309</v>
      </c>
      <c r="D2001" s="534" t="s">
        <v>619</v>
      </c>
      <c r="E2001" s="534" t="s">
        <v>620</v>
      </c>
      <c r="F2001" s="534" t="s">
        <v>659</v>
      </c>
      <c r="G2001" s="748" t="s">
        <v>1005</v>
      </c>
      <c r="H2001" s="749"/>
      <c r="I2001" s="749"/>
      <c r="J2001" s="749"/>
      <c r="K2001" s="750"/>
    </row>
    <row r="2002" spans="1:11" ht="13.7" customHeight="1">
      <c r="A2002" s="743" t="s">
        <v>1287</v>
      </c>
      <c r="B2002" s="744"/>
      <c r="C2002" s="533"/>
      <c r="D2002" s="532"/>
      <c r="E2002" s="531"/>
      <c r="F2002" s="530"/>
      <c r="G2002" s="529" t="s">
        <v>1313</v>
      </c>
      <c r="H2002" s="528"/>
      <c r="I2002" s="528"/>
      <c r="J2002" s="528"/>
      <c r="K2002" s="527"/>
    </row>
    <row r="2003" spans="1:11" ht="13.7" customHeight="1">
      <c r="A2003" s="745"/>
      <c r="B2003" s="740"/>
      <c r="C2003" s="526"/>
      <c r="D2003" s="525"/>
      <c r="E2003" s="524"/>
      <c r="F2003" s="523" t="s">
        <v>651</v>
      </c>
      <c r="G2003" s="518" t="s">
        <v>651</v>
      </c>
      <c r="H2003" s="517"/>
      <c r="I2003" s="517"/>
      <c r="J2003" s="517"/>
      <c r="K2003" s="516"/>
    </row>
    <row r="2004" spans="1:11" ht="13.7" customHeight="1">
      <c r="A2004" s="739" t="s">
        <v>651</v>
      </c>
      <c r="B2004" s="740"/>
      <c r="C2004" s="522" t="s">
        <v>242</v>
      </c>
      <c r="D2004" s="521">
        <v>1</v>
      </c>
      <c r="E2004" s="520"/>
      <c r="F2004" s="519"/>
      <c r="G2004" s="518" t="s">
        <v>651</v>
      </c>
      <c r="H2004" s="517"/>
      <c r="I2004" s="517"/>
      <c r="J2004" s="517"/>
      <c r="K2004" s="516"/>
    </row>
    <row r="2005" spans="1:11" ht="13.7" customHeight="1">
      <c r="A2005" s="741"/>
      <c r="B2005" s="742"/>
      <c r="C2005" s="515"/>
      <c r="D2005" s="514"/>
      <c r="E2005" s="513"/>
      <c r="F2005" s="512"/>
      <c r="G2005" s="511" t="s">
        <v>651</v>
      </c>
      <c r="H2005" s="510"/>
      <c r="I2005" s="510"/>
      <c r="J2005" s="510"/>
      <c r="K2005" s="509"/>
    </row>
    <row r="2006" spans="1:11" ht="13.7" customHeight="1">
      <c r="A2006" s="743" t="s">
        <v>1266</v>
      </c>
      <c r="B2006" s="744"/>
      <c r="C2006" s="533"/>
      <c r="D2006" s="532"/>
      <c r="E2006" s="531"/>
      <c r="F2006" s="530"/>
      <c r="G2006" s="529" t="s">
        <v>1312</v>
      </c>
      <c r="H2006" s="528"/>
      <c r="I2006" s="528"/>
      <c r="J2006" s="528"/>
      <c r="K2006" s="527"/>
    </row>
    <row r="2007" spans="1:11" ht="13.7" customHeight="1">
      <c r="A2007" s="745"/>
      <c r="B2007" s="740"/>
      <c r="C2007" s="526"/>
      <c r="D2007" s="525"/>
      <c r="E2007" s="524"/>
      <c r="F2007" s="523" t="s">
        <v>651</v>
      </c>
      <c r="G2007" s="518" t="s">
        <v>651</v>
      </c>
      <c r="H2007" s="517"/>
      <c r="I2007" s="517"/>
      <c r="J2007" s="517"/>
      <c r="K2007" s="516"/>
    </row>
    <row r="2008" spans="1:11" ht="13.7" customHeight="1">
      <c r="A2008" s="739" t="s">
        <v>651</v>
      </c>
      <c r="B2008" s="740"/>
      <c r="C2008" s="522" t="s">
        <v>242</v>
      </c>
      <c r="D2008" s="521">
        <v>1</v>
      </c>
      <c r="E2008" s="520"/>
      <c r="F2008" s="519"/>
      <c r="G2008" s="518" t="s">
        <v>651</v>
      </c>
      <c r="H2008" s="517"/>
      <c r="I2008" s="517"/>
      <c r="J2008" s="517"/>
      <c r="K2008" s="516"/>
    </row>
    <row r="2009" spans="1:11" ht="13.7" customHeight="1">
      <c r="A2009" s="741"/>
      <c r="B2009" s="742"/>
      <c r="C2009" s="515"/>
      <c r="D2009" s="514"/>
      <c r="E2009" s="513"/>
      <c r="F2009" s="512"/>
      <c r="G2009" s="511" t="s">
        <v>651</v>
      </c>
      <c r="H2009" s="510"/>
      <c r="I2009" s="510"/>
      <c r="J2009" s="510"/>
      <c r="K2009" s="509"/>
    </row>
    <row r="2010" spans="1:11" ht="13.7" customHeight="1">
      <c r="A2010" s="743" t="s">
        <v>1257</v>
      </c>
      <c r="B2010" s="744"/>
      <c r="C2010" s="533"/>
      <c r="D2010" s="532"/>
      <c r="E2010" s="531"/>
      <c r="F2010" s="530"/>
      <c r="G2010" s="529" t="s">
        <v>1311</v>
      </c>
      <c r="H2010" s="528"/>
      <c r="I2010" s="528"/>
      <c r="J2010" s="528"/>
      <c r="K2010" s="527"/>
    </row>
    <row r="2011" spans="1:11" ht="13.7" customHeight="1">
      <c r="A2011" s="745"/>
      <c r="B2011" s="740"/>
      <c r="C2011" s="526"/>
      <c r="D2011" s="525"/>
      <c r="E2011" s="524"/>
      <c r="F2011" s="523" t="s">
        <v>651</v>
      </c>
      <c r="G2011" s="518" t="s">
        <v>651</v>
      </c>
      <c r="H2011" s="517"/>
      <c r="I2011" s="517"/>
      <c r="J2011" s="517"/>
      <c r="K2011" s="516"/>
    </row>
    <row r="2012" spans="1:11" ht="13.7" customHeight="1">
      <c r="A2012" s="739" t="s">
        <v>651</v>
      </c>
      <c r="B2012" s="740"/>
      <c r="C2012" s="522" t="s">
        <v>242</v>
      </c>
      <c r="D2012" s="521">
        <v>1</v>
      </c>
      <c r="E2012" s="520"/>
      <c r="F2012" s="519"/>
      <c r="G2012" s="518" t="s">
        <v>651</v>
      </c>
      <c r="H2012" s="517"/>
      <c r="I2012" s="517"/>
      <c r="J2012" s="517"/>
      <c r="K2012" s="516"/>
    </row>
    <row r="2013" spans="1:11" ht="13.7" customHeight="1">
      <c r="A2013" s="741"/>
      <c r="B2013" s="742"/>
      <c r="C2013" s="515"/>
      <c r="D2013" s="514"/>
      <c r="E2013" s="513"/>
      <c r="F2013" s="512"/>
      <c r="G2013" s="511" t="s">
        <v>651</v>
      </c>
      <c r="H2013" s="510"/>
      <c r="I2013" s="510"/>
      <c r="J2013" s="510"/>
      <c r="K2013" s="509"/>
    </row>
    <row r="2014" spans="1:11" ht="13.7" customHeight="1">
      <c r="A2014" s="743" t="s">
        <v>651</v>
      </c>
      <c r="B2014" s="744"/>
      <c r="C2014" s="533"/>
      <c r="D2014" s="532"/>
      <c r="E2014" s="531"/>
      <c r="F2014" s="530"/>
      <c r="G2014" s="529" t="s">
        <v>651</v>
      </c>
      <c r="H2014" s="528"/>
      <c r="I2014" s="528"/>
      <c r="J2014" s="528"/>
      <c r="K2014" s="527"/>
    </row>
    <row r="2015" spans="1:11" ht="13.7" customHeight="1">
      <c r="A2015" s="745"/>
      <c r="B2015" s="740"/>
      <c r="C2015" s="526"/>
      <c r="D2015" s="525"/>
      <c r="E2015" s="524"/>
      <c r="F2015" s="523" t="s">
        <v>651</v>
      </c>
      <c r="G2015" s="518" t="s">
        <v>651</v>
      </c>
      <c r="H2015" s="517"/>
      <c r="I2015" s="517"/>
      <c r="J2015" s="517"/>
      <c r="K2015" s="516"/>
    </row>
    <row r="2016" spans="1:11" ht="13.7" customHeight="1">
      <c r="A2016" s="739" t="s">
        <v>652</v>
      </c>
      <c r="B2016" s="740"/>
      <c r="C2016" s="522" t="s">
        <v>242</v>
      </c>
      <c r="D2016" s="521">
        <v>1</v>
      </c>
      <c r="E2016" s="520"/>
      <c r="F2016" s="519"/>
      <c r="G2016" s="518" t="s">
        <v>651</v>
      </c>
      <c r="H2016" s="517"/>
      <c r="I2016" s="517"/>
      <c r="J2016" s="517"/>
      <c r="K2016" s="516"/>
    </row>
    <row r="2017" spans="1:11" ht="13.7" customHeight="1">
      <c r="A2017" s="741"/>
      <c r="B2017" s="742"/>
      <c r="C2017" s="515"/>
      <c r="D2017" s="514"/>
      <c r="E2017" s="513"/>
      <c r="F2017" s="512"/>
      <c r="G2017" s="511" t="s">
        <v>651</v>
      </c>
      <c r="H2017" s="510"/>
      <c r="I2017" s="510"/>
      <c r="J2017" s="510"/>
      <c r="K2017" s="509"/>
    </row>
    <row r="2018" spans="1:11" ht="13.7" customHeight="1">
      <c r="A2018" s="743" t="s">
        <v>651</v>
      </c>
      <c r="B2018" s="744"/>
      <c r="C2018" s="533"/>
      <c r="D2018" s="532"/>
      <c r="E2018" s="531"/>
      <c r="F2018" s="530"/>
      <c r="G2018" s="529" t="s">
        <v>651</v>
      </c>
      <c r="H2018" s="528"/>
      <c r="I2018" s="528"/>
      <c r="J2018" s="528"/>
      <c r="K2018" s="527"/>
    </row>
    <row r="2019" spans="1:11" ht="13.7" customHeight="1">
      <c r="A2019" s="745"/>
      <c r="B2019" s="740"/>
      <c r="C2019" s="526"/>
      <c r="D2019" s="525"/>
      <c r="E2019" s="524"/>
      <c r="F2019" s="523" t="s">
        <v>651</v>
      </c>
      <c r="G2019" s="518" t="s">
        <v>651</v>
      </c>
      <c r="H2019" s="517"/>
      <c r="I2019" s="517"/>
      <c r="J2019" s="517"/>
      <c r="K2019" s="516"/>
    </row>
    <row r="2020" spans="1:11" ht="13.7" customHeight="1">
      <c r="A2020" s="739" t="s">
        <v>681</v>
      </c>
      <c r="B2020" s="740"/>
      <c r="C2020" s="522" t="s">
        <v>242</v>
      </c>
      <c r="D2020" s="521">
        <v>1</v>
      </c>
      <c r="E2020" s="520" t="s">
        <v>1002</v>
      </c>
      <c r="F2020" s="519"/>
      <c r="G2020" s="518" t="s">
        <v>651</v>
      </c>
      <c r="H2020" s="517"/>
      <c r="I2020" s="517"/>
      <c r="J2020" s="517"/>
      <c r="K2020" s="516"/>
    </row>
    <row r="2021" spans="1:11" ht="13.7" customHeight="1">
      <c r="A2021" s="741"/>
      <c r="B2021" s="742"/>
      <c r="C2021" s="515"/>
      <c r="D2021" s="514"/>
      <c r="E2021" s="513"/>
      <c r="F2021" s="512"/>
      <c r="G2021" s="511" t="s">
        <v>651</v>
      </c>
      <c r="H2021" s="510"/>
      <c r="I2021" s="510"/>
      <c r="J2021" s="510"/>
      <c r="K2021" s="509"/>
    </row>
    <row r="2022" spans="1:11" ht="13.7" customHeight="1"/>
    <row r="2023" spans="1:11" ht="13.7" customHeight="1"/>
    <row r="2024" spans="1:11" ht="6.2" customHeight="1"/>
    <row r="2025" spans="1:11" ht="14.1" customHeight="1">
      <c r="A2025" s="543" t="s">
        <v>1288</v>
      </c>
      <c r="B2025" s="540" t="s">
        <v>1287</v>
      </c>
      <c r="C2025" s="540"/>
      <c r="D2025" s="540"/>
      <c r="E2025" s="540"/>
      <c r="F2025" s="540"/>
      <c r="G2025" s="542" t="s">
        <v>617</v>
      </c>
      <c r="H2025" s="541" t="s">
        <v>908</v>
      </c>
      <c r="I2025" s="540" t="s">
        <v>1007</v>
      </c>
      <c r="J2025" s="540"/>
      <c r="K2025" s="539"/>
    </row>
    <row r="2026" spans="1:11" ht="24" customHeight="1">
      <c r="A2026" s="538" t="s">
        <v>651</v>
      </c>
      <c r="B2026" s="537" t="s">
        <v>651</v>
      </c>
      <c r="C2026" s="537"/>
      <c r="D2026" s="537"/>
      <c r="E2026" s="537"/>
      <c r="F2026" s="537"/>
      <c r="G2026" s="751">
        <v>1</v>
      </c>
      <c r="H2026" s="751"/>
      <c r="I2026" s="751"/>
      <c r="J2026" s="536" t="s">
        <v>242</v>
      </c>
      <c r="K2026" s="535" t="s">
        <v>618</v>
      </c>
    </row>
    <row r="2027" spans="1:11" ht="17.100000000000001" customHeight="1">
      <c r="A2027" s="746" t="s">
        <v>1006</v>
      </c>
      <c r="B2027" s="747"/>
      <c r="C2027" s="534" t="s">
        <v>309</v>
      </c>
      <c r="D2027" s="534" t="s">
        <v>619</v>
      </c>
      <c r="E2027" s="534" t="s">
        <v>620</v>
      </c>
      <c r="F2027" s="534" t="s">
        <v>659</v>
      </c>
      <c r="G2027" s="748" t="s">
        <v>1005</v>
      </c>
      <c r="H2027" s="749"/>
      <c r="I2027" s="749"/>
      <c r="J2027" s="749"/>
      <c r="K2027" s="750"/>
    </row>
    <row r="2028" spans="1:11" ht="13.7" customHeight="1">
      <c r="A2028" s="743" t="s">
        <v>1155</v>
      </c>
      <c r="B2028" s="744"/>
      <c r="C2028" s="533"/>
      <c r="D2028" s="532"/>
      <c r="E2028" s="531"/>
      <c r="F2028" s="530"/>
      <c r="G2028" s="529" t="s">
        <v>651</v>
      </c>
      <c r="H2028" s="528"/>
      <c r="I2028" s="528"/>
      <c r="J2028" s="528"/>
      <c r="K2028" s="527"/>
    </row>
    <row r="2029" spans="1:11" ht="13.7" customHeight="1">
      <c r="A2029" s="745"/>
      <c r="B2029" s="740"/>
      <c r="C2029" s="526"/>
      <c r="D2029" s="525"/>
      <c r="E2029" s="524"/>
      <c r="F2029" s="523" t="s">
        <v>651</v>
      </c>
      <c r="G2029" s="518" t="s">
        <v>651</v>
      </c>
      <c r="H2029" s="517"/>
      <c r="I2029" s="517"/>
      <c r="J2029" s="517"/>
      <c r="K2029" s="516"/>
    </row>
    <row r="2030" spans="1:11" ht="13.7" customHeight="1">
      <c r="A2030" s="739" t="s">
        <v>1310</v>
      </c>
      <c r="B2030" s="740"/>
      <c r="C2030" s="522" t="s">
        <v>236</v>
      </c>
      <c r="D2030" s="521">
        <v>4</v>
      </c>
      <c r="E2030" s="520"/>
      <c r="F2030" s="519"/>
      <c r="G2030" s="518" t="s">
        <v>651</v>
      </c>
      <c r="H2030" s="517"/>
      <c r="I2030" s="517"/>
      <c r="J2030" s="517"/>
      <c r="K2030" s="516"/>
    </row>
    <row r="2031" spans="1:11" ht="13.7" customHeight="1">
      <c r="A2031" s="741"/>
      <c r="B2031" s="742"/>
      <c r="C2031" s="515"/>
      <c r="D2031" s="514"/>
      <c r="E2031" s="513"/>
      <c r="F2031" s="512"/>
      <c r="G2031" s="511" t="s">
        <v>651</v>
      </c>
      <c r="H2031" s="510"/>
      <c r="I2031" s="510"/>
      <c r="J2031" s="510"/>
      <c r="K2031" s="509"/>
    </row>
    <row r="2032" spans="1:11" ht="13.7" customHeight="1">
      <c r="A2032" s="743" t="s">
        <v>1309</v>
      </c>
      <c r="B2032" s="744"/>
      <c r="C2032" s="533"/>
      <c r="D2032" s="532"/>
      <c r="E2032" s="531"/>
      <c r="F2032" s="530"/>
      <c r="G2032" s="529" t="s">
        <v>651</v>
      </c>
      <c r="H2032" s="528"/>
      <c r="I2032" s="528"/>
      <c r="J2032" s="528"/>
      <c r="K2032" s="527"/>
    </row>
    <row r="2033" spans="1:11" ht="13.7" customHeight="1">
      <c r="A2033" s="745"/>
      <c r="B2033" s="740"/>
      <c r="C2033" s="526"/>
      <c r="D2033" s="525"/>
      <c r="E2033" s="524"/>
      <c r="F2033" s="523" t="s">
        <v>651</v>
      </c>
      <c r="G2033" s="518" t="s">
        <v>651</v>
      </c>
      <c r="H2033" s="517"/>
      <c r="I2033" s="517"/>
      <c r="J2033" s="517"/>
      <c r="K2033" s="516"/>
    </row>
    <row r="2034" spans="1:11" ht="13.7" customHeight="1">
      <c r="A2034" s="739" t="s">
        <v>1308</v>
      </c>
      <c r="B2034" s="740"/>
      <c r="C2034" s="522" t="s">
        <v>236</v>
      </c>
      <c r="D2034" s="521">
        <v>1</v>
      </c>
      <c r="E2034" s="520"/>
      <c r="F2034" s="519"/>
      <c r="G2034" s="518" t="s">
        <v>651</v>
      </c>
      <c r="H2034" s="517"/>
      <c r="I2034" s="517"/>
      <c r="J2034" s="517"/>
      <c r="K2034" s="516"/>
    </row>
    <row r="2035" spans="1:11" ht="13.7" customHeight="1">
      <c r="A2035" s="741"/>
      <c r="B2035" s="742"/>
      <c r="C2035" s="515"/>
      <c r="D2035" s="514"/>
      <c r="E2035" s="513"/>
      <c r="F2035" s="512"/>
      <c r="G2035" s="511" t="s">
        <v>651</v>
      </c>
      <c r="H2035" s="510"/>
      <c r="I2035" s="510"/>
      <c r="J2035" s="510"/>
      <c r="K2035" s="509"/>
    </row>
    <row r="2036" spans="1:11" ht="13.7" customHeight="1">
      <c r="A2036" s="743" t="s">
        <v>1307</v>
      </c>
      <c r="B2036" s="744"/>
      <c r="C2036" s="533"/>
      <c r="D2036" s="532"/>
      <c r="E2036" s="531"/>
      <c r="F2036" s="530"/>
      <c r="G2036" s="529" t="s">
        <v>651</v>
      </c>
      <c r="H2036" s="528"/>
      <c r="I2036" s="528"/>
      <c r="J2036" s="528"/>
      <c r="K2036" s="527"/>
    </row>
    <row r="2037" spans="1:11" ht="13.7" customHeight="1">
      <c r="A2037" s="745"/>
      <c r="B2037" s="740"/>
      <c r="C2037" s="526"/>
      <c r="D2037" s="525"/>
      <c r="E2037" s="524"/>
      <c r="F2037" s="523" t="s">
        <v>651</v>
      </c>
      <c r="G2037" s="518" t="s">
        <v>651</v>
      </c>
      <c r="H2037" s="517"/>
      <c r="I2037" s="517"/>
      <c r="J2037" s="517"/>
      <c r="K2037" s="516"/>
    </row>
    <row r="2038" spans="1:11" ht="13.7" customHeight="1">
      <c r="A2038" s="739" t="s">
        <v>1306</v>
      </c>
      <c r="B2038" s="740"/>
      <c r="C2038" s="522" t="s">
        <v>236</v>
      </c>
      <c r="D2038" s="521">
        <v>1</v>
      </c>
      <c r="E2038" s="520"/>
      <c r="F2038" s="519"/>
      <c r="G2038" s="518" t="s">
        <v>651</v>
      </c>
      <c r="H2038" s="517"/>
      <c r="I2038" s="517"/>
      <c r="J2038" s="517"/>
      <c r="K2038" s="516"/>
    </row>
    <row r="2039" spans="1:11" ht="13.7" customHeight="1">
      <c r="A2039" s="741"/>
      <c r="B2039" s="742"/>
      <c r="C2039" s="515"/>
      <c r="D2039" s="514"/>
      <c r="E2039" s="513"/>
      <c r="F2039" s="512"/>
      <c r="G2039" s="511" t="s">
        <v>651</v>
      </c>
      <c r="H2039" s="510"/>
      <c r="I2039" s="510"/>
      <c r="J2039" s="510"/>
      <c r="K2039" s="509"/>
    </row>
    <row r="2040" spans="1:11" ht="13.7" customHeight="1">
      <c r="A2040" s="743" t="s">
        <v>1301</v>
      </c>
      <c r="B2040" s="744"/>
      <c r="C2040" s="533"/>
      <c r="D2040" s="532"/>
      <c r="E2040" s="531"/>
      <c r="F2040" s="530"/>
      <c r="G2040" s="529" t="s">
        <v>651</v>
      </c>
      <c r="H2040" s="528"/>
      <c r="I2040" s="528"/>
      <c r="J2040" s="528"/>
      <c r="K2040" s="527"/>
    </row>
    <row r="2041" spans="1:11" ht="13.7" customHeight="1">
      <c r="A2041" s="745"/>
      <c r="B2041" s="740"/>
      <c r="C2041" s="526"/>
      <c r="D2041" s="525"/>
      <c r="E2041" s="524"/>
      <c r="F2041" s="523" t="s">
        <v>651</v>
      </c>
      <c r="G2041" s="518" t="s">
        <v>651</v>
      </c>
      <c r="H2041" s="517"/>
      <c r="I2041" s="517"/>
      <c r="J2041" s="517"/>
      <c r="K2041" s="516"/>
    </row>
    <row r="2042" spans="1:11" ht="13.7" customHeight="1">
      <c r="A2042" s="739" t="s">
        <v>1306</v>
      </c>
      <c r="B2042" s="740"/>
      <c r="C2042" s="522" t="s">
        <v>236</v>
      </c>
      <c r="D2042" s="521">
        <v>1</v>
      </c>
      <c r="E2042" s="520"/>
      <c r="F2042" s="519"/>
      <c r="G2042" s="518" t="s">
        <v>651</v>
      </c>
      <c r="H2042" s="517"/>
      <c r="I2042" s="517"/>
      <c r="J2042" s="517"/>
      <c r="K2042" s="516"/>
    </row>
    <row r="2043" spans="1:11" ht="13.7" customHeight="1">
      <c r="A2043" s="741"/>
      <c r="B2043" s="742"/>
      <c r="C2043" s="515"/>
      <c r="D2043" s="514"/>
      <c r="E2043" s="513"/>
      <c r="F2043" s="512"/>
      <c r="G2043" s="511" t="s">
        <v>651</v>
      </c>
      <c r="H2043" s="510"/>
      <c r="I2043" s="510"/>
      <c r="J2043" s="510"/>
      <c r="K2043" s="509"/>
    </row>
    <row r="2044" spans="1:11" ht="13.7" customHeight="1">
      <c r="A2044" s="743" t="s">
        <v>1250</v>
      </c>
      <c r="B2044" s="744"/>
      <c r="C2044" s="533"/>
      <c r="D2044" s="532"/>
      <c r="E2044" s="531"/>
      <c r="F2044" s="530"/>
      <c r="G2044" s="529" t="s">
        <v>651</v>
      </c>
      <c r="H2044" s="528"/>
      <c r="I2044" s="528"/>
      <c r="J2044" s="528"/>
      <c r="K2044" s="527"/>
    </row>
    <row r="2045" spans="1:11" ht="13.7" customHeight="1">
      <c r="A2045" s="745"/>
      <c r="B2045" s="740"/>
      <c r="C2045" s="526"/>
      <c r="D2045" s="525"/>
      <c r="E2045" s="524"/>
      <c r="F2045" s="523" t="s">
        <v>651</v>
      </c>
      <c r="G2045" s="518" t="s">
        <v>651</v>
      </c>
      <c r="H2045" s="517"/>
      <c r="I2045" s="517"/>
      <c r="J2045" s="517"/>
      <c r="K2045" s="516"/>
    </row>
    <row r="2046" spans="1:11" ht="13.7" customHeight="1">
      <c r="A2046" s="739" t="s">
        <v>871</v>
      </c>
      <c r="B2046" s="740"/>
      <c r="C2046" s="522" t="s">
        <v>236</v>
      </c>
      <c r="D2046" s="521">
        <v>1</v>
      </c>
      <c r="E2046" s="520"/>
      <c r="F2046" s="519"/>
      <c r="G2046" s="518" t="s">
        <v>651</v>
      </c>
      <c r="H2046" s="517"/>
      <c r="I2046" s="517"/>
      <c r="J2046" s="517"/>
      <c r="K2046" s="516"/>
    </row>
    <row r="2047" spans="1:11" ht="13.7" customHeight="1">
      <c r="A2047" s="741"/>
      <c r="B2047" s="742"/>
      <c r="C2047" s="515"/>
      <c r="D2047" s="514"/>
      <c r="E2047" s="513"/>
      <c r="F2047" s="512"/>
      <c r="G2047" s="511" t="s">
        <v>651</v>
      </c>
      <c r="H2047" s="510"/>
      <c r="I2047" s="510"/>
      <c r="J2047" s="510"/>
      <c r="K2047" s="509"/>
    </row>
    <row r="2048" spans="1:11" ht="13.7" customHeight="1">
      <c r="A2048" s="743" t="s">
        <v>1305</v>
      </c>
      <c r="B2048" s="744"/>
      <c r="C2048" s="533"/>
      <c r="D2048" s="532"/>
      <c r="E2048" s="531"/>
      <c r="F2048" s="530"/>
      <c r="G2048" s="529" t="s">
        <v>651</v>
      </c>
      <c r="H2048" s="528"/>
      <c r="I2048" s="528"/>
      <c r="J2048" s="528"/>
      <c r="K2048" s="527"/>
    </row>
    <row r="2049" spans="1:11" ht="13.7" customHeight="1">
      <c r="A2049" s="745"/>
      <c r="B2049" s="740"/>
      <c r="C2049" s="526"/>
      <c r="D2049" s="525"/>
      <c r="E2049" s="524"/>
      <c r="F2049" s="523" t="s">
        <v>651</v>
      </c>
      <c r="G2049" s="518" t="s">
        <v>651</v>
      </c>
      <c r="H2049" s="517"/>
      <c r="I2049" s="517"/>
      <c r="J2049" s="517"/>
      <c r="K2049" s="516"/>
    </row>
    <row r="2050" spans="1:11" ht="13.7" customHeight="1">
      <c r="A2050" s="739" t="s">
        <v>871</v>
      </c>
      <c r="B2050" s="740"/>
      <c r="C2050" s="522" t="s">
        <v>236</v>
      </c>
      <c r="D2050" s="521">
        <v>1</v>
      </c>
      <c r="E2050" s="520"/>
      <c r="F2050" s="519"/>
      <c r="G2050" s="518" t="s">
        <v>651</v>
      </c>
      <c r="H2050" s="517"/>
      <c r="I2050" s="517"/>
      <c r="J2050" s="517"/>
      <c r="K2050" s="516"/>
    </row>
    <row r="2051" spans="1:11" ht="13.7" customHeight="1">
      <c r="A2051" s="741"/>
      <c r="B2051" s="742"/>
      <c r="C2051" s="515"/>
      <c r="D2051" s="514"/>
      <c r="E2051" s="513"/>
      <c r="F2051" s="512"/>
      <c r="G2051" s="511" t="s">
        <v>651</v>
      </c>
      <c r="H2051" s="510"/>
      <c r="I2051" s="510"/>
      <c r="J2051" s="510"/>
      <c r="K2051" s="509"/>
    </row>
    <row r="2052" spans="1:11" ht="13.7" customHeight="1">
      <c r="A2052" s="743" t="s">
        <v>1304</v>
      </c>
      <c r="B2052" s="744"/>
      <c r="C2052" s="533"/>
      <c r="D2052" s="532"/>
      <c r="E2052" s="531"/>
      <c r="F2052" s="530"/>
      <c r="G2052" s="529" t="s">
        <v>651</v>
      </c>
      <c r="H2052" s="528"/>
      <c r="I2052" s="528"/>
      <c r="J2052" s="528"/>
      <c r="K2052" s="527"/>
    </row>
    <row r="2053" spans="1:11" ht="13.7" customHeight="1">
      <c r="A2053" s="745"/>
      <c r="B2053" s="740"/>
      <c r="C2053" s="526"/>
      <c r="D2053" s="525"/>
      <c r="E2053" s="524"/>
      <c r="F2053" s="523" t="s">
        <v>651</v>
      </c>
      <c r="G2053" s="518" t="s">
        <v>651</v>
      </c>
      <c r="H2053" s="517"/>
      <c r="I2053" s="517"/>
      <c r="J2053" s="517"/>
      <c r="K2053" s="516"/>
    </row>
    <row r="2054" spans="1:11" ht="13.7" customHeight="1">
      <c r="A2054" s="739" t="s">
        <v>871</v>
      </c>
      <c r="B2054" s="740"/>
      <c r="C2054" s="522" t="s">
        <v>246</v>
      </c>
      <c r="D2054" s="521">
        <v>2</v>
      </c>
      <c r="E2054" s="520"/>
      <c r="F2054" s="519"/>
      <c r="G2054" s="518" t="s">
        <v>651</v>
      </c>
      <c r="H2054" s="517"/>
      <c r="I2054" s="517"/>
      <c r="J2054" s="517"/>
      <c r="K2054" s="516"/>
    </row>
    <row r="2055" spans="1:11" ht="13.7" customHeight="1">
      <c r="A2055" s="741"/>
      <c r="B2055" s="742"/>
      <c r="C2055" s="515"/>
      <c r="D2055" s="514"/>
      <c r="E2055" s="513"/>
      <c r="F2055" s="512"/>
      <c r="G2055" s="511" t="s">
        <v>651</v>
      </c>
      <c r="H2055" s="510"/>
      <c r="I2055" s="510"/>
      <c r="J2055" s="510"/>
      <c r="K2055" s="509"/>
    </row>
    <row r="2056" spans="1:11" ht="13.7" customHeight="1">
      <c r="A2056" s="743" t="s">
        <v>1303</v>
      </c>
      <c r="B2056" s="744"/>
      <c r="C2056" s="533"/>
      <c r="D2056" s="532"/>
      <c r="E2056" s="531"/>
      <c r="F2056" s="530"/>
      <c r="G2056" s="529" t="s">
        <v>651</v>
      </c>
      <c r="H2056" s="528"/>
      <c r="I2056" s="528"/>
      <c r="J2056" s="528"/>
      <c r="K2056" s="527"/>
    </row>
    <row r="2057" spans="1:11" ht="13.7" customHeight="1">
      <c r="A2057" s="745"/>
      <c r="B2057" s="740"/>
      <c r="C2057" s="526"/>
      <c r="D2057" s="525"/>
      <c r="E2057" s="524"/>
      <c r="F2057" s="523" t="s">
        <v>651</v>
      </c>
      <c r="G2057" s="518" t="s">
        <v>651</v>
      </c>
      <c r="H2057" s="517"/>
      <c r="I2057" s="517"/>
      <c r="J2057" s="517"/>
      <c r="K2057" s="516"/>
    </row>
    <row r="2058" spans="1:11" ht="13.7" customHeight="1">
      <c r="A2058" s="739" t="s">
        <v>871</v>
      </c>
      <c r="B2058" s="740"/>
      <c r="C2058" s="522" t="s">
        <v>246</v>
      </c>
      <c r="D2058" s="521">
        <v>1</v>
      </c>
      <c r="E2058" s="520"/>
      <c r="F2058" s="519"/>
      <c r="G2058" s="518" t="s">
        <v>651</v>
      </c>
      <c r="H2058" s="517"/>
      <c r="I2058" s="517"/>
      <c r="J2058" s="517"/>
      <c r="K2058" s="516"/>
    </row>
    <row r="2059" spans="1:11" ht="13.7" customHeight="1">
      <c r="A2059" s="741"/>
      <c r="B2059" s="742"/>
      <c r="C2059" s="515"/>
      <c r="D2059" s="514"/>
      <c r="E2059" s="513"/>
      <c r="F2059" s="512"/>
      <c r="G2059" s="511" t="s">
        <v>651</v>
      </c>
      <c r="H2059" s="510"/>
      <c r="I2059" s="510"/>
      <c r="J2059" s="510"/>
      <c r="K2059" s="509"/>
    </row>
    <row r="2060" spans="1:11" ht="13.7" customHeight="1"/>
    <row r="2061" spans="1:11" ht="13.7" customHeight="1"/>
    <row r="2062" spans="1:11" ht="6.2" customHeight="1"/>
    <row r="2063" spans="1:11" ht="14.1" customHeight="1">
      <c r="A2063" s="543" t="s">
        <v>1288</v>
      </c>
      <c r="B2063" s="540" t="s">
        <v>1287</v>
      </c>
      <c r="C2063" s="540"/>
      <c r="D2063" s="540"/>
      <c r="E2063" s="540"/>
      <c r="F2063" s="540"/>
      <c r="G2063" s="542" t="s">
        <v>617</v>
      </c>
      <c r="H2063" s="541" t="s">
        <v>908</v>
      </c>
      <c r="I2063" s="540" t="s">
        <v>1007</v>
      </c>
      <c r="J2063" s="540"/>
      <c r="K2063" s="539"/>
    </row>
    <row r="2064" spans="1:11" ht="24" customHeight="1">
      <c r="A2064" s="538" t="s">
        <v>651</v>
      </c>
      <c r="B2064" s="537" t="s">
        <v>651</v>
      </c>
      <c r="C2064" s="537"/>
      <c r="D2064" s="537"/>
      <c r="E2064" s="537"/>
      <c r="F2064" s="537"/>
      <c r="G2064" s="751">
        <v>1</v>
      </c>
      <c r="H2064" s="751"/>
      <c r="I2064" s="751"/>
      <c r="J2064" s="536" t="s">
        <v>242</v>
      </c>
      <c r="K2064" s="535" t="s">
        <v>618</v>
      </c>
    </row>
    <row r="2065" spans="1:11" ht="17.100000000000001" customHeight="1">
      <c r="A2065" s="746" t="s">
        <v>1006</v>
      </c>
      <c r="B2065" s="747"/>
      <c r="C2065" s="534" t="s">
        <v>309</v>
      </c>
      <c r="D2065" s="534" t="s">
        <v>619</v>
      </c>
      <c r="E2065" s="534" t="s">
        <v>620</v>
      </c>
      <c r="F2065" s="534" t="s">
        <v>659</v>
      </c>
      <c r="G2065" s="748" t="s">
        <v>1005</v>
      </c>
      <c r="H2065" s="749"/>
      <c r="I2065" s="749"/>
      <c r="J2065" s="749"/>
      <c r="K2065" s="750"/>
    </row>
    <row r="2066" spans="1:11" ht="13.7" customHeight="1">
      <c r="A2066" s="743" t="s">
        <v>1302</v>
      </c>
      <c r="B2066" s="744"/>
      <c r="C2066" s="533"/>
      <c r="D2066" s="532"/>
      <c r="E2066" s="531"/>
      <c r="F2066" s="530"/>
      <c r="G2066" s="529" t="s">
        <v>651</v>
      </c>
      <c r="H2066" s="528"/>
      <c r="I2066" s="528"/>
      <c r="J2066" s="528"/>
      <c r="K2066" s="527"/>
    </row>
    <row r="2067" spans="1:11" ht="13.7" customHeight="1">
      <c r="A2067" s="745"/>
      <c r="B2067" s="740"/>
      <c r="C2067" s="526"/>
      <c r="D2067" s="525"/>
      <c r="E2067" s="524"/>
      <c r="F2067" s="523" t="s">
        <v>651</v>
      </c>
      <c r="G2067" s="518" t="s">
        <v>651</v>
      </c>
      <c r="H2067" s="517"/>
      <c r="I2067" s="517"/>
      <c r="J2067" s="517"/>
      <c r="K2067" s="516"/>
    </row>
    <row r="2068" spans="1:11" ht="13.7" customHeight="1">
      <c r="A2068" s="739" t="s">
        <v>871</v>
      </c>
      <c r="B2068" s="740"/>
      <c r="C2068" s="522" t="s">
        <v>236</v>
      </c>
      <c r="D2068" s="521">
        <v>2</v>
      </c>
      <c r="E2068" s="520"/>
      <c r="F2068" s="519"/>
      <c r="G2068" s="518" t="s">
        <v>651</v>
      </c>
      <c r="H2068" s="517"/>
      <c r="I2068" s="517"/>
      <c r="J2068" s="517"/>
      <c r="K2068" s="516"/>
    </row>
    <row r="2069" spans="1:11" ht="13.7" customHeight="1">
      <c r="A2069" s="741"/>
      <c r="B2069" s="742"/>
      <c r="C2069" s="515"/>
      <c r="D2069" s="514"/>
      <c r="E2069" s="513"/>
      <c r="F2069" s="512"/>
      <c r="G2069" s="511" t="s">
        <v>651</v>
      </c>
      <c r="H2069" s="510"/>
      <c r="I2069" s="510"/>
      <c r="J2069" s="510"/>
      <c r="K2069" s="509"/>
    </row>
    <row r="2070" spans="1:11" ht="13.7" customHeight="1">
      <c r="A2070" s="743" t="s">
        <v>1301</v>
      </c>
      <c r="B2070" s="744"/>
      <c r="C2070" s="533"/>
      <c r="D2070" s="532"/>
      <c r="E2070" s="531"/>
      <c r="F2070" s="530"/>
      <c r="G2070" s="529" t="s">
        <v>651</v>
      </c>
      <c r="H2070" s="528"/>
      <c r="I2070" s="528"/>
      <c r="J2070" s="528"/>
      <c r="K2070" s="527"/>
    </row>
    <row r="2071" spans="1:11" ht="13.7" customHeight="1">
      <c r="A2071" s="745"/>
      <c r="B2071" s="740"/>
      <c r="C2071" s="526"/>
      <c r="D2071" s="525"/>
      <c r="E2071" s="524"/>
      <c r="F2071" s="523" t="s">
        <v>651</v>
      </c>
      <c r="G2071" s="518" t="s">
        <v>651</v>
      </c>
      <c r="H2071" s="517"/>
      <c r="I2071" s="517"/>
      <c r="J2071" s="517"/>
      <c r="K2071" s="516"/>
    </row>
    <row r="2072" spans="1:11" ht="13.7" customHeight="1">
      <c r="A2072" s="739" t="s">
        <v>1300</v>
      </c>
      <c r="B2072" s="740"/>
      <c r="C2072" s="522" t="s">
        <v>236</v>
      </c>
      <c r="D2072" s="521">
        <v>1</v>
      </c>
      <c r="E2072" s="520"/>
      <c r="F2072" s="519"/>
      <c r="G2072" s="518" t="s">
        <v>651</v>
      </c>
      <c r="H2072" s="517"/>
      <c r="I2072" s="517"/>
      <c r="J2072" s="517"/>
      <c r="K2072" s="516"/>
    </row>
    <row r="2073" spans="1:11" ht="13.7" customHeight="1">
      <c r="A2073" s="741"/>
      <c r="B2073" s="742"/>
      <c r="C2073" s="515"/>
      <c r="D2073" s="514"/>
      <c r="E2073" s="513"/>
      <c r="F2073" s="512"/>
      <c r="G2073" s="511" t="s">
        <v>651</v>
      </c>
      <c r="H2073" s="510"/>
      <c r="I2073" s="510"/>
      <c r="J2073" s="510"/>
      <c r="K2073" s="509"/>
    </row>
    <row r="2074" spans="1:11" ht="13.7" customHeight="1">
      <c r="A2074" s="743" t="s">
        <v>1299</v>
      </c>
      <c r="B2074" s="744"/>
      <c r="C2074" s="533"/>
      <c r="D2074" s="532"/>
      <c r="E2074" s="531"/>
      <c r="F2074" s="530"/>
      <c r="G2074" s="529" t="s">
        <v>651</v>
      </c>
      <c r="H2074" s="528"/>
      <c r="I2074" s="528"/>
      <c r="J2074" s="528"/>
      <c r="K2074" s="527"/>
    </row>
    <row r="2075" spans="1:11" ht="13.7" customHeight="1">
      <c r="A2075" s="745"/>
      <c r="B2075" s="740"/>
      <c r="C2075" s="526"/>
      <c r="D2075" s="525"/>
      <c r="E2075" s="524"/>
      <c r="F2075" s="523" t="s">
        <v>651</v>
      </c>
      <c r="G2075" s="518" t="s">
        <v>651</v>
      </c>
      <c r="H2075" s="517"/>
      <c r="I2075" s="517"/>
      <c r="J2075" s="517"/>
      <c r="K2075" s="516"/>
    </row>
    <row r="2076" spans="1:11" ht="13.7" customHeight="1">
      <c r="A2076" s="739" t="s">
        <v>871</v>
      </c>
      <c r="B2076" s="740"/>
      <c r="C2076" s="522" t="s">
        <v>281</v>
      </c>
      <c r="D2076" s="521">
        <v>2</v>
      </c>
      <c r="E2076" s="520"/>
      <c r="F2076" s="519"/>
      <c r="G2076" s="518" t="s">
        <v>651</v>
      </c>
      <c r="H2076" s="517"/>
      <c r="I2076" s="517"/>
      <c r="J2076" s="517"/>
      <c r="K2076" s="516"/>
    </row>
    <row r="2077" spans="1:11" ht="13.7" customHeight="1">
      <c r="A2077" s="741"/>
      <c r="B2077" s="742"/>
      <c r="C2077" s="515"/>
      <c r="D2077" s="514"/>
      <c r="E2077" s="513"/>
      <c r="F2077" s="512"/>
      <c r="G2077" s="511" t="s">
        <v>651</v>
      </c>
      <c r="H2077" s="510"/>
      <c r="I2077" s="510"/>
      <c r="J2077" s="510"/>
      <c r="K2077" s="509"/>
    </row>
    <row r="2078" spans="1:11" ht="13.7" customHeight="1">
      <c r="A2078" s="743" t="s">
        <v>1235</v>
      </c>
      <c r="B2078" s="744"/>
      <c r="C2078" s="533"/>
      <c r="D2078" s="532"/>
      <c r="E2078" s="531"/>
      <c r="F2078" s="530"/>
      <c r="G2078" s="529" t="s">
        <v>651</v>
      </c>
      <c r="H2078" s="528"/>
      <c r="I2078" s="528"/>
      <c r="J2078" s="528"/>
      <c r="K2078" s="527"/>
    </row>
    <row r="2079" spans="1:11" ht="13.7" customHeight="1">
      <c r="A2079" s="745"/>
      <c r="B2079" s="740"/>
      <c r="C2079" s="526"/>
      <c r="D2079" s="525"/>
      <c r="E2079" s="524"/>
      <c r="F2079" s="523" t="s">
        <v>651</v>
      </c>
      <c r="G2079" s="518" t="s">
        <v>651</v>
      </c>
      <c r="H2079" s="517"/>
      <c r="I2079" s="517"/>
      <c r="J2079" s="517"/>
      <c r="K2079" s="516"/>
    </row>
    <row r="2080" spans="1:11" ht="13.7" customHeight="1">
      <c r="A2080" s="739" t="s">
        <v>651</v>
      </c>
      <c r="B2080" s="740"/>
      <c r="C2080" s="522" t="s">
        <v>236</v>
      </c>
      <c r="D2080" s="521">
        <v>20</v>
      </c>
      <c r="E2080" s="520"/>
      <c r="F2080" s="519"/>
      <c r="G2080" s="518" t="s">
        <v>651</v>
      </c>
      <c r="H2080" s="517"/>
      <c r="I2080" s="517"/>
      <c r="J2080" s="517"/>
      <c r="K2080" s="516"/>
    </row>
    <row r="2081" spans="1:11" ht="13.7" customHeight="1">
      <c r="A2081" s="741"/>
      <c r="B2081" s="742"/>
      <c r="C2081" s="515"/>
      <c r="D2081" s="514"/>
      <c r="E2081" s="513"/>
      <c r="F2081" s="512"/>
      <c r="G2081" s="511" t="s">
        <v>651</v>
      </c>
      <c r="H2081" s="510"/>
      <c r="I2081" s="510"/>
      <c r="J2081" s="510"/>
      <c r="K2081" s="509"/>
    </row>
    <row r="2082" spans="1:11" ht="13.7" customHeight="1">
      <c r="A2082" s="743" t="s">
        <v>1233</v>
      </c>
      <c r="B2082" s="744"/>
      <c r="C2082" s="533"/>
      <c r="D2082" s="532"/>
      <c r="E2082" s="531"/>
      <c r="F2082" s="530"/>
      <c r="G2082" s="529" t="s">
        <v>651</v>
      </c>
      <c r="H2082" s="528"/>
      <c r="I2082" s="528"/>
      <c r="J2082" s="528"/>
      <c r="K2082" s="527"/>
    </row>
    <row r="2083" spans="1:11" ht="13.7" customHeight="1">
      <c r="A2083" s="745"/>
      <c r="B2083" s="740"/>
      <c r="C2083" s="526"/>
      <c r="D2083" s="525"/>
      <c r="E2083" s="524"/>
      <c r="F2083" s="523" t="s">
        <v>651</v>
      </c>
      <c r="G2083" s="518" t="s">
        <v>651</v>
      </c>
      <c r="H2083" s="517"/>
      <c r="I2083" s="517"/>
      <c r="J2083" s="517"/>
      <c r="K2083" s="516"/>
    </row>
    <row r="2084" spans="1:11" ht="13.7" customHeight="1">
      <c r="A2084" s="739" t="s">
        <v>871</v>
      </c>
      <c r="B2084" s="740"/>
      <c r="C2084" s="522" t="s">
        <v>246</v>
      </c>
      <c r="D2084" s="521">
        <v>4</v>
      </c>
      <c r="E2084" s="520"/>
      <c r="F2084" s="519"/>
      <c r="G2084" s="518" t="s">
        <v>651</v>
      </c>
      <c r="H2084" s="517"/>
      <c r="I2084" s="517"/>
      <c r="J2084" s="517"/>
      <c r="K2084" s="516"/>
    </row>
    <row r="2085" spans="1:11" ht="13.7" customHeight="1">
      <c r="A2085" s="741"/>
      <c r="B2085" s="742"/>
      <c r="C2085" s="515"/>
      <c r="D2085" s="514"/>
      <c r="E2085" s="513"/>
      <c r="F2085" s="512"/>
      <c r="G2085" s="511" t="s">
        <v>651</v>
      </c>
      <c r="H2085" s="510"/>
      <c r="I2085" s="510"/>
      <c r="J2085" s="510"/>
      <c r="K2085" s="509"/>
    </row>
    <row r="2086" spans="1:11" ht="13.7" customHeight="1">
      <c r="A2086" s="743" t="s">
        <v>1298</v>
      </c>
      <c r="B2086" s="744"/>
      <c r="C2086" s="533"/>
      <c r="D2086" s="532"/>
      <c r="E2086" s="531"/>
      <c r="F2086" s="530"/>
      <c r="G2086" s="529" t="s">
        <v>651</v>
      </c>
      <c r="H2086" s="528"/>
      <c r="I2086" s="528"/>
      <c r="J2086" s="528"/>
      <c r="K2086" s="527"/>
    </row>
    <row r="2087" spans="1:11" ht="13.7" customHeight="1">
      <c r="A2087" s="745"/>
      <c r="B2087" s="740"/>
      <c r="C2087" s="526"/>
      <c r="D2087" s="525"/>
      <c r="E2087" s="524"/>
      <c r="F2087" s="523" t="s">
        <v>651</v>
      </c>
      <c r="G2087" s="518" t="s">
        <v>651</v>
      </c>
      <c r="H2087" s="517"/>
      <c r="I2087" s="517"/>
      <c r="J2087" s="517"/>
      <c r="K2087" s="516"/>
    </row>
    <row r="2088" spans="1:11" ht="13.7" customHeight="1">
      <c r="A2088" s="739" t="s">
        <v>1297</v>
      </c>
      <c r="B2088" s="740"/>
      <c r="C2088" s="522" t="s">
        <v>234</v>
      </c>
      <c r="D2088" s="521">
        <v>1</v>
      </c>
      <c r="E2088" s="520"/>
      <c r="F2088" s="519"/>
      <c r="G2088" s="518" t="s">
        <v>651</v>
      </c>
      <c r="H2088" s="517"/>
      <c r="I2088" s="517"/>
      <c r="J2088" s="517"/>
      <c r="K2088" s="516"/>
    </row>
    <row r="2089" spans="1:11" ht="13.7" customHeight="1">
      <c r="A2089" s="741"/>
      <c r="B2089" s="742"/>
      <c r="C2089" s="515"/>
      <c r="D2089" s="514"/>
      <c r="E2089" s="513"/>
      <c r="F2089" s="512"/>
      <c r="G2089" s="511" t="s">
        <v>651</v>
      </c>
      <c r="H2089" s="510"/>
      <c r="I2089" s="510"/>
      <c r="J2089" s="510"/>
      <c r="K2089" s="509"/>
    </row>
    <row r="2090" spans="1:11" ht="13.7" customHeight="1">
      <c r="A2090" s="743" t="s">
        <v>1230</v>
      </c>
      <c r="B2090" s="744"/>
      <c r="C2090" s="533"/>
      <c r="D2090" s="532"/>
      <c r="E2090" s="531"/>
      <c r="F2090" s="530"/>
      <c r="G2090" s="529" t="s">
        <v>651</v>
      </c>
      <c r="H2090" s="528"/>
      <c r="I2090" s="528"/>
      <c r="J2090" s="528"/>
      <c r="K2090" s="527"/>
    </row>
    <row r="2091" spans="1:11" ht="13.7" customHeight="1">
      <c r="A2091" s="745"/>
      <c r="B2091" s="740"/>
      <c r="C2091" s="526"/>
      <c r="D2091" s="525"/>
      <c r="E2091" s="524"/>
      <c r="F2091" s="523" t="s">
        <v>651</v>
      </c>
      <c r="G2091" s="518" t="s">
        <v>651</v>
      </c>
      <c r="H2091" s="517"/>
      <c r="I2091" s="517"/>
      <c r="J2091" s="517"/>
      <c r="K2091" s="516"/>
    </row>
    <row r="2092" spans="1:11" ht="13.7" customHeight="1">
      <c r="A2092" s="739" t="s">
        <v>871</v>
      </c>
      <c r="B2092" s="740"/>
      <c r="C2092" s="522" t="s">
        <v>246</v>
      </c>
      <c r="D2092" s="521">
        <v>8</v>
      </c>
      <c r="E2092" s="520"/>
      <c r="F2092" s="519"/>
      <c r="G2092" s="518" t="s">
        <v>651</v>
      </c>
      <c r="H2092" s="517"/>
      <c r="I2092" s="517"/>
      <c r="J2092" s="517"/>
      <c r="K2092" s="516"/>
    </row>
    <row r="2093" spans="1:11" ht="13.7" customHeight="1">
      <c r="A2093" s="741"/>
      <c r="B2093" s="742"/>
      <c r="C2093" s="515"/>
      <c r="D2093" s="514"/>
      <c r="E2093" s="513"/>
      <c r="F2093" s="512"/>
      <c r="G2093" s="511" t="s">
        <v>651</v>
      </c>
      <c r="H2093" s="510"/>
      <c r="I2093" s="510"/>
      <c r="J2093" s="510"/>
      <c r="K2093" s="509"/>
    </row>
    <row r="2094" spans="1:11" ht="13.7" customHeight="1">
      <c r="A2094" s="743" t="s">
        <v>1296</v>
      </c>
      <c r="B2094" s="744"/>
      <c r="C2094" s="533"/>
      <c r="D2094" s="532"/>
      <c r="E2094" s="531"/>
      <c r="F2094" s="530"/>
      <c r="G2094" s="529" t="s">
        <v>651</v>
      </c>
      <c r="H2094" s="528"/>
      <c r="I2094" s="528"/>
      <c r="J2094" s="528"/>
      <c r="K2094" s="527"/>
    </row>
    <row r="2095" spans="1:11" ht="13.7" customHeight="1">
      <c r="A2095" s="745"/>
      <c r="B2095" s="740"/>
      <c r="C2095" s="526"/>
      <c r="D2095" s="525"/>
      <c r="E2095" s="524"/>
      <c r="F2095" s="523" t="s">
        <v>651</v>
      </c>
      <c r="G2095" s="518" t="s">
        <v>651</v>
      </c>
      <c r="H2095" s="517"/>
      <c r="I2095" s="517"/>
      <c r="J2095" s="517"/>
      <c r="K2095" s="516"/>
    </row>
    <row r="2096" spans="1:11" ht="13.7" customHeight="1">
      <c r="A2096" s="739" t="s">
        <v>1295</v>
      </c>
      <c r="B2096" s="740"/>
      <c r="C2096" s="522" t="s">
        <v>246</v>
      </c>
      <c r="D2096" s="521">
        <v>1</v>
      </c>
      <c r="E2096" s="520"/>
      <c r="F2096" s="519"/>
      <c r="G2096" s="518" t="s">
        <v>651</v>
      </c>
      <c r="H2096" s="517"/>
      <c r="I2096" s="517"/>
      <c r="J2096" s="517"/>
      <c r="K2096" s="516"/>
    </row>
    <row r="2097" spans="1:11" ht="13.7" customHeight="1">
      <c r="A2097" s="741"/>
      <c r="B2097" s="742"/>
      <c r="C2097" s="515"/>
      <c r="D2097" s="514"/>
      <c r="E2097" s="513"/>
      <c r="F2097" s="512"/>
      <c r="G2097" s="511" t="s">
        <v>651</v>
      </c>
      <c r="H2097" s="510"/>
      <c r="I2097" s="510"/>
      <c r="J2097" s="510"/>
      <c r="K2097" s="509"/>
    </row>
    <row r="2098" spans="1:11" ht="13.7" customHeight="1"/>
    <row r="2099" spans="1:11" ht="13.7" customHeight="1"/>
    <row r="2100" spans="1:11" ht="6.2" customHeight="1"/>
    <row r="2101" spans="1:11" ht="14.1" customHeight="1">
      <c r="A2101" s="543" t="s">
        <v>1288</v>
      </c>
      <c r="B2101" s="540" t="s">
        <v>1287</v>
      </c>
      <c r="C2101" s="540"/>
      <c r="D2101" s="540"/>
      <c r="E2101" s="540"/>
      <c r="F2101" s="540"/>
      <c r="G2101" s="542" t="s">
        <v>617</v>
      </c>
      <c r="H2101" s="541" t="s">
        <v>908</v>
      </c>
      <c r="I2101" s="540" t="s">
        <v>1007</v>
      </c>
      <c r="J2101" s="540"/>
      <c r="K2101" s="539"/>
    </row>
    <row r="2102" spans="1:11" ht="24" customHeight="1">
      <c r="A2102" s="538" t="s">
        <v>651</v>
      </c>
      <c r="B2102" s="537" t="s">
        <v>651</v>
      </c>
      <c r="C2102" s="537"/>
      <c r="D2102" s="537"/>
      <c r="E2102" s="537"/>
      <c r="F2102" s="537"/>
      <c r="G2102" s="751">
        <v>1</v>
      </c>
      <c r="H2102" s="751"/>
      <c r="I2102" s="751"/>
      <c r="J2102" s="536" t="s">
        <v>242</v>
      </c>
      <c r="K2102" s="535" t="s">
        <v>618</v>
      </c>
    </row>
    <row r="2103" spans="1:11" ht="17.100000000000001" customHeight="1">
      <c r="A2103" s="746" t="s">
        <v>1006</v>
      </c>
      <c r="B2103" s="747"/>
      <c r="C2103" s="534" t="s">
        <v>309</v>
      </c>
      <c r="D2103" s="534" t="s">
        <v>619</v>
      </c>
      <c r="E2103" s="534" t="s">
        <v>620</v>
      </c>
      <c r="F2103" s="534" t="s">
        <v>659</v>
      </c>
      <c r="G2103" s="748" t="s">
        <v>1005</v>
      </c>
      <c r="H2103" s="749"/>
      <c r="I2103" s="749"/>
      <c r="J2103" s="749"/>
      <c r="K2103" s="750"/>
    </row>
    <row r="2104" spans="1:11" ht="13.7" customHeight="1">
      <c r="A2104" s="743" t="s">
        <v>1294</v>
      </c>
      <c r="B2104" s="744"/>
      <c r="C2104" s="533"/>
      <c r="D2104" s="532"/>
      <c r="E2104" s="531"/>
      <c r="F2104" s="530"/>
      <c r="G2104" s="529" t="s">
        <v>651</v>
      </c>
      <c r="H2104" s="528"/>
      <c r="I2104" s="528"/>
      <c r="J2104" s="528"/>
      <c r="K2104" s="527"/>
    </row>
    <row r="2105" spans="1:11" ht="13.7" customHeight="1">
      <c r="A2105" s="745"/>
      <c r="B2105" s="740"/>
      <c r="C2105" s="526"/>
      <c r="D2105" s="525"/>
      <c r="E2105" s="524"/>
      <c r="F2105" s="523" t="s">
        <v>651</v>
      </c>
      <c r="G2105" s="518" t="s">
        <v>651</v>
      </c>
      <c r="H2105" s="517"/>
      <c r="I2105" s="517"/>
      <c r="J2105" s="517"/>
      <c r="K2105" s="516"/>
    </row>
    <row r="2106" spans="1:11" ht="13.7" customHeight="1">
      <c r="A2106" s="739" t="s">
        <v>1293</v>
      </c>
      <c r="B2106" s="740"/>
      <c r="C2106" s="522" t="s">
        <v>246</v>
      </c>
      <c r="D2106" s="521">
        <v>1</v>
      </c>
      <c r="E2106" s="520"/>
      <c r="F2106" s="519"/>
      <c r="G2106" s="518" t="s">
        <v>651</v>
      </c>
      <c r="H2106" s="517"/>
      <c r="I2106" s="517"/>
      <c r="J2106" s="517"/>
      <c r="K2106" s="516"/>
    </row>
    <row r="2107" spans="1:11" ht="13.7" customHeight="1">
      <c r="A2107" s="741"/>
      <c r="B2107" s="742"/>
      <c r="C2107" s="515"/>
      <c r="D2107" s="514"/>
      <c r="E2107" s="513"/>
      <c r="F2107" s="512"/>
      <c r="G2107" s="511" t="s">
        <v>651</v>
      </c>
      <c r="H2107" s="510"/>
      <c r="I2107" s="510"/>
      <c r="J2107" s="510"/>
      <c r="K2107" s="509"/>
    </row>
    <row r="2108" spans="1:11" ht="13.7" customHeight="1">
      <c r="A2108" s="743" t="s">
        <v>1080</v>
      </c>
      <c r="B2108" s="744"/>
      <c r="C2108" s="533"/>
      <c r="D2108" s="532"/>
      <c r="E2108" s="531"/>
      <c r="F2108" s="530"/>
      <c r="G2108" s="529" t="s">
        <v>651</v>
      </c>
      <c r="H2108" s="528"/>
      <c r="I2108" s="528"/>
      <c r="J2108" s="528"/>
      <c r="K2108" s="527"/>
    </row>
    <row r="2109" spans="1:11" ht="13.7" customHeight="1">
      <c r="A2109" s="745"/>
      <c r="B2109" s="740"/>
      <c r="C2109" s="526"/>
      <c r="D2109" s="525"/>
      <c r="E2109" s="524"/>
      <c r="F2109" s="523" t="s">
        <v>651</v>
      </c>
      <c r="G2109" s="518" t="s">
        <v>651</v>
      </c>
      <c r="H2109" s="517"/>
      <c r="I2109" s="517"/>
      <c r="J2109" s="517"/>
      <c r="K2109" s="516"/>
    </row>
    <row r="2110" spans="1:11" ht="13.7" customHeight="1">
      <c r="A2110" s="739" t="s">
        <v>1292</v>
      </c>
      <c r="B2110" s="740"/>
      <c r="C2110" s="522" t="s">
        <v>246</v>
      </c>
      <c r="D2110" s="521">
        <v>1</v>
      </c>
      <c r="E2110" s="520"/>
      <c r="F2110" s="519"/>
      <c r="G2110" s="518" t="s">
        <v>651</v>
      </c>
      <c r="H2110" s="517"/>
      <c r="I2110" s="517"/>
      <c r="J2110" s="517"/>
      <c r="K2110" s="516"/>
    </row>
    <row r="2111" spans="1:11" ht="13.7" customHeight="1">
      <c r="A2111" s="741"/>
      <c r="B2111" s="742"/>
      <c r="C2111" s="515"/>
      <c r="D2111" s="514"/>
      <c r="E2111" s="513"/>
      <c r="F2111" s="512"/>
      <c r="G2111" s="511" t="s">
        <v>651</v>
      </c>
      <c r="H2111" s="510"/>
      <c r="I2111" s="510"/>
      <c r="J2111" s="510"/>
      <c r="K2111" s="509"/>
    </row>
    <row r="2112" spans="1:11" ht="13.7" customHeight="1">
      <c r="A2112" s="743" t="s">
        <v>1080</v>
      </c>
      <c r="B2112" s="744"/>
      <c r="C2112" s="533"/>
      <c r="D2112" s="532"/>
      <c r="E2112" s="531"/>
      <c r="F2112" s="530"/>
      <c r="G2112" s="529" t="s">
        <v>651</v>
      </c>
      <c r="H2112" s="528"/>
      <c r="I2112" s="528"/>
      <c r="J2112" s="528"/>
      <c r="K2112" s="527"/>
    </row>
    <row r="2113" spans="1:11" ht="13.7" customHeight="1">
      <c r="A2113" s="745"/>
      <c r="B2113" s="740"/>
      <c r="C2113" s="526"/>
      <c r="D2113" s="525"/>
      <c r="E2113" s="524"/>
      <c r="F2113" s="523" t="s">
        <v>651</v>
      </c>
      <c r="G2113" s="518" t="s">
        <v>651</v>
      </c>
      <c r="H2113" s="517"/>
      <c r="I2113" s="517"/>
      <c r="J2113" s="517"/>
      <c r="K2113" s="516"/>
    </row>
    <row r="2114" spans="1:11" ht="13.7" customHeight="1">
      <c r="A2114" s="739" t="s">
        <v>1291</v>
      </c>
      <c r="B2114" s="740"/>
      <c r="C2114" s="522" t="s">
        <v>246</v>
      </c>
      <c r="D2114" s="521">
        <v>3</v>
      </c>
      <c r="E2114" s="520"/>
      <c r="F2114" s="519"/>
      <c r="G2114" s="518" t="s">
        <v>651</v>
      </c>
      <c r="H2114" s="517"/>
      <c r="I2114" s="517"/>
      <c r="J2114" s="517"/>
      <c r="K2114" s="516"/>
    </row>
    <row r="2115" spans="1:11" ht="13.7" customHeight="1">
      <c r="A2115" s="741"/>
      <c r="B2115" s="742"/>
      <c r="C2115" s="515"/>
      <c r="D2115" s="514"/>
      <c r="E2115" s="513"/>
      <c r="F2115" s="512"/>
      <c r="G2115" s="511" t="s">
        <v>651</v>
      </c>
      <c r="H2115" s="510"/>
      <c r="I2115" s="510"/>
      <c r="J2115" s="510"/>
      <c r="K2115" s="509"/>
    </row>
    <row r="2116" spans="1:11" ht="13.7" customHeight="1">
      <c r="A2116" s="743" t="s">
        <v>1080</v>
      </c>
      <c r="B2116" s="744"/>
      <c r="C2116" s="533"/>
      <c r="D2116" s="532"/>
      <c r="E2116" s="531"/>
      <c r="F2116" s="530"/>
      <c r="G2116" s="529" t="s">
        <v>651</v>
      </c>
      <c r="H2116" s="528"/>
      <c r="I2116" s="528"/>
      <c r="J2116" s="528"/>
      <c r="K2116" s="527"/>
    </row>
    <row r="2117" spans="1:11" ht="13.7" customHeight="1">
      <c r="A2117" s="745"/>
      <c r="B2117" s="740"/>
      <c r="C2117" s="526"/>
      <c r="D2117" s="525"/>
      <c r="E2117" s="524"/>
      <c r="F2117" s="523" t="s">
        <v>651</v>
      </c>
      <c r="G2117" s="518" t="s">
        <v>651</v>
      </c>
      <c r="H2117" s="517"/>
      <c r="I2117" s="517"/>
      <c r="J2117" s="517"/>
      <c r="K2117" s="516"/>
    </row>
    <row r="2118" spans="1:11" ht="13.7" customHeight="1">
      <c r="A2118" s="739" t="s">
        <v>1290</v>
      </c>
      <c r="B2118" s="740"/>
      <c r="C2118" s="522" t="s">
        <v>246</v>
      </c>
      <c r="D2118" s="521">
        <v>1</v>
      </c>
      <c r="E2118" s="520"/>
      <c r="F2118" s="519"/>
      <c r="G2118" s="518" t="s">
        <v>651</v>
      </c>
      <c r="H2118" s="517"/>
      <c r="I2118" s="517"/>
      <c r="J2118" s="517"/>
      <c r="K2118" s="516"/>
    </row>
    <row r="2119" spans="1:11" ht="13.7" customHeight="1">
      <c r="A2119" s="741"/>
      <c r="B2119" s="742"/>
      <c r="C2119" s="515"/>
      <c r="D2119" s="514"/>
      <c r="E2119" s="513"/>
      <c r="F2119" s="512"/>
      <c r="G2119" s="511" t="s">
        <v>651</v>
      </c>
      <c r="H2119" s="510"/>
      <c r="I2119" s="510"/>
      <c r="J2119" s="510"/>
      <c r="K2119" s="509"/>
    </row>
    <row r="2120" spans="1:11" ht="13.7" customHeight="1">
      <c r="A2120" s="743" t="s">
        <v>1080</v>
      </c>
      <c r="B2120" s="744"/>
      <c r="C2120" s="533"/>
      <c r="D2120" s="532"/>
      <c r="E2120" s="531"/>
      <c r="F2120" s="530"/>
      <c r="G2120" s="529" t="s">
        <v>651</v>
      </c>
      <c r="H2120" s="528"/>
      <c r="I2120" s="528"/>
      <c r="J2120" s="528"/>
      <c r="K2120" s="527"/>
    </row>
    <row r="2121" spans="1:11" ht="13.7" customHeight="1">
      <c r="A2121" s="745"/>
      <c r="B2121" s="740"/>
      <c r="C2121" s="526"/>
      <c r="D2121" s="525"/>
      <c r="E2121" s="524"/>
      <c r="F2121" s="523" t="s">
        <v>651</v>
      </c>
      <c r="G2121" s="518" t="s">
        <v>651</v>
      </c>
      <c r="H2121" s="517"/>
      <c r="I2121" s="517"/>
      <c r="J2121" s="517"/>
      <c r="K2121" s="516"/>
    </row>
    <row r="2122" spans="1:11" ht="13.7" customHeight="1">
      <c r="A2122" s="739" t="s">
        <v>1289</v>
      </c>
      <c r="B2122" s="740"/>
      <c r="C2122" s="522" t="s">
        <v>246</v>
      </c>
      <c r="D2122" s="521">
        <v>1</v>
      </c>
      <c r="E2122" s="520"/>
      <c r="F2122" s="519"/>
      <c r="G2122" s="518" t="s">
        <v>651</v>
      </c>
      <c r="H2122" s="517"/>
      <c r="I2122" s="517"/>
      <c r="J2122" s="517"/>
      <c r="K2122" s="516"/>
    </row>
    <row r="2123" spans="1:11" ht="13.7" customHeight="1">
      <c r="A2123" s="741"/>
      <c r="B2123" s="742"/>
      <c r="C2123" s="515"/>
      <c r="D2123" s="514"/>
      <c r="E2123" s="513"/>
      <c r="F2123" s="512"/>
      <c r="G2123" s="511" t="s">
        <v>651</v>
      </c>
      <c r="H2123" s="510"/>
      <c r="I2123" s="510"/>
      <c r="J2123" s="510"/>
      <c r="K2123" s="509"/>
    </row>
    <row r="2124" spans="1:11" ht="13.7" customHeight="1">
      <c r="A2124" s="743" t="s">
        <v>1078</v>
      </c>
      <c r="B2124" s="744"/>
      <c r="C2124" s="533"/>
      <c r="D2124" s="532"/>
      <c r="E2124" s="531"/>
      <c r="F2124" s="530"/>
      <c r="G2124" s="529" t="s">
        <v>651</v>
      </c>
      <c r="H2124" s="528"/>
      <c r="I2124" s="528"/>
      <c r="J2124" s="528"/>
      <c r="K2124" s="527"/>
    </row>
    <row r="2125" spans="1:11" ht="13.7" customHeight="1">
      <c r="A2125" s="745"/>
      <c r="B2125" s="740"/>
      <c r="C2125" s="526"/>
      <c r="D2125" s="525"/>
      <c r="E2125" s="524"/>
      <c r="F2125" s="523" t="s">
        <v>651</v>
      </c>
      <c r="G2125" s="518" t="s">
        <v>651</v>
      </c>
      <c r="H2125" s="517"/>
      <c r="I2125" s="517"/>
      <c r="J2125" s="517"/>
      <c r="K2125" s="516"/>
    </row>
    <row r="2126" spans="1:11" ht="13.7" customHeight="1">
      <c r="A2126" s="739" t="s">
        <v>1077</v>
      </c>
      <c r="B2126" s="740"/>
      <c r="C2126" s="522" t="s">
        <v>237</v>
      </c>
      <c r="D2126" s="521">
        <v>1</v>
      </c>
      <c r="E2126" s="520"/>
      <c r="F2126" s="519"/>
      <c r="G2126" s="518" t="s">
        <v>651</v>
      </c>
      <c r="H2126" s="517"/>
      <c r="I2126" s="517"/>
      <c r="J2126" s="517"/>
      <c r="K2126" s="516"/>
    </row>
    <row r="2127" spans="1:11" ht="13.7" customHeight="1">
      <c r="A2127" s="741"/>
      <c r="B2127" s="742"/>
      <c r="C2127" s="515"/>
      <c r="D2127" s="514"/>
      <c r="E2127" s="513"/>
      <c r="F2127" s="512"/>
      <c r="G2127" s="511" t="s">
        <v>651</v>
      </c>
      <c r="H2127" s="510"/>
      <c r="I2127" s="510"/>
      <c r="J2127" s="510"/>
      <c r="K2127" s="509"/>
    </row>
    <row r="2128" spans="1:11" ht="13.7" customHeight="1">
      <c r="A2128" s="743" t="s">
        <v>1076</v>
      </c>
      <c r="B2128" s="744"/>
      <c r="C2128" s="533"/>
      <c r="D2128" s="532"/>
      <c r="E2128" s="531"/>
      <c r="F2128" s="530"/>
      <c r="G2128" s="529" t="s">
        <v>651</v>
      </c>
      <c r="H2128" s="528"/>
      <c r="I2128" s="528"/>
      <c r="J2128" s="528"/>
      <c r="K2128" s="527"/>
    </row>
    <row r="2129" spans="1:11" ht="13.7" customHeight="1">
      <c r="A2129" s="745"/>
      <c r="B2129" s="740"/>
      <c r="C2129" s="526"/>
      <c r="D2129" s="525"/>
      <c r="E2129" s="524"/>
      <c r="F2129" s="523" t="s">
        <v>651</v>
      </c>
      <c r="G2129" s="518" t="s">
        <v>651</v>
      </c>
      <c r="H2129" s="517"/>
      <c r="I2129" s="517"/>
      <c r="J2129" s="517"/>
      <c r="K2129" s="516"/>
    </row>
    <row r="2130" spans="1:11" ht="13.7" customHeight="1">
      <c r="A2130" s="739" t="s">
        <v>651</v>
      </c>
      <c r="B2130" s="740"/>
      <c r="C2130" s="522" t="s">
        <v>1075</v>
      </c>
      <c r="D2130" s="521">
        <v>1</v>
      </c>
      <c r="E2130" s="520"/>
      <c r="F2130" s="519"/>
      <c r="G2130" s="518" t="s">
        <v>651</v>
      </c>
      <c r="H2130" s="517"/>
      <c r="I2130" s="517"/>
      <c r="J2130" s="517"/>
      <c r="K2130" s="516"/>
    </row>
    <row r="2131" spans="1:11" ht="13.7" customHeight="1">
      <c r="A2131" s="741"/>
      <c r="B2131" s="742"/>
      <c r="C2131" s="515"/>
      <c r="D2131" s="514"/>
      <c r="E2131" s="513"/>
      <c r="F2131" s="512"/>
      <c r="G2131" s="511" t="s">
        <v>651</v>
      </c>
      <c r="H2131" s="510"/>
      <c r="I2131" s="510"/>
      <c r="J2131" s="510"/>
      <c r="K2131" s="509"/>
    </row>
    <row r="2132" spans="1:11" ht="13.7" customHeight="1">
      <c r="A2132" s="743" t="s">
        <v>1074</v>
      </c>
      <c r="B2132" s="744"/>
      <c r="C2132" s="533"/>
      <c r="D2132" s="532"/>
      <c r="E2132" s="531"/>
      <c r="F2132" s="530"/>
      <c r="G2132" s="529" t="s">
        <v>651</v>
      </c>
      <c r="H2132" s="528"/>
      <c r="I2132" s="528"/>
      <c r="J2132" s="528"/>
      <c r="K2132" s="527"/>
    </row>
    <row r="2133" spans="1:11" ht="13.7" customHeight="1">
      <c r="A2133" s="745"/>
      <c r="B2133" s="740"/>
      <c r="C2133" s="526"/>
      <c r="D2133" s="525"/>
      <c r="E2133" s="524"/>
      <c r="F2133" s="523" t="s">
        <v>651</v>
      </c>
      <c r="G2133" s="518" t="s">
        <v>651</v>
      </c>
      <c r="H2133" s="517"/>
      <c r="I2133" s="517"/>
      <c r="J2133" s="517"/>
      <c r="K2133" s="516"/>
    </row>
    <row r="2134" spans="1:11" ht="13.7" customHeight="1">
      <c r="A2134" s="739" t="s">
        <v>651</v>
      </c>
      <c r="B2134" s="740"/>
      <c r="C2134" s="522" t="s">
        <v>246</v>
      </c>
      <c r="D2134" s="521">
        <v>1</v>
      </c>
      <c r="E2134" s="520"/>
      <c r="F2134" s="519"/>
      <c r="G2134" s="518" t="s">
        <v>651</v>
      </c>
      <c r="H2134" s="517"/>
      <c r="I2134" s="517"/>
      <c r="J2134" s="517"/>
      <c r="K2134" s="516"/>
    </row>
    <row r="2135" spans="1:11" ht="13.7" customHeight="1">
      <c r="A2135" s="741"/>
      <c r="B2135" s="742"/>
      <c r="C2135" s="515"/>
      <c r="D2135" s="514"/>
      <c r="E2135" s="513"/>
      <c r="F2135" s="512"/>
      <c r="G2135" s="511" t="s">
        <v>651</v>
      </c>
      <c r="H2135" s="510"/>
      <c r="I2135" s="510"/>
      <c r="J2135" s="510"/>
      <c r="K2135" s="509"/>
    </row>
    <row r="2136" spans="1:11" ht="13.7" customHeight="1"/>
    <row r="2137" spans="1:11" ht="13.7" customHeight="1"/>
    <row r="2138" spans="1:11" ht="6.2" customHeight="1"/>
    <row r="2139" spans="1:11" ht="14.1" customHeight="1">
      <c r="A2139" s="543" t="s">
        <v>1288</v>
      </c>
      <c r="B2139" s="540" t="s">
        <v>1287</v>
      </c>
      <c r="C2139" s="540"/>
      <c r="D2139" s="540"/>
      <c r="E2139" s="540"/>
      <c r="F2139" s="540"/>
      <c r="G2139" s="542" t="s">
        <v>617</v>
      </c>
      <c r="H2139" s="541" t="s">
        <v>908</v>
      </c>
      <c r="I2139" s="540" t="s">
        <v>1007</v>
      </c>
      <c r="J2139" s="540"/>
      <c r="K2139" s="539"/>
    </row>
    <row r="2140" spans="1:11" ht="24" customHeight="1">
      <c r="A2140" s="538" t="s">
        <v>651</v>
      </c>
      <c r="B2140" s="537" t="s">
        <v>651</v>
      </c>
      <c r="C2140" s="537"/>
      <c r="D2140" s="537"/>
      <c r="E2140" s="537"/>
      <c r="F2140" s="537"/>
      <c r="G2140" s="751">
        <v>1</v>
      </c>
      <c r="H2140" s="751"/>
      <c r="I2140" s="751"/>
      <c r="J2140" s="536" t="s">
        <v>242</v>
      </c>
      <c r="K2140" s="535" t="s">
        <v>618</v>
      </c>
    </row>
    <row r="2141" spans="1:11" ht="17.100000000000001" customHeight="1">
      <c r="A2141" s="746" t="s">
        <v>1006</v>
      </c>
      <c r="B2141" s="747"/>
      <c r="C2141" s="534" t="s">
        <v>309</v>
      </c>
      <c r="D2141" s="534" t="s">
        <v>619</v>
      </c>
      <c r="E2141" s="534" t="s">
        <v>620</v>
      </c>
      <c r="F2141" s="534" t="s">
        <v>659</v>
      </c>
      <c r="G2141" s="748" t="s">
        <v>1005</v>
      </c>
      <c r="H2141" s="749"/>
      <c r="I2141" s="749"/>
      <c r="J2141" s="749"/>
      <c r="K2141" s="750"/>
    </row>
    <row r="2142" spans="1:11" ht="13.7" customHeight="1">
      <c r="A2142" s="743" t="s">
        <v>1128</v>
      </c>
      <c r="B2142" s="744"/>
      <c r="C2142" s="533"/>
      <c r="D2142" s="532"/>
      <c r="E2142" s="531"/>
      <c r="F2142" s="530"/>
      <c r="G2142" s="529" t="s">
        <v>651</v>
      </c>
      <c r="H2142" s="528"/>
      <c r="I2142" s="528"/>
      <c r="J2142" s="528"/>
      <c r="K2142" s="527"/>
    </row>
    <row r="2143" spans="1:11" ht="13.7" customHeight="1">
      <c r="A2143" s="745"/>
      <c r="B2143" s="740"/>
      <c r="C2143" s="526"/>
      <c r="D2143" s="525"/>
      <c r="E2143" s="524"/>
      <c r="F2143" s="523" t="s">
        <v>651</v>
      </c>
      <c r="G2143" s="518" t="s">
        <v>651</v>
      </c>
      <c r="H2143" s="517"/>
      <c r="I2143" s="517"/>
      <c r="J2143" s="517"/>
      <c r="K2143" s="516"/>
    </row>
    <row r="2144" spans="1:11" ht="13.7" customHeight="1">
      <c r="A2144" s="739" t="s">
        <v>651</v>
      </c>
      <c r="B2144" s="740"/>
      <c r="C2144" s="522" t="s">
        <v>240</v>
      </c>
      <c r="D2144" s="521">
        <v>28.1</v>
      </c>
      <c r="E2144" s="520"/>
      <c r="F2144" s="519"/>
      <c r="G2144" s="518" t="s">
        <v>651</v>
      </c>
      <c r="H2144" s="517"/>
      <c r="I2144" s="517"/>
      <c r="J2144" s="517"/>
      <c r="K2144" s="516"/>
    </row>
    <row r="2145" spans="1:11" ht="13.7" customHeight="1">
      <c r="A2145" s="741"/>
      <c r="B2145" s="742"/>
      <c r="C2145" s="515"/>
      <c r="D2145" s="514"/>
      <c r="E2145" s="513"/>
      <c r="F2145" s="512"/>
      <c r="G2145" s="511" t="s">
        <v>651</v>
      </c>
      <c r="H2145" s="510"/>
      <c r="I2145" s="510"/>
      <c r="J2145" s="510"/>
      <c r="K2145" s="509"/>
    </row>
    <row r="2146" spans="1:11" ht="13.7" customHeight="1">
      <c r="A2146" s="743" t="s">
        <v>651</v>
      </c>
      <c r="B2146" s="744"/>
      <c r="C2146" s="533"/>
      <c r="D2146" s="532"/>
      <c r="E2146" s="531"/>
      <c r="F2146" s="530"/>
      <c r="G2146" s="529" t="s">
        <v>651</v>
      </c>
      <c r="H2146" s="528"/>
      <c r="I2146" s="528"/>
      <c r="J2146" s="528"/>
      <c r="K2146" s="527"/>
    </row>
    <row r="2147" spans="1:11" ht="13.7" customHeight="1">
      <c r="A2147" s="745"/>
      <c r="B2147" s="740"/>
      <c r="C2147" s="526"/>
      <c r="D2147" s="525"/>
      <c r="E2147" s="524"/>
      <c r="F2147" s="523" t="s">
        <v>651</v>
      </c>
      <c r="G2147" s="518" t="s">
        <v>651</v>
      </c>
      <c r="H2147" s="517"/>
      <c r="I2147" s="517"/>
      <c r="J2147" s="517"/>
      <c r="K2147" s="516"/>
    </row>
    <row r="2148" spans="1:11" ht="13.7" customHeight="1">
      <c r="A2148" s="739" t="s">
        <v>652</v>
      </c>
      <c r="B2148" s="740"/>
      <c r="C2148" s="522" t="s">
        <v>242</v>
      </c>
      <c r="D2148" s="521">
        <v>1</v>
      </c>
      <c r="E2148" s="520"/>
      <c r="F2148" s="519"/>
      <c r="G2148" s="518" t="s">
        <v>651</v>
      </c>
      <c r="H2148" s="517"/>
      <c r="I2148" s="517"/>
      <c r="J2148" s="517"/>
      <c r="K2148" s="516"/>
    </row>
    <row r="2149" spans="1:11" ht="13.7" customHeight="1">
      <c r="A2149" s="741"/>
      <c r="B2149" s="742"/>
      <c r="C2149" s="515"/>
      <c r="D2149" s="514"/>
      <c r="E2149" s="513"/>
      <c r="F2149" s="512"/>
      <c r="G2149" s="511" t="s">
        <v>651</v>
      </c>
      <c r="H2149" s="510"/>
      <c r="I2149" s="510"/>
      <c r="J2149" s="510"/>
      <c r="K2149" s="509"/>
    </row>
    <row r="2150" spans="1:11" ht="13.7" customHeight="1">
      <c r="A2150" s="743" t="s">
        <v>651</v>
      </c>
      <c r="B2150" s="744"/>
      <c r="C2150" s="533"/>
      <c r="D2150" s="532"/>
      <c r="E2150" s="531"/>
      <c r="F2150" s="530"/>
      <c r="G2150" s="529" t="s">
        <v>651</v>
      </c>
      <c r="H2150" s="528"/>
      <c r="I2150" s="528"/>
      <c r="J2150" s="528"/>
      <c r="K2150" s="527"/>
    </row>
    <row r="2151" spans="1:11" ht="13.7" customHeight="1">
      <c r="A2151" s="745"/>
      <c r="B2151" s="740"/>
      <c r="C2151" s="526"/>
      <c r="D2151" s="525"/>
      <c r="E2151" s="524"/>
      <c r="F2151" s="523" t="s">
        <v>651</v>
      </c>
      <c r="G2151" s="518" t="s">
        <v>651</v>
      </c>
      <c r="H2151" s="517"/>
      <c r="I2151" s="517"/>
      <c r="J2151" s="517"/>
      <c r="K2151" s="516"/>
    </row>
    <row r="2152" spans="1:11" ht="13.7" customHeight="1">
      <c r="A2152" s="739" t="s">
        <v>681</v>
      </c>
      <c r="B2152" s="740"/>
      <c r="C2152" s="522" t="s">
        <v>242</v>
      </c>
      <c r="D2152" s="521">
        <v>1</v>
      </c>
      <c r="E2152" s="520" t="s">
        <v>1002</v>
      </c>
      <c r="F2152" s="519"/>
      <c r="G2152" s="518" t="s">
        <v>651</v>
      </c>
      <c r="H2152" s="517"/>
      <c r="I2152" s="517"/>
      <c r="J2152" s="517"/>
      <c r="K2152" s="516"/>
    </row>
    <row r="2153" spans="1:11" ht="13.7" customHeight="1">
      <c r="A2153" s="741"/>
      <c r="B2153" s="742"/>
      <c r="C2153" s="515"/>
      <c r="D2153" s="514"/>
      <c r="E2153" s="513"/>
      <c r="F2153" s="512"/>
      <c r="G2153" s="511" t="s">
        <v>651</v>
      </c>
      <c r="H2153" s="510"/>
      <c r="I2153" s="510"/>
      <c r="J2153" s="510"/>
      <c r="K2153" s="509"/>
    </row>
    <row r="2154" spans="1:11" ht="13.7" customHeight="1"/>
    <row r="2155" spans="1:11" ht="13.7" customHeight="1"/>
    <row r="2156" spans="1:11" ht="13.7" customHeight="1"/>
    <row r="2157" spans="1:11" ht="13.7" customHeight="1"/>
    <row r="2158" spans="1:11" ht="13.7" customHeight="1"/>
    <row r="2159" spans="1:11" ht="13.7" customHeight="1"/>
    <row r="2160" spans="1:11" ht="13.7" customHeight="1"/>
    <row r="2161" ht="13.7" customHeight="1"/>
    <row r="2162" ht="13.7" customHeight="1"/>
    <row r="2163" ht="13.7" customHeight="1"/>
    <row r="2164" ht="13.7" customHeight="1"/>
    <row r="2165" ht="13.7" customHeight="1"/>
    <row r="2166" ht="13.7" customHeight="1"/>
    <row r="2167" ht="13.7" customHeight="1"/>
    <row r="2168" ht="13.7" customHeight="1"/>
    <row r="2169" ht="13.7" customHeight="1"/>
    <row r="2170" ht="13.7" customHeight="1"/>
    <row r="2171" ht="13.7" customHeight="1"/>
    <row r="2172" ht="13.7" customHeight="1"/>
    <row r="2173" ht="13.7" customHeight="1"/>
    <row r="2174" ht="13.7" customHeight="1"/>
    <row r="2175" ht="13.7" customHeight="1"/>
    <row r="2176" ht="6.2" customHeight="1"/>
    <row r="2177" spans="1:11" ht="14.1" customHeight="1">
      <c r="A2177" s="543" t="s">
        <v>1267</v>
      </c>
      <c r="B2177" s="540" t="s">
        <v>1266</v>
      </c>
      <c r="C2177" s="540"/>
      <c r="D2177" s="540"/>
      <c r="E2177" s="540"/>
      <c r="F2177" s="540"/>
      <c r="G2177" s="542" t="s">
        <v>617</v>
      </c>
      <c r="H2177" s="541" t="s">
        <v>906</v>
      </c>
      <c r="I2177" s="540" t="s">
        <v>1007</v>
      </c>
      <c r="J2177" s="540"/>
      <c r="K2177" s="539"/>
    </row>
    <row r="2178" spans="1:11" ht="24" customHeight="1">
      <c r="A2178" s="538" t="s">
        <v>651</v>
      </c>
      <c r="B2178" s="537" t="s">
        <v>651</v>
      </c>
      <c r="C2178" s="537"/>
      <c r="D2178" s="537"/>
      <c r="E2178" s="537"/>
      <c r="F2178" s="537"/>
      <c r="G2178" s="751">
        <v>1</v>
      </c>
      <c r="H2178" s="751"/>
      <c r="I2178" s="751"/>
      <c r="J2178" s="536" t="s">
        <v>242</v>
      </c>
      <c r="K2178" s="535" t="s">
        <v>618</v>
      </c>
    </row>
    <row r="2179" spans="1:11" ht="17.100000000000001" customHeight="1">
      <c r="A2179" s="746" t="s">
        <v>1006</v>
      </c>
      <c r="B2179" s="747"/>
      <c r="C2179" s="534" t="s">
        <v>309</v>
      </c>
      <c r="D2179" s="534" t="s">
        <v>619</v>
      </c>
      <c r="E2179" s="534" t="s">
        <v>620</v>
      </c>
      <c r="F2179" s="534" t="s">
        <v>659</v>
      </c>
      <c r="G2179" s="748" t="s">
        <v>1005</v>
      </c>
      <c r="H2179" s="749"/>
      <c r="I2179" s="749"/>
      <c r="J2179" s="749"/>
      <c r="K2179" s="750"/>
    </row>
    <row r="2180" spans="1:11" ht="13.7" customHeight="1">
      <c r="A2180" s="743" t="s">
        <v>1664</v>
      </c>
      <c r="B2180" s="744"/>
      <c r="C2180" s="533"/>
      <c r="D2180" s="532"/>
      <c r="E2180" s="531"/>
      <c r="F2180" s="530"/>
      <c r="G2180" s="529" t="s">
        <v>1286</v>
      </c>
      <c r="H2180" s="528"/>
      <c r="I2180" s="528"/>
      <c r="J2180" s="528"/>
      <c r="K2180" s="527"/>
    </row>
    <row r="2181" spans="1:11" ht="13.7" customHeight="1">
      <c r="A2181" s="745"/>
      <c r="B2181" s="740"/>
      <c r="C2181" s="526"/>
      <c r="D2181" s="525"/>
      <c r="E2181" s="524"/>
      <c r="F2181" s="523" t="s">
        <v>651</v>
      </c>
      <c r="G2181" s="518" t="s">
        <v>651</v>
      </c>
      <c r="H2181" s="517"/>
      <c r="I2181" s="517"/>
      <c r="J2181" s="517"/>
      <c r="K2181" s="516"/>
    </row>
    <row r="2182" spans="1:11" ht="13.7" customHeight="1">
      <c r="A2182" s="739" t="s">
        <v>848</v>
      </c>
      <c r="B2182" s="740"/>
      <c r="C2182" s="522" t="s">
        <v>240</v>
      </c>
      <c r="D2182" s="521">
        <v>28.1</v>
      </c>
      <c r="E2182" s="520"/>
      <c r="F2182" s="519"/>
      <c r="G2182" s="518" t="s">
        <v>651</v>
      </c>
      <c r="H2182" s="517"/>
      <c r="I2182" s="517"/>
      <c r="J2182" s="517"/>
      <c r="K2182" s="516"/>
    </row>
    <row r="2183" spans="1:11" ht="13.7" customHeight="1">
      <c r="A2183" s="741"/>
      <c r="B2183" s="742"/>
      <c r="C2183" s="515"/>
      <c r="D2183" s="514"/>
      <c r="E2183" s="513"/>
      <c r="F2183" s="512"/>
      <c r="G2183" s="511" t="s">
        <v>651</v>
      </c>
      <c r="H2183" s="510"/>
      <c r="I2183" s="510"/>
      <c r="J2183" s="510"/>
      <c r="K2183" s="509"/>
    </row>
    <row r="2184" spans="1:11" ht="13.7" customHeight="1">
      <c r="A2184" s="743" t="s">
        <v>768</v>
      </c>
      <c r="B2184" s="744"/>
      <c r="C2184" s="533"/>
      <c r="D2184" s="532"/>
      <c r="E2184" s="531"/>
      <c r="F2184" s="530"/>
      <c r="G2184" s="529" t="s">
        <v>1285</v>
      </c>
      <c r="H2184" s="528"/>
      <c r="I2184" s="528"/>
      <c r="J2184" s="528"/>
      <c r="K2184" s="527"/>
    </row>
    <row r="2185" spans="1:11" ht="13.7" customHeight="1">
      <c r="A2185" s="745"/>
      <c r="B2185" s="740"/>
      <c r="C2185" s="526"/>
      <c r="D2185" s="525"/>
      <c r="E2185" s="524"/>
      <c r="F2185" s="523" t="s">
        <v>651</v>
      </c>
      <c r="G2185" s="518" t="s">
        <v>651</v>
      </c>
      <c r="H2185" s="517"/>
      <c r="I2185" s="517"/>
      <c r="J2185" s="517"/>
      <c r="K2185" s="516"/>
    </row>
    <row r="2186" spans="1:11" ht="13.7" customHeight="1">
      <c r="A2186" s="739" t="s">
        <v>871</v>
      </c>
      <c r="B2186" s="740"/>
      <c r="C2186" s="522" t="s">
        <v>240</v>
      </c>
      <c r="D2186" s="521">
        <v>28.5</v>
      </c>
      <c r="E2186" s="520"/>
      <c r="F2186" s="519"/>
      <c r="G2186" s="518" t="s">
        <v>651</v>
      </c>
      <c r="H2186" s="517"/>
      <c r="I2186" s="517"/>
      <c r="J2186" s="517"/>
      <c r="K2186" s="516"/>
    </row>
    <row r="2187" spans="1:11" ht="13.7" customHeight="1">
      <c r="A2187" s="741"/>
      <c r="B2187" s="742"/>
      <c r="C2187" s="515"/>
      <c r="D2187" s="514"/>
      <c r="E2187" s="513"/>
      <c r="F2187" s="512"/>
      <c r="G2187" s="511" t="s">
        <v>651</v>
      </c>
      <c r="H2187" s="510"/>
      <c r="I2187" s="510"/>
      <c r="J2187" s="510"/>
      <c r="K2187" s="509"/>
    </row>
    <row r="2188" spans="1:11" ht="13.7" customHeight="1">
      <c r="A2188" s="743" t="s">
        <v>1029</v>
      </c>
      <c r="B2188" s="744"/>
      <c r="C2188" s="533"/>
      <c r="D2188" s="532"/>
      <c r="E2188" s="531"/>
      <c r="F2188" s="530"/>
      <c r="G2188" s="529" t="s">
        <v>1028</v>
      </c>
      <c r="H2188" s="528"/>
      <c r="I2188" s="528"/>
      <c r="J2188" s="528"/>
      <c r="K2188" s="527"/>
    </row>
    <row r="2189" spans="1:11" ht="13.7" customHeight="1">
      <c r="A2189" s="745"/>
      <c r="B2189" s="740"/>
      <c r="C2189" s="526"/>
      <c r="D2189" s="525"/>
      <c r="E2189" s="524"/>
      <c r="F2189" s="523" t="s">
        <v>651</v>
      </c>
      <c r="G2189" s="518" t="s">
        <v>651</v>
      </c>
      <c r="H2189" s="517"/>
      <c r="I2189" s="517"/>
      <c r="J2189" s="517"/>
      <c r="K2189" s="516"/>
    </row>
    <row r="2190" spans="1:11" ht="13.7" customHeight="1">
      <c r="A2190" s="739" t="s">
        <v>651</v>
      </c>
      <c r="B2190" s="740"/>
      <c r="C2190" s="522" t="s">
        <v>240</v>
      </c>
      <c r="D2190" s="521">
        <v>28.1</v>
      </c>
      <c r="E2190" s="520"/>
      <c r="F2190" s="519"/>
      <c r="G2190" s="518" t="s">
        <v>651</v>
      </c>
      <c r="H2190" s="517"/>
      <c r="I2190" s="517"/>
      <c r="J2190" s="517"/>
      <c r="K2190" s="516"/>
    </row>
    <row r="2191" spans="1:11" ht="13.7" customHeight="1">
      <c r="A2191" s="741"/>
      <c r="B2191" s="742"/>
      <c r="C2191" s="515"/>
      <c r="D2191" s="514"/>
      <c r="E2191" s="513"/>
      <c r="F2191" s="512"/>
      <c r="G2191" s="511" t="s">
        <v>651</v>
      </c>
      <c r="H2191" s="510"/>
      <c r="I2191" s="510"/>
      <c r="J2191" s="510"/>
      <c r="K2191" s="509"/>
    </row>
    <row r="2192" spans="1:11" ht="13.7" customHeight="1">
      <c r="A2192" s="743" t="s">
        <v>764</v>
      </c>
      <c r="B2192" s="744"/>
      <c r="C2192" s="533"/>
      <c r="D2192" s="532"/>
      <c r="E2192" s="531"/>
      <c r="F2192" s="530"/>
      <c r="G2192" s="529" t="s">
        <v>1284</v>
      </c>
      <c r="H2192" s="528"/>
      <c r="I2192" s="528"/>
      <c r="J2192" s="528"/>
      <c r="K2192" s="527"/>
    </row>
    <row r="2193" spans="1:11" ht="13.7" customHeight="1">
      <c r="A2193" s="745"/>
      <c r="B2193" s="740"/>
      <c r="C2193" s="526"/>
      <c r="D2193" s="525"/>
      <c r="E2193" s="524"/>
      <c r="F2193" s="523" t="s">
        <v>651</v>
      </c>
      <c r="G2193" s="518" t="s">
        <v>651</v>
      </c>
      <c r="H2193" s="517"/>
      <c r="I2193" s="517"/>
      <c r="J2193" s="517"/>
      <c r="K2193" s="516"/>
    </row>
    <row r="2194" spans="1:11" ht="13.7" customHeight="1">
      <c r="A2194" s="739" t="s">
        <v>869</v>
      </c>
      <c r="B2194" s="740"/>
      <c r="C2194" s="522" t="s">
        <v>697</v>
      </c>
      <c r="D2194" s="521">
        <v>2</v>
      </c>
      <c r="E2194" s="520"/>
      <c r="F2194" s="519"/>
      <c r="G2194" s="518" t="s">
        <v>651</v>
      </c>
      <c r="H2194" s="517"/>
      <c r="I2194" s="517"/>
      <c r="J2194" s="517"/>
      <c r="K2194" s="516"/>
    </row>
    <row r="2195" spans="1:11" ht="13.7" customHeight="1">
      <c r="A2195" s="741"/>
      <c r="B2195" s="742"/>
      <c r="C2195" s="515"/>
      <c r="D2195" s="514"/>
      <c r="E2195" s="513"/>
      <c r="F2195" s="512"/>
      <c r="G2195" s="511" t="s">
        <v>651</v>
      </c>
      <c r="H2195" s="510"/>
      <c r="I2195" s="510"/>
      <c r="J2195" s="510"/>
      <c r="K2195" s="509"/>
    </row>
    <row r="2196" spans="1:11" ht="13.7" customHeight="1">
      <c r="A2196" s="743" t="s">
        <v>841</v>
      </c>
      <c r="B2196" s="744"/>
      <c r="C2196" s="533"/>
      <c r="D2196" s="532"/>
      <c r="E2196" s="531"/>
      <c r="F2196" s="530"/>
      <c r="G2196" s="529" t="s">
        <v>1283</v>
      </c>
      <c r="H2196" s="528"/>
      <c r="I2196" s="528"/>
      <c r="J2196" s="528"/>
      <c r="K2196" s="527"/>
    </row>
    <row r="2197" spans="1:11" ht="13.7" customHeight="1">
      <c r="A2197" s="745"/>
      <c r="B2197" s="740"/>
      <c r="C2197" s="526"/>
      <c r="D2197" s="525"/>
      <c r="E2197" s="524"/>
      <c r="F2197" s="523" t="s">
        <v>651</v>
      </c>
      <c r="G2197" s="518" t="s">
        <v>651</v>
      </c>
      <c r="H2197" s="517"/>
      <c r="I2197" s="517"/>
      <c r="J2197" s="517"/>
      <c r="K2197" s="516"/>
    </row>
    <row r="2198" spans="1:11" ht="13.7" customHeight="1">
      <c r="A2198" s="739" t="s">
        <v>867</v>
      </c>
      <c r="B2198" s="740"/>
      <c r="C2198" s="522" t="s">
        <v>697</v>
      </c>
      <c r="D2198" s="521">
        <v>4</v>
      </c>
      <c r="E2198" s="520"/>
      <c r="F2198" s="519"/>
      <c r="G2198" s="518" t="s">
        <v>651</v>
      </c>
      <c r="H2198" s="517"/>
      <c r="I2198" s="517"/>
      <c r="J2198" s="517"/>
      <c r="K2198" s="516"/>
    </row>
    <row r="2199" spans="1:11" ht="13.7" customHeight="1">
      <c r="A2199" s="741"/>
      <c r="B2199" s="742"/>
      <c r="C2199" s="515"/>
      <c r="D2199" s="514"/>
      <c r="E2199" s="513"/>
      <c r="F2199" s="512"/>
      <c r="G2199" s="511" t="s">
        <v>651</v>
      </c>
      <c r="H2199" s="510"/>
      <c r="I2199" s="510"/>
      <c r="J2199" s="510"/>
      <c r="K2199" s="509"/>
    </row>
    <row r="2200" spans="1:11" ht="13.7" customHeight="1">
      <c r="A2200" s="743" t="s">
        <v>841</v>
      </c>
      <c r="B2200" s="744"/>
      <c r="C2200" s="533"/>
      <c r="D2200" s="532"/>
      <c r="E2200" s="531"/>
      <c r="F2200" s="530"/>
      <c r="G2200" s="529" t="s">
        <v>1282</v>
      </c>
      <c r="H2200" s="528"/>
      <c r="I2200" s="528"/>
      <c r="J2200" s="528"/>
      <c r="K2200" s="527"/>
    </row>
    <row r="2201" spans="1:11" ht="13.7" customHeight="1">
      <c r="A2201" s="745"/>
      <c r="B2201" s="740"/>
      <c r="C2201" s="526"/>
      <c r="D2201" s="525"/>
      <c r="E2201" s="524"/>
      <c r="F2201" s="523" t="s">
        <v>651</v>
      </c>
      <c r="G2201" s="518" t="s">
        <v>651</v>
      </c>
      <c r="H2201" s="517"/>
      <c r="I2201" s="517"/>
      <c r="J2201" s="517"/>
      <c r="K2201" s="516"/>
    </row>
    <row r="2202" spans="1:11" ht="13.7" customHeight="1">
      <c r="A2202" s="739" t="s">
        <v>865</v>
      </c>
      <c r="B2202" s="740"/>
      <c r="C2202" s="522" t="s">
        <v>697</v>
      </c>
      <c r="D2202" s="521">
        <v>12</v>
      </c>
      <c r="E2202" s="520"/>
      <c r="F2202" s="519"/>
      <c r="G2202" s="518" t="s">
        <v>651</v>
      </c>
      <c r="H2202" s="517"/>
      <c r="I2202" s="517"/>
      <c r="J2202" s="517"/>
      <c r="K2202" s="516"/>
    </row>
    <row r="2203" spans="1:11" ht="13.7" customHeight="1">
      <c r="A2203" s="741"/>
      <c r="B2203" s="742"/>
      <c r="C2203" s="515"/>
      <c r="D2203" s="514"/>
      <c r="E2203" s="513"/>
      <c r="F2203" s="512"/>
      <c r="G2203" s="511" t="s">
        <v>651</v>
      </c>
      <c r="H2203" s="510"/>
      <c r="I2203" s="510"/>
      <c r="J2203" s="510"/>
      <c r="K2203" s="509"/>
    </row>
    <row r="2204" spans="1:11" ht="13.7" customHeight="1">
      <c r="A2204" s="743" t="s">
        <v>863</v>
      </c>
      <c r="B2204" s="744"/>
      <c r="C2204" s="533"/>
      <c r="D2204" s="532"/>
      <c r="E2204" s="531"/>
      <c r="F2204" s="530"/>
      <c r="G2204" s="529" t="s">
        <v>1281</v>
      </c>
      <c r="H2204" s="528"/>
      <c r="I2204" s="528"/>
      <c r="J2204" s="528"/>
      <c r="K2204" s="527"/>
    </row>
    <row r="2205" spans="1:11" ht="13.7" customHeight="1">
      <c r="A2205" s="745"/>
      <c r="B2205" s="740"/>
      <c r="C2205" s="526"/>
      <c r="D2205" s="525"/>
      <c r="E2205" s="524"/>
      <c r="F2205" s="523" t="s">
        <v>651</v>
      </c>
      <c r="G2205" s="518" t="s">
        <v>651</v>
      </c>
      <c r="H2205" s="517"/>
      <c r="I2205" s="517"/>
      <c r="J2205" s="517"/>
      <c r="K2205" s="516"/>
    </row>
    <row r="2206" spans="1:11" ht="13.7" customHeight="1">
      <c r="A2206" s="739" t="s">
        <v>854</v>
      </c>
      <c r="B2206" s="740"/>
      <c r="C2206" s="522" t="s">
        <v>697</v>
      </c>
      <c r="D2206" s="521">
        <v>6</v>
      </c>
      <c r="E2206" s="520"/>
      <c r="F2206" s="519"/>
      <c r="G2206" s="518" t="s">
        <v>651</v>
      </c>
      <c r="H2206" s="517"/>
      <c r="I2206" s="517"/>
      <c r="J2206" s="517"/>
      <c r="K2206" s="516"/>
    </row>
    <row r="2207" spans="1:11" ht="13.7" customHeight="1">
      <c r="A2207" s="741"/>
      <c r="B2207" s="742"/>
      <c r="C2207" s="515"/>
      <c r="D2207" s="514"/>
      <c r="E2207" s="513"/>
      <c r="F2207" s="512"/>
      <c r="G2207" s="511" t="s">
        <v>651</v>
      </c>
      <c r="H2207" s="510"/>
      <c r="I2207" s="510"/>
      <c r="J2207" s="510"/>
      <c r="K2207" s="509"/>
    </row>
    <row r="2208" spans="1:11" ht="13.7" customHeight="1">
      <c r="A2208" s="743" t="s">
        <v>856</v>
      </c>
      <c r="B2208" s="744"/>
      <c r="C2208" s="533"/>
      <c r="D2208" s="532"/>
      <c r="E2208" s="531"/>
      <c r="F2208" s="530"/>
      <c r="G2208" s="529" t="s">
        <v>1280</v>
      </c>
      <c r="H2208" s="528"/>
      <c r="I2208" s="528"/>
      <c r="J2208" s="528"/>
      <c r="K2208" s="527"/>
    </row>
    <row r="2209" spans="1:11" ht="13.7" customHeight="1">
      <c r="A2209" s="745"/>
      <c r="B2209" s="740"/>
      <c r="C2209" s="526"/>
      <c r="D2209" s="525"/>
      <c r="E2209" s="524"/>
      <c r="F2209" s="523" t="s">
        <v>651</v>
      </c>
      <c r="G2209" s="518" t="s">
        <v>651</v>
      </c>
      <c r="H2209" s="517"/>
      <c r="I2209" s="517"/>
      <c r="J2209" s="517"/>
      <c r="K2209" s="516"/>
    </row>
    <row r="2210" spans="1:11" ht="13.7" customHeight="1">
      <c r="A2210" s="739" t="s">
        <v>854</v>
      </c>
      <c r="B2210" s="740"/>
      <c r="C2210" s="522" t="s">
        <v>697</v>
      </c>
      <c r="D2210" s="521">
        <v>4</v>
      </c>
      <c r="E2210" s="520"/>
      <c r="F2210" s="519"/>
      <c r="G2210" s="518" t="s">
        <v>651</v>
      </c>
      <c r="H2210" s="517"/>
      <c r="I2210" s="517"/>
      <c r="J2210" s="517"/>
      <c r="K2210" s="516"/>
    </row>
    <row r="2211" spans="1:11" ht="13.7" customHeight="1">
      <c r="A2211" s="741"/>
      <c r="B2211" s="742"/>
      <c r="C2211" s="515"/>
      <c r="D2211" s="514"/>
      <c r="E2211" s="513"/>
      <c r="F2211" s="512"/>
      <c r="G2211" s="511" t="s">
        <v>651</v>
      </c>
      <c r="H2211" s="510"/>
      <c r="I2211" s="510"/>
      <c r="J2211" s="510"/>
      <c r="K2211" s="509"/>
    </row>
    <row r="2212" spans="1:11" ht="13.7" customHeight="1"/>
    <row r="2213" spans="1:11" ht="13.7" customHeight="1"/>
    <row r="2214" spans="1:11" ht="6.2" customHeight="1"/>
    <row r="2215" spans="1:11" ht="14.1" customHeight="1">
      <c r="A2215" s="543" t="s">
        <v>1267</v>
      </c>
      <c r="B2215" s="540" t="s">
        <v>1266</v>
      </c>
      <c r="C2215" s="540"/>
      <c r="D2215" s="540"/>
      <c r="E2215" s="540"/>
      <c r="F2215" s="540"/>
      <c r="G2215" s="542" t="s">
        <v>617</v>
      </c>
      <c r="H2215" s="541" t="s">
        <v>906</v>
      </c>
      <c r="I2215" s="540" t="s">
        <v>1007</v>
      </c>
      <c r="J2215" s="540"/>
      <c r="K2215" s="539"/>
    </row>
    <row r="2216" spans="1:11" ht="24" customHeight="1">
      <c r="A2216" s="538" t="s">
        <v>651</v>
      </c>
      <c r="B2216" s="537" t="s">
        <v>651</v>
      </c>
      <c r="C2216" s="537"/>
      <c r="D2216" s="537"/>
      <c r="E2216" s="537"/>
      <c r="F2216" s="537"/>
      <c r="G2216" s="751">
        <v>1</v>
      </c>
      <c r="H2216" s="751"/>
      <c r="I2216" s="751"/>
      <c r="J2216" s="536" t="s">
        <v>242</v>
      </c>
      <c r="K2216" s="535" t="s">
        <v>618</v>
      </c>
    </row>
    <row r="2217" spans="1:11" ht="17.100000000000001" customHeight="1">
      <c r="A2217" s="746" t="s">
        <v>1006</v>
      </c>
      <c r="B2217" s="747"/>
      <c r="C2217" s="534" t="s">
        <v>309</v>
      </c>
      <c r="D2217" s="534" t="s">
        <v>619</v>
      </c>
      <c r="E2217" s="534" t="s">
        <v>620</v>
      </c>
      <c r="F2217" s="534" t="s">
        <v>659</v>
      </c>
      <c r="G2217" s="748" t="s">
        <v>1005</v>
      </c>
      <c r="H2217" s="749"/>
      <c r="I2217" s="749"/>
      <c r="J2217" s="749"/>
      <c r="K2217" s="750"/>
    </row>
    <row r="2218" spans="1:11" ht="13.7" customHeight="1">
      <c r="A2218" s="743" t="s">
        <v>753</v>
      </c>
      <c r="B2218" s="744"/>
      <c r="C2218" s="533"/>
      <c r="D2218" s="532"/>
      <c r="E2218" s="531"/>
      <c r="F2218" s="530"/>
      <c r="G2218" s="529" t="s">
        <v>1279</v>
      </c>
      <c r="H2218" s="528"/>
      <c r="I2218" s="528"/>
      <c r="J2218" s="528"/>
      <c r="K2218" s="527"/>
    </row>
    <row r="2219" spans="1:11" ht="13.7" customHeight="1">
      <c r="A2219" s="745"/>
      <c r="B2219" s="740"/>
      <c r="C2219" s="526"/>
      <c r="D2219" s="525"/>
      <c r="E2219" s="524"/>
      <c r="F2219" s="523" t="s">
        <v>651</v>
      </c>
      <c r="G2219" s="518" t="s">
        <v>651</v>
      </c>
      <c r="H2219" s="517"/>
      <c r="I2219" s="517"/>
      <c r="J2219" s="517"/>
      <c r="K2219" s="516"/>
    </row>
    <row r="2220" spans="1:11" ht="13.7" customHeight="1">
      <c r="A2220" s="739" t="s">
        <v>848</v>
      </c>
      <c r="B2220" s="740"/>
      <c r="C2220" s="522" t="s">
        <v>697</v>
      </c>
      <c r="D2220" s="521">
        <v>8</v>
      </c>
      <c r="E2220" s="520"/>
      <c r="F2220" s="519"/>
      <c r="G2220" s="518" t="s">
        <v>651</v>
      </c>
      <c r="H2220" s="517"/>
      <c r="I2220" s="517"/>
      <c r="J2220" s="517"/>
      <c r="K2220" s="516"/>
    </row>
    <row r="2221" spans="1:11" ht="13.7" customHeight="1">
      <c r="A2221" s="741"/>
      <c r="B2221" s="742"/>
      <c r="C2221" s="515"/>
      <c r="D2221" s="514"/>
      <c r="E2221" s="513"/>
      <c r="F2221" s="512"/>
      <c r="G2221" s="511" t="s">
        <v>651</v>
      </c>
      <c r="H2221" s="510"/>
      <c r="I2221" s="510"/>
      <c r="J2221" s="510"/>
      <c r="K2221" s="509"/>
    </row>
    <row r="2222" spans="1:11" ht="13.7" customHeight="1">
      <c r="A2222" s="743" t="s">
        <v>1662</v>
      </c>
      <c r="B2222" s="744"/>
      <c r="C2222" s="533"/>
      <c r="D2222" s="532"/>
      <c r="E2222" s="531"/>
      <c r="F2222" s="530"/>
      <c r="G2222" s="529" t="s">
        <v>1278</v>
      </c>
      <c r="H2222" s="528"/>
      <c r="I2222" s="528"/>
      <c r="J2222" s="528"/>
      <c r="K2222" s="527"/>
    </row>
    <row r="2223" spans="1:11" ht="13.7" customHeight="1">
      <c r="A2223" s="745"/>
      <c r="B2223" s="740"/>
      <c r="C2223" s="526"/>
      <c r="D2223" s="525"/>
      <c r="E2223" s="524"/>
      <c r="F2223" s="523" t="s">
        <v>651</v>
      </c>
      <c r="G2223" s="518" t="s">
        <v>651</v>
      </c>
      <c r="H2223" s="517"/>
      <c r="I2223" s="517"/>
      <c r="J2223" s="517"/>
      <c r="K2223" s="516"/>
    </row>
    <row r="2224" spans="1:11" ht="13.7" customHeight="1">
      <c r="A2224" s="739" t="s">
        <v>849</v>
      </c>
      <c r="B2224" s="740"/>
      <c r="C2224" s="522" t="s">
        <v>234</v>
      </c>
      <c r="D2224" s="521">
        <v>1</v>
      </c>
      <c r="E2224" s="520"/>
      <c r="F2224" s="519"/>
      <c r="G2224" s="518" t="s">
        <v>651</v>
      </c>
      <c r="H2224" s="517"/>
      <c r="I2224" s="517"/>
      <c r="J2224" s="517"/>
      <c r="K2224" s="516"/>
    </row>
    <row r="2225" spans="1:11" ht="13.7" customHeight="1">
      <c r="A2225" s="741"/>
      <c r="B2225" s="742"/>
      <c r="C2225" s="515"/>
      <c r="D2225" s="514"/>
      <c r="E2225" s="513"/>
      <c r="F2225" s="512"/>
      <c r="G2225" s="511" t="s">
        <v>651</v>
      </c>
      <c r="H2225" s="510"/>
      <c r="I2225" s="510"/>
      <c r="J2225" s="510"/>
      <c r="K2225" s="509"/>
    </row>
    <row r="2226" spans="1:11" ht="13.7" customHeight="1">
      <c r="A2226" s="743" t="s">
        <v>1066</v>
      </c>
      <c r="B2226" s="744"/>
      <c r="C2226" s="533"/>
      <c r="D2226" s="532"/>
      <c r="E2226" s="531"/>
      <c r="F2226" s="530"/>
      <c r="G2226" s="529" t="s">
        <v>1065</v>
      </c>
      <c r="H2226" s="528"/>
      <c r="I2226" s="528"/>
      <c r="J2226" s="528"/>
      <c r="K2226" s="527"/>
    </row>
    <row r="2227" spans="1:11" ht="13.7" customHeight="1">
      <c r="A2227" s="745"/>
      <c r="B2227" s="740"/>
      <c r="C2227" s="526"/>
      <c r="D2227" s="525"/>
      <c r="E2227" s="524"/>
      <c r="F2227" s="523" t="s">
        <v>651</v>
      </c>
      <c r="G2227" s="518" t="s">
        <v>651</v>
      </c>
      <c r="H2227" s="517"/>
      <c r="I2227" s="517"/>
      <c r="J2227" s="517"/>
      <c r="K2227" s="516"/>
    </row>
    <row r="2228" spans="1:11" ht="13.7" customHeight="1">
      <c r="A2228" s="739" t="s">
        <v>1064</v>
      </c>
      <c r="B2228" s="740"/>
      <c r="C2228" s="522" t="s">
        <v>194</v>
      </c>
      <c r="D2228" s="521">
        <v>0.3</v>
      </c>
      <c r="E2228" s="520"/>
      <c r="F2228" s="519"/>
      <c r="G2228" s="518" t="s">
        <v>651</v>
      </c>
      <c r="H2228" s="517"/>
      <c r="I2228" s="517"/>
      <c r="J2228" s="517"/>
      <c r="K2228" s="516"/>
    </row>
    <row r="2229" spans="1:11" ht="13.7" customHeight="1">
      <c r="A2229" s="741"/>
      <c r="B2229" s="742"/>
      <c r="C2229" s="515"/>
      <c r="D2229" s="514"/>
      <c r="E2229" s="513"/>
      <c r="F2229" s="512"/>
      <c r="G2229" s="511" t="s">
        <v>651</v>
      </c>
      <c r="H2229" s="510"/>
      <c r="I2229" s="510"/>
      <c r="J2229" s="510"/>
      <c r="K2229" s="509"/>
    </row>
    <row r="2230" spans="1:11" ht="13.7" customHeight="1">
      <c r="A2230" s="743" t="s">
        <v>815</v>
      </c>
      <c r="B2230" s="744"/>
      <c r="C2230" s="533"/>
      <c r="D2230" s="532"/>
      <c r="E2230" s="531"/>
      <c r="F2230" s="530"/>
      <c r="G2230" s="529" t="s">
        <v>1277</v>
      </c>
      <c r="H2230" s="528"/>
      <c r="I2230" s="528"/>
      <c r="J2230" s="528"/>
      <c r="K2230" s="527"/>
    </row>
    <row r="2231" spans="1:11" ht="13.7" customHeight="1">
      <c r="A2231" s="745"/>
      <c r="B2231" s="740"/>
      <c r="C2231" s="526"/>
      <c r="D2231" s="525"/>
      <c r="E2231" s="524"/>
      <c r="F2231" s="523" t="s">
        <v>651</v>
      </c>
      <c r="G2231" s="518" t="s">
        <v>651</v>
      </c>
      <c r="H2231" s="517"/>
      <c r="I2231" s="517"/>
      <c r="J2231" s="517"/>
      <c r="K2231" s="516"/>
    </row>
    <row r="2232" spans="1:11" ht="13.7" customHeight="1">
      <c r="A2232" s="739" t="s">
        <v>1276</v>
      </c>
      <c r="B2232" s="740"/>
      <c r="C2232" s="522" t="s">
        <v>246</v>
      </c>
      <c r="D2232" s="521">
        <v>1</v>
      </c>
      <c r="E2232" s="520"/>
      <c r="F2232" s="519"/>
      <c r="G2232" s="518" t="s">
        <v>651</v>
      </c>
      <c r="H2232" s="517"/>
      <c r="I2232" s="517"/>
      <c r="J2232" s="517"/>
      <c r="K2232" s="516"/>
    </row>
    <row r="2233" spans="1:11" ht="13.7" customHeight="1">
      <c r="A2233" s="741"/>
      <c r="B2233" s="742"/>
      <c r="C2233" s="515"/>
      <c r="D2233" s="514"/>
      <c r="E2233" s="513"/>
      <c r="F2233" s="512"/>
      <c r="G2233" s="511" t="s">
        <v>651</v>
      </c>
      <c r="H2233" s="510"/>
      <c r="I2233" s="510"/>
      <c r="J2233" s="510"/>
      <c r="K2233" s="509"/>
    </row>
    <row r="2234" spans="1:11" ht="13.7" customHeight="1">
      <c r="A2234" s="743" t="s">
        <v>921</v>
      </c>
      <c r="B2234" s="744"/>
      <c r="C2234" s="533"/>
      <c r="D2234" s="532"/>
      <c r="E2234" s="531"/>
      <c r="F2234" s="530"/>
      <c r="G2234" s="529" t="s">
        <v>1275</v>
      </c>
      <c r="H2234" s="528"/>
      <c r="I2234" s="528"/>
      <c r="J2234" s="528"/>
      <c r="K2234" s="527"/>
    </row>
    <row r="2235" spans="1:11" ht="13.7" customHeight="1">
      <c r="A2235" s="745"/>
      <c r="B2235" s="740"/>
      <c r="C2235" s="526"/>
      <c r="D2235" s="525"/>
      <c r="E2235" s="524"/>
      <c r="F2235" s="523" t="s">
        <v>651</v>
      </c>
      <c r="G2235" s="518" t="s">
        <v>651</v>
      </c>
      <c r="H2235" s="517"/>
      <c r="I2235" s="517"/>
      <c r="J2235" s="517"/>
      <c r="K2235" s="516"/>
    </row>
    <row r="2236" spans="1:11" ht="13.7" customHeight="1">
      <c r="A2236" s="739" t="s">
        <v>1274</v>
      </c>
      <c r="B2236" s="740"/>
      <c r="C2236" s="522" t="s">
        <v>246</v>
      </c>
      <c r="D2236" s="521">
        <v>1</v>
      </c>
      <c r="E2236" s="520"/>
      <c r="F2236" s="519"/>
      <c r="G2236" s="518" t="s">
        <v>651</v>
      </c>
      <c r="H2236" s="517"/>
      <c r="I2236" s="517"/>
      <c r="J2236" s="517"/>
      <c r="K2236" s="516"/>
    </row>
    <row r="2237" spans="1:11" ht="13.7" customHeight="1">
      <c r="A2237" s="741"/>
      <c r="B2237" s="742"/>
      <c r="C2237" s="515"/>
      <c r="D2237" s="514"/>
      <c r="E2237" s="513"/>
      <c r="F2237" s="512"/>
      <c r="G2237" s="511" t="s">
        <v>651</v>
      </c>
      <c r="H2237" s="510"/>
      <c r="I2237" s="510"/>
      <c r="J2237" s="510"/>
      <c r="K2237" s="509"/>
    </row>
    <row r="2238" spans="1:11" ht="13.7" customHeight="1">
      <c r="A2238" s="743" t="s">
        <v>919</v>
      </c>
      <c r="B2238" s="744"/>
      <c r="C2238" s="533"/>
      <c r="D2238" s="532"/>
      <c r="E2238" s="531"/>
      <c r="F2238" s="530"/>
      <c r="G2238" s="529" t="s">
        <v>1273</v>
      </c>
      <c r="H2238" s="528"/>
      <c r="I2238" s="528"/>
      <c r="J2238" s="528"/>
      <c r="K2238" s="527"/>
    </row>
    <row r="2239" spans="1:11" ht="13.7" customHeight="1">
      <c r="A2239" s="745"/>
      <c r="B2239" s="740"/>
      <c r="C2239" s="526"/>
      <c r="D2239" s="525"/>
      <c r="E2239" s="524"/>
      <c r="F2239" s="523" t="s">
        <v>651</v>
      </c>
      <c r="G2239" s="518" t="s">
        <v>651</v>
      </c>
      <c r="H2239" s="517"/>
      <c r="I2239" s="517"/>
      <c r="J2239" s="517"/>
      <c r="K2239" s="516"/>
    </row>
    <row r="2240" spans="1:11" ht="13.7" customHeight="1">
      <c r="A2240" s="739" t="s">
        <v>1272</v>
      </c>
      <c r="B2240" s="740"/>
      <c r="C2240" s="522" t="s">
        <v>246</v>
      </c>
      <c r="D2240" s="521">
        <v>1</v>
      </c>
      <c r="E2240" s="520"/>
      <c r="F2240" s="519"/>
      <c r="G2240" s="518" t="s">
        <v>651</v>
      </c>
      <c r="H2240" s="517"/>
      <c r="I2240" s="517"/>
      <c r="J2240" s="517"/>
      <c r="K2240" s="516"/>
    </row>
    <row r="2241" spans="1:11" ht="13.7" customHeight="1">
      <c r="A2241" s="741"/>
      <c r="B2241" s="742"/>
      <c r="C2241" s="515"/>
      <c r="D2241" s="514"/>
      <c r="E2241" s="513"/>
      <c r="F2241" s="512"/>
      <c r="G2241" s="511" t="s">
        <v>651</v>
      </c>
      <c r="H2241" s="510"/>
      <c r="I2241" s="510"/>
      <c r="J2241" s="510"/>
      <c r="K2241" s="509"/>
    </row>
    <row r="2242" spans="1:11" ht="13.7" customHeight="1">
      <c r="A2242" s="743" t="s">
        <v>917</v>
      </c>
      <c r="B2242" s="744"/>
      <c r="C2242" s="533"/>
      <c r="D2242" s="532"/>
      <c r="E2242" s="531"/>
      <c r="F2242" s="530"/>
      <c r="G2242" s="529" t="s">
        <v>1271</v>
      </c>
      <c r="H2242" s="528"/>
      <c r="I2242" s="528"/>
      <c r="J2242" s="528"/>
      <c r="K2242" s="527"/>
    </row>
    <row r="2243" spans="1:11" ht="13.7" customHeight="1">
      <c r="A2243" s="745"/>
      <c r="B2243" s="740"/>
      <c r="C2243" s="526"/>
      <c r="D2243" s="525"/>
      <c r="E2243" s="524"/>
      <c r="F2243" s="523" t="s">
        <v>651</v>
      </c>
      <c r="G2243" s="518" t="s">
        <v>651</v>
      </c>
      <c r="H2243" s="517"/>
      <c r="I2243" s="517"/>
      <c r="J2243" s="517"/>
      <c r="K2243" s="516"/>
    </row>
    <row r="2244" spans="1:11" ht="13.7" customHeight="1">
      <c r="A2244" s="739" t="s">
        <v>1270</v>
      </c>
      <c r="B2244" s="740"/>
      <c r="C2244" s="522" t="s">
        <v>246</v>
      </c>
      <c r="D2244" s="521">
        <v>3</v>
      </c>
      <c r="E2244" s="520"/>
      <c r="F2244" s="519"/>
      <c r="G2244" s="518" t="s">
        <v>651</v>
      </c>
      <c r="H2244" s="517"/>
      <c r="I2244" s="517"/>
      <c r="J2244" s="517"/>
      <c r="K2244" s="516"/>
    </row>
    <row r="2245" spans="1:11" ht="13.7" customHeight="1">
      <c r="A2245" s="741"/>
      <c r="B2245" s="742"/>
      <c r="C2245" s="515"/>
      <c r="D2245" s="514"/>
      <c r="E2245" s="513"/>
      <c r="F2245" s="512"/>
      <c r="G2245" s="511" t="s">
        <v>651</v>
      </c>
      <c r="H2245" s="510"/>
      <c r="I2245" s="510"/>
      <c r="J2245" s="510"/>
      <c r="K2245" s="509"/>
    </row>
    <row r="2246" spans="1:11" ht="13.7" customHeight="1">
      <c r="A2246" s="743" t="s">
        <v>915</v>
      </c>
      <c r="B2246" s="744"/>
      <c r="C2246" s="533"/>
      <c r="D2246" s="532"/>
      <c r="E2246" s="531"/>
      <c r="F2246" s="530"/>
      <c r="G2246" s="529" t="s">
        <v>1269</v>
      </c>
      <c r="H2246" s="528"/>
      <c r="I2246" s="528"/>
      <c r="J2246" s="528"/>
      <c r="K2246" s="527"/>
    </row>
    <row r="2247" spans="1:11" ht="13.7" customHeight="1">
      <c r="A2247" s="745"/>
      <c r="B2247" s="740"/>
      <c r="C2247" s="526"/>
      <c r="D2247" s="525"/>
      <c r="E2247" s="524"/>
      <c r="F2247" s="523" t="s">
        <v>651</v>
      </c>
      <c r="G2247" s="518" t="s">
        <v>651</v>
      </c>
      <c r="H2247" s="517"/>
      <c r="I2247" s="517"/>
      <c r="J2247" s="517"/>
      <c r="K2247" s="516"/>
    </row>
    <row r="2248" spans="1:11" ht="13.7" customHeight="1">
      <c r="A2248" s="739" t="s">
        <v>1268</v>
      </c>
      <c r="B2248" s="740"/>
      <c r="C2248" s="522" t="s">
        <v>246</v>
      </c>
      <c r="D2248" s="521">
        <v>1</v>
      </c>
      <c r="E2248" s="520"/>
      <c r="F2248" s="519"/>
      <c r="G2248" s="518" t="s">
        <v>651</v>
      </c>
      <c r="H2248" s="517"/>
      <c r="I2248" s="517"/>
      <c r="J2248" s="517"/>
      <c r="K2248" s="516"/>
    </row>
    <row r="2249" spans="1:11" ht="13.7" customHeight="1">
      <c r="A2249" s="741"/>
      <c r="B2249" s="742"/>
      <c r="C2249" s="515"/>
      <c r="D2249" s="514"/>
      <c r="E2249" s="513"/>
      <c r="F2249" s="512"/>
      <c r="G2249" s="511" t="s">
        <v>651</v>
      </c>
      <c r="H2249" s="510"/>
      <c r="I2249" s="510"/>
      <c r="J2249" s="510"/>
      <c r="K2249" s="509"/>
    </row>
    <row r="2250" spans="1:11" ht="13.7" customHeight="1"/>
    <row r="2251" spans="1:11" ht="13.7" customHeight="1"/>
    <row r="2252" spans="1:11" ht="6.2" customHeight="1"/>
    <row r="2253" spans="1:11" ht="14.1" customHeight="1">
      <c r="A2253" s="543" t="s">
        <v>1267</v>
      </c>
      <c r="B2253" s="540" t="s">
        <v>1266</v>
      </c>
      <c r="C2253" s="540"/>
      <c r="D2253" s="540"/>
      <c r="E2253" s="540"/>
      <c r="F2253" s="540"/>
      <c r="G2253" s="542" t="s">
        <v>617</v>
      </c>
      <c r="H2253" s="541" t="s">
        <v>906</v>
      </c>
      <c r="I2253" s="540" t="s">
        <v>1007</v>
      </c>
      <c r="J2253" s="540"/>
      <c r="K2253" s="539"/>
    </row>
    <row r="2254" spans="1:11" ht="24" customHeight="1">
      <c r="A2254" s="538" t="s">
        <v>651</v>
      </c>
      <c r="B2254" s="537" t="s">
        <v>651</v>
      </c>
      <c r="C2254" s="537"/>
      <c r="D2254" s="537"/>
      <c r="E2254" s="537"/>
      <c r="F2254" s="537"/>
      <c r="G2254" s="751">
        <v>1</v>
      </c>
      <c r="H2254" s="751"/>
      <c r="I2254" s="751"/>
      <c r="J2254" s="536" t="s">
        <v>242</v>
      </c>
      <c r="K2254" s="535" t="s">
        <v>618</v>
      </c>
    </row>
    <row r="2255" spans="1:11" ht="17.100000000000001" customHeight="1">
      <c r="A2255" s="746" t="s">
        <v>1006</v>
      </c>
      <c r="B2255" s="747"/>
      <c r="C2255" s="534" t="s">
        <v>309</v>
      </c>
      <c r="D2255" s="534" t="s">
        <v>619</v>
      </c>
      <c r="E2255" s="534" t="s">
        <v>620</v>
      </c>
      <c r="F2255" s="534" t="s">
        <v>659</v>
      </c>
      <c r="G2255" s="748" t="s">
        <v>1005</v>
      </c>
      <c r="H2255" s="749"/>
      <c r="I2255" s="749"/>
      <c r="J2255" s="749"/>
      <c r="K2255" s="750"/>
    </row>
    <row r="2256" spans="1:11" ht="13.7" customHeight="1">
      <c r="A2256" s="743" t="s">
        <v>913</v>
      </c>
      <c r="B2256" s="744"/>
      <c r="C2256" s="533"/>
      <c r="D2256" s="532"/>
      <c r="E2256" s="531"/>
      <c r="F2256" s="530"/>
      <c r="G2256" s="529" t="s">
        <v>1265</v>
      </c>
      <c r="H2256" s="528"/>
      <c r="I2256" s="528"/>
      <c r="J2256" s="528"/>
      <c r="K2256" s="527"/>
    </row>
    <row r="2257" spans="1:11" ht="13.7" customHeight="1">
      <c r="A2257" s="745"/>
      <c r="B2257" s="740"/>
      <c r="C2257" s="526"/>
      <c r="D2257" s="525"/>
      <c r="E2257" s="524"/>
      <c r="F2257" s="523" t="s">
        <v>651</v>
      </c>
      <c r="G2257" s="518" t="s">
        <v>651</v>
      </c>
      <c r="H2257" s="517"/>
      <c r="I2257" s="517"/>
      <c r="J2257" s="517"/>
      <c r="K2257" s="516"/>
    </row>
    <row r="2258" spans="1:11" ht="13.7" customHeight="1">
      <c r="A2258" s="739" t="s">
        <v>1264</v>
      </c>
      <c r="B2258" s="740"/>
      <c r="C2258" s="522" t="s">
        <v>246</v>
      </c>
      <c r="D2258" s="521">
        <v>1</v>
      </c>
      <c r="E2258" s="520"/>
      <c r="F2258" s="519"/>
      <c r="G2258" s="518" t="s">
        <v>651</v>
      </c>
      <c r="H2258" s="517"/>
      <c r="I2258" s="517"/>
      <c r="J2258" s="517"/>
      <c r="K2258" s="516"/>
    </row>
    <row r="2259" spans="1:11" ht="13.7" customHeight="1">
      <c r="A2259" s="741"/>
      <c r="B2259" s="742"/>
      <c r="C2259" s="515"/>
      <c r="D2259" s="514"/>
      <c r="E2259" s="513"/>
      <c r="F2259" s="512"/>
      <c r="G2259" s="511" t="s">
        <v>651</v>
      </c>
      <c r="H2259" s="510"/>
      <c r="I2259" s="510"/>
      <c r="J2259" s="510"/>
      <c r="K2259" s="509"/>
    </row>
    <row r="2260" spans="1:11" ht="13.7" customHeight="1">
      <c r="A2260" s="743" t="s">
        <v>651</v>
      </c>
      <c r="B2260" s="744"/>
      <c r="C2260" s="533"/>
      <c r="D2260" s="532"/>
      <c r="E2260" s="531"/>
      <c r="F2260" s="530"/>
      <c r="G2260" s="529" t="s">
        <v>651</v>
      </c>
      <c r="H2260" s="528"/>
      <c r="I2260" s="528"/>
      <c r="J2260" s="528"/>
      <c r="K2260" s="527"/>
    </row>
    <row r="2261" spans="1:11" ht="13.7" customHeight="1">
      <c r="A2261" s="745"/>
      <c r="B2261" s="740"/>
      <c r="C2261" s="526"/>
      <c r="D2261" s="525"/>
      <c r="E2261" s="524"/>
      <c r="F2261" s="523" t="s">
        <v>651</v>
      </c>
      <c r="G2261" s="518" t="s">
        <v>651</v>
      </c>
      <c r="H2261" s="517"/>
      <c r="I2261" s="517"/>
      <c r="J2261" s="517"/>
      <c r="K2261" s="516"/>
    </row>
    <row r="2262" spans="1:11" ht="13.7" customHeight="1">
      <c r="A2262" s="739" t="s">
        <v>652</v>
      </c>
      <c r="B2262" s="740"/>
      <c r="C2262" s="522" t="s">
        <v>242</v>
      </c>
      <c r="D2262" s="521">
        <v>1</v>
      </c>
      <c r="E2262" s="520"/>
      <c r="F2262" s="519"/>
      <c r="G2262" s="518" t="s">
        <v>651</v>
      </c>
      <c r="H2262" s="517"/>
      <c r="I2262" s="517"/>
      <c r="J2262" s="517"/>
      <c r="K2262" s="516"/>
    </row>
    <row r="2263" spans="1:11" ht="13.7" customHeight="1">
      <c r="A2263" s="741"/>
      <c r="B2263" s="742"/>
      <c r="C2263" s="515"/>
      <c r="D2263" s="514"/>
      <c r="E2263" s="513"/>
      <c r="F2263" s="512"/>
      <c r="G2263" s="511" t="s">
        <v>651</v>
      </c>
      <c r="H2263" s="510"/>
      <c r="I2263" s="510"/>
      <c r="J2263" s="510"/>
      <c r="K2263" s="509"/>
    </row>
    <row r="2264" spans="1:11" ht="13.7" customHeight="1">
      <c r="A2264" s="743" t="s">
        <v>651</v>
      </c>
      <c r="B2264" s="744"/>
      <c r="C2264" s="533"/>
      <c r="D2264" s="532"/>
      <c r="E2264" s="531"/>
      <c r="F2264" s="530"/>
      <c r="G2264" s="529" t="s">
        <v>651</v>
      </c>
      <c r="H2264" s="528"/>
      <c r="I2264" s="528"/>
      <c r="J2264" s="528"/>
      <c r="K2264" s="527"/>
    </row>
    <row r="2265" spans="1:11" ht="13.7" customHeight="1">
      <c r="A2265" s="745"/>
      <c r="B2265" s="740"/>
      <c r="C2265" s="526"/>
      <c r="D2265" s="525"/>
      <c r="E2265" s="524"/>
      <c r="F2265" s="523" t="s">
        <v>651</v>
      </c>
      <c r="G2265" s="518" t="s">
        <v>651</v>
      </c>
      <c r="H2265" s="517"/>
      <c r="I2265" s="517"/>
      <c r="J2265" s="517"/>
      <c r="K2265" s="516"/>
    </row>
    <row r="2266" spans="1:11" ht="13.7" customHeight="1">
      <c r="A2266" s="739" t="s">
        <v>681</v>
      </c>
      <c r="B2266" s="740"/>
      <c r="C2266" s="522" t="s">
        <v>242</v>
      </c>
      <c r="D2266" s="521">
        <v>1</v>
      </c>
      <c r="E2266" s="520" t="s">
        <v>1002</v>
      </c>
      <c r="F2266" s="519"/>
      <c r="G2266" s="518" t="s">
        <v>651</v>
      </c>
      <c r="H2266" s="517"/>
      <c r="I2266" s="517"/>
      <c r="J2266" s="517"/>
      <c r="K2266" s="516"/>
    </row>
    <row r="2267" spans="1:11" ht="13.7" customHeight="1">
      <c r="A2267" s="741"/>
      <c r="B2267" s="742"/>
      <c r="C2267" s="515"/>
      <c r="D2267" s="514"/>
      <c r="E2267" s="513"/>
      <c r="F2267" s="512"/>
      <c r="G2267" s="511" t="s">
        <v>651</v>
      </c>
      <c r="H2267" s="510"/>
      <c r="I2267" s="510"/>
      <c r="J2267" s="510"/>
      <c r="K2267" s="509"/>
    </row>
    <row r="2268" spans="1:11" ht="13.7" customHeight="1"/>
    <row r="2269" spans="1:11" ht="13.7" customHeight="1"/>
    <row r="2270" spans="1:11" ht="13.7" customHeight="1"/>
    <row r="2271" spans="1:11" ht="13.7" customHeight="1"/>
    <row r="2272" spans="1:11" ht="13.7" customHeight="1"/>
    <row r="2273" ht="13.7" customHeight="1"/>
    <row r="2274" ht="13.7" customHeight="1"/>
    <row r="2275" ht="13.7" customHeight="1"/>
    <row r="2276" ht="13.7" customHeight="1"/>
    <row r="2277" ht="13.7" customHeight="1"/>
    <row r="2278" ht="13.7" customHeight="1"/>
    <row r="2279" ht="13.7" customHeight="1"/>
    <row r="2280" ht="13.7" customHeight="1"/>
    <row r="2281" ht="13.7" customHeight="1"/>
    <row r="2282" ht="13.7" customHeight="1"/>
    <row r="2283" ht="13.7" customHeight="1"/>
    <row r="2284" ht="13.7" customHeight="1"/>
    <row r="2285" ht="13.7" customHeight="1"/>
    <row r="2286" ht="13.7" customHeight="1"/>
    <row r="2287" ht="13.7" customHeight="1"/>
    <row r="2288" ht="13.7" customHeight="1"/>
    <row r="2289" spans="1:11" ht="13.7" customHeight="1"/>
    <row r="2290" spans="1:11" ht="6.2" customHeight="1"/>
    <row r="2291" spans="1:11" ht="14.1" customHeight="1">
      <c r="A2291" s="543" t="s">
        <v>1258</v>
      </c>
      <c r="B2291" s="540" t="s">
        <v>1257</v>
      </c>
      <c r="C2291" s="540"/>
      <c r="D2291" s="540"/>
      <c r="E2291" s="540"/>
      <c r="F2291" s="540"/>
      <c r="G2291" s="542" t="s">
        <v>617</v>
      </c>
      <c r="H2291" s="541" t="s">
        <v>901</v>
      </c>
      <c r="I2291" s="540" t="s">
        <v>1007</v>
      </c>
      <c r="J2291" s="540"/>
      <c r="K2291" s="539"/>
    </row>
    <row r="2292" spans="1:11" ht="24" customHeight="1">
      <c r="A2292" s="538" t="s">
        <v>651</v>
      </c>
      <c r="B2292" s="537" t="s">
        <v>651</v>
      </c>
      <c r="C2292" s="537"/>
      <c r="D2292" s="537"/>
      <c r="E2292" s="537"/>
      <c r="F2292" s="537"/>
      <c r="G2292" s="751">
        <v>1</v>
      </c>
      <c r="H2292" s="751"/>
      <c r="I2292" s="751"/>
      <c r="J2292" s="536" t="s">
        <v>242</v>
      </c>
      <c r="K2292" s="535" t="s">
        <v>618</v>
      </c>
    </row>
    <row r="2293" spans="1:11" ht="17.100000000000001" customHeight="1">
      <c r="A2293" s="746" t="s">
        <v>1006</v>
      </c>
      <c r="B2293" s="747"/>
      <c r="C2293" s="534" t="s">
        <v>309</v>
      </c>
      <c r="D2293" s="534" t="s">
        <v>619</v>
      </c>
      <c r="E2293" s="534" t="s">
        <v>620</v>
      </c>
      <c r="F2293" s="534" t="s">
        <v>659</v>
      </c>
      <c r="G2293" s="748" t="s">
        <v>1005</v>
      </c>
      <c r="H2293" s="749"/>
      <c r="I2293" s="749"/>
      <c r="J2293" s="749"/>
      <c r="K2293" s="750"/>
    </row>
    <row r="2294" spans="1:11" ht="13.7" customHeight="1">
      <c r="A2294" s="743" t="s">
        <v>1024</v>
      </c>
      <c r="B2294" s="744"/>
      <c r="C2294" s="533"/>
      <c r="D2294" s="532"/>
      <c r="E2294" s="531"/>
      <c r="F2294" s="530"/>
      <c r="G2294" s="529" t="s">
        <v>1023</v>
      </c>
      <c r="H2294" s="528"/>
      <c r="I2294" s="528"/>
      <c r="J2294" s="528"/>
      <c r="K2294" s="527"/>
    </row>
    <row r="2295" spans="1:11" ht="13.7" customHeight="1">
      <c r="A2295" s="745"/>
      <c r="B2295" s="740"/>
      <c r="C2295" s="526"/>
      <c r="D2295" s="525"/>
      <c r="E2295" s="524"/>
      <c r="F2295" s="523" t="s">
        <v>651</v>
      </c>
      <c r="G2295" s="518" t="s">
        <v>651</v>
      </c>
      <c r="H2295" s="517"/>
      <c r="I2295" s="517"/>
      <c r="J2295" s="517"/>
      <c r="K2295" s="516"/>
    </row>
    <row r="2296" spans="1:11" ht="13.7" customHeight="1">
      <c r="A2296" s="739" t="s">
        <v>1022</v>
      </c>
      <c r="B2296" s="740"/>
      <c r="C2296" s="522" t="s">
        <v>240</v>
      </c>
      <c r="D2296" s="521">
        <v>19</v>
      </c>
      <c r="E2296" s="520"/>
      <c r="F2296" s="519"/>
      <c r="G2296" s="518" t="s">
        <v>651</v>
      </c>
      <c r="H2296" s="517"/>
      <c r="I2296" s="517"/>
      <c r="J2296" s="517"/>
      <c r="K2296" s="516"/>
    </row>
    <row r="2297" spans="1:11" ht="13.7" customHeight="1">
      <c r="A2297" s="741"/>
      <c r="B2297" s="742"/>
      <c r="C2297" s="515"/>
      <c r="D2297" s="514"/>
      <c r="E2297" s="513"/>
      <c r="F2297" s="512"/>
      <c r="G2297" s="511" t="s">
        <v>651</v>
      </c>
      <c r="H2297" s="510"/>
      <c r="I2297" s="510"/>
      <c r="J2297" s="510"/>
      <c r="K2297" s="509"/>
    </row>
    <row r="2298" spans="1:11" ht="13.7" customHeight="1">
      <c r="A2298" s="743" t="s">
        <v>1021</v>
      </c>
      <c r="B2298" s="744"/>
      <c r="C2298" s="533"/>
      <c r="D2298" s="532"/>
      <c r="E2298" s="531"/>
      <c r="F2298" s="530"/>
      <c r="G2298" s="529" t="s">
        <v>1020</v>
      </c>
      <c r="H2298" s="528"/>
      <c r="I2298" s="528"/>
      <c r="J2298" s="528"/>
      <c r="K2298" s="527"/>
    </row>
    <row r="2299" spans="1:11" ht="13.7" customHeight="1">
      <c r="A2299" s="745"/>
      <c r="B2299" s="740"/>
      <c r="C2299" s="526"/>
      <c r="D2299" s="525"/>
      <c r="E2299" s="524"/>
      <c r="F2299" s="523" t="s">
        <v>651</v>
      </c>
      <c r="G2299" s="518" t="s">
        <v>651</v>
      </c>
      <c r="H2299" s="517"/>
      <c r="I2299" s="517"/>
      <c r="J2299" s="517"/>
      <c r="K2299" s="516"/>
    </row>
    <row r="2300" spans="1:11" ht="13.7" customHeight="1">
      <c r="A2300" s="739" t="s">
        <v>1019</v>
      </c>
      <c r="B2300" s="740"/>
      <c r="C2300" s="522" t="s">
        <v>194</v>
      </c>
      <c r="D2300" s="521">
        <v>8</v>
      </c>
      <c r="E2300" s="520"/>
      <c r="F2300" s="519"/>
      <c r="G2300" s="518" t="s">
        <v>651</v>
      </c>
      <c r="H2300" s="517"/>
      <c r="I2300" s="517"/>
      <c r="J2300" s="517"/>
      <c r="K2300" s="516"/>
    </row>
    <row r="2301" spans="1:11" ht="13.7" customHeight="1">
      <c r="A2301" s="741"/>
      <c r="B2301" s="742"/>
      <c r="C2301" s="515"/>
      <c r="D2301" s="514"/>
      <c r="E2301" s="513"/>
      <c r="F2301" s="512"/>
      <c r="G2301" s="511" t="s">
        <v>651</v>
      </c>
      <c r="H2301" s="510"/>
      <c r="I2301" s="510"/>
      <c r="J2301" s="510"/>
      <c r="K2301" s="509"/>
    </row>
    <row r="2302" spans="1:11" ht="13.7" customHeight="1">
      <c r="A2302" s="743" t="s">
        <v>892</v>
      </c>
      <c r="B2302" s="744"/>
      <c r="C2302" s="533"/>
      <c r="D2302" s="532"/>
      <c r="E2302" s="531"/>
      <c r="F2302" s="530"/>
      <c r="G2302" s="529" t="s">
        <v>1018</v>
      </c>
      <c r="H2302" s="528"/>
      <c r="I2302" s="528"/>
      <c r="J2302" s="528"/>
      <c r="K2302" s="527"/>
    </row>
    <row r="2303" spans="1:11" ht="13.7" customHeight="1">
      <c r="A2303" s="745"/>
      <c r="B2303" s="740"/>
      <c r="C2303" s="526"/>
      <c r="D2303" s="525"/>
      <c r="E2303" s="524"/>
      <c r="F2303" s="523" t="s">
        <v>651</v>
      </c>
      <c r="G2303" s="518" t="s">
        <v>651</v>
      </c>
      <c r="H2303" s="517"/>
      <c r="I2303" s="517"/>
      <c r="J2303" s="517"/>
      <c r="K2303" s="516"/>
    </row>
    <row r="2304" spans="1:11" ht="13.7" customHeight="1">
      <c r="A2304" s="739" t="s">
        <v>1017</v>
      </c>
      <c r="B2304" s="740"/>
      <c r="C2304" s="522" t="s">
        <v>194</v>
      </c>
      <c r="D2304" s="521">
        <v>19</v>
      </c>
      <c r="E2304" s="520"/>
      <c r="F2304" s="519"/>
      <c r="G2304" s="518" t="s">
        <v>651</v>
      </c>
      <c r="H2304" s="517"/>
      <c r="I2304" s="517"/>
      <c r="J2304" s="517"/>
      <c r="K2304" s="516"/>
    </row>
    <row r="2305" spans="1:11" ht="13.7" customHeight="1">
      <c r="A2305" s="741"/>
      <c r="B2305" s="742"/>
      <c r="C2305" s="515"/>
      <c r="D2305" s="514"/>
      <c r="E2305" s="513"/>
      <c r="F2305" s="512"/>
      <c r="G2305" s="511" t="s">
        <v>651</v>
      </c>
      <c r="H2305" s="510"/>
      <c r="I2305" s="510"/>
      <c r="J2305" s="510"/>
      <c r="K2305" s="509"/>
    </row>
    <row r="2306" spans="1:11" ht="13.7" customHeight="1">
      <c r="A2306" s="743" t="s">
        <v>958</v>
      </c>
      <c r="B2306" s="744"/>
      <c r="C2306" s="533"/>
      <c r="D2306" s="532"/>
      <c r="E2306" s="531"/>
      <c r="F2306" s="530"/>
      <c r="G2306" s="529" t="s">
        <v>1016</v>
      </c>
      <c r="H2306" s="528"/>
      <c r="I2306" s="528"/>
      <c r="J2306" s="528"/>
      <c r="K2306" s="527"/>
    </row>
    <row r="2307" spans="1:11" ht="13.7" customHeight="1">
      <c r="A2307" s="745"/>
      <c r="B2307" s="740"/>
      <c r="C2307" s="526"/>
      <c r="D2307" s="525"/>
      <c r="E2307" s="524"/>
      <c r="F2307" s="523" t="s">
        <v>651</v>
      </c>
      <c r="G2307" s="518" t="s">
        <v>651</v>
      </c>
      <c r="H2307" s="517"/>
      <c r="I2307" s="517"/>
      <c r="J2307" s="517"/>
      <c r="K2307" s="516"/>
    </row>
    <row r="2308" spans="1:11" ht="13.7" customHeight="1">
      <c r="A2308" s="739" t="s">
        <v>1686</v>
      </c>
      <c r="B2308" s="740"/>
      <c r="C2308" s="522" t="s">
        <v>193</v>
      </c>
      <c r="D2308" s="521">
        <v>26</v>
      </c>
      <c r="E2308" s="520"/>
      <c r="F2308" s="519"/>
      <c r="G2308" s="518" t="s">
        <v>651</v>
      </c>
      <c r="H2308" s="517"/>
      <c r="I2308" s="517"/>
      <c r="J2308" s="517"/>
      <c r="K2308" s="516"/>
    </row>
    <row r="2309" spans="1:11" ht="13.7" customHeight="1">
      <c r="A2309" s="741"/>
      <c r="B2309" s="742"/>
      <c r="C2309" s="515"/>
      <c r="D2309" s="514"/>
      <c r="E2309" s="513"/>
      <c r="F2309" s="512"/>
      <c r="G2309" s="511" t="s">
        <v>651</v>
      </c>
      <c r="H2309" s="510"/>
      <c r="I2309" s="510"/>
      <c r="J2309" s="510"/>
      <c r="K2309" s="509"/>
    </row>
    <row r="2310" spans="1:11" ht="13.7" customHeight="1">
      <c r="A2310" s="743" t="s">
        <v>1015</v>
      </c>
      <c r="B2310" s="744"/>
      <c r="C2310" s="533"/>
      <c r="D2310" s="532"/>
      <c r="E2310" s="531"/>
      <c r="F2310" s="530"/>
      <c r="G2310" s="529" t="s">
        <v>1014</v>
      </c>
      <c r="H2310" s="528"/>
      <c r="I2310" s="528"/>
      <c r="J2310" s="528"/>
      <c r="K2310" s="527"/>
    </row>
    <row r="2311" spans="1:11" ht="13.7" customHeight="1">
      <c r="A2311" s="745"/>
      <c r="B2311" s="740"/>
      <c r="C2311" s="526"/>
      <c r="D2311" s="525"/>
      <c r="E2311" s="524"/>
      <c r="F2311" s="523" t="s">
        <v>651</v>
      </c>
      <c r="G2311" s="518" t="s">
        <v>651</v>
      </c>
      <c r="H2311" s="517"/>
      <c r="I2311" s="517"/>
      <c r="J2311" s="517"/>
      <c r="K2311" s="516"/>
    </row>
    <row r="2312" spans="1:11" ht="13.7" customHeight="1">
      <c r="A2312" s="739" t="s">
        <v>1013</v>
      </c>
      <c r="B2312" s="740"/>
      <c r="C2312" s="522" t="s">
        <v>193</v>
      </c>
      <c r="D2312" s="521">
        <v>9</v>
      </c>
      <c r="E2312" s="520"/>
      <c r="F2312" s="519"/>
      <c r="G2312" s="518" t="s">
        <v>651</v>
      </c>
      <c r="H2312" s="517"/>
      <c r="I2312" s="517"/>
      <c r="J2312" s="517"/>
      <c r="K2312" s="516"/>
    </row>
    <row r="2313" spans="1:11" ht="13.7" customHeight="1">
      <c r="A2313" s="741"/>
      <c r="B2313" s="742"/>
      <c r="C2313" s="515"/>
      <c r="D2313" s="514"/>
      <c r="E2313" s="513"/>
      <c r="F2313" s="512"/>
      <c r="G2313" s="511" t="s">
        <v>651</v>
      </c>
      <c r="H2313" s="510"/>
      <c r="I2313" s="510"/>
      <c r="J2313" s="510"/>
      <c r="K2313" s="509"/>
    </row>
    <row r="2314" spans="1:11" ht="13.7" customHeight="1">
      <c r="A2314" s="743" t="s">
        <v>951</v>
      </c>
      <c r="B2314" s="744"/>
      <c r="C2314" s="533"/>
      <c r="D2314" s="532"/>
      <c r="E2314" s="531"/>
      <c r="F2314" s="530"/>
      <c r="G2314" s="529" t="s">
        <v>1012</v>
      </c>
      <c r="H2314" s="528"/>
      <c r="I2314" s="528"/>
      <c r="J2314" s="528"/>
      <c r="K2314" s="527"/>
    </row>
    <row r="2315" spans="1:11" ht="13.7" customHeight="1">
      <c r="A2315" s="745"/>
      <c r="B2315" s="740"/>
      <c r="C2315" s="526"/>
      <c r="D2315" s="525"/>
      <c r="E2315" s="524"/>
      <c r="F2315" s="523" t="s">
        <v>651</v>
      </c>
      <c r="G2315" s="518" t="s">
        <v>651</v>
      </c>
      <c r="H2315" s="517"/>
      <c r="I2315" s="517"/>
      <c r="J2315" s="517"/>
      <c r="K2315" s="516"/>
    </row>
    <row r="2316" spans="1:11" ht="13.7" customHeight="1">
      <c r="A2316" s="739" t="s">
        <v>1686</v>
      </c>
      <c r="B2316" s="740"/>
      <c r="C2316" s="522" t="s">
        <v>193</v>
      </c>
      <c r="D2316" s="521">
        <v>14</v>
      </c>
      <c r="E2316" s="520"/>
      <c r="F2316" s="519"/>
      <c r="G2316" s="518" t="s">
        <v>651</v>
      </c>
      <c r="H2316" s="517"/>
      <c r="I2316" s="517"/>
      <c r="J2316" s="517"/>
      <c r="K2316" s="516"/>
    </row>
    <row r="2317" spans="1:11" ht="13.7" customHeight="1">
      <c r="A2317" s="741"/>
      <c r="B2317" s="742"/>
      <c r="C2317" s="515"/>
      <c r="D2317" s="514"/>
      <c r="E2317" s="513"/>
      <c r="F2317" s="512"/>
      <c r="G2317" s="511" t="s">
        <v>651</v>
      </c>
      <c r="H2317" s="510"/>
      <c r="I2317" s="510"/>
      <c r="J2317" s="510"/>
      <c r="K2317" s="509"/>
    </row>
    <row r="2318" spans="1:11" ht="13.7" customHeight="1">
      <c r="A2318" s="743" t="s">
        <v>1677</v>
      </c>
      <c r="B2318" s="744"/>
      <c r="C2318" s="533"/>
      <c r="D2318" s="532"/>
      <c r="E2318" s="531"/>
      <c r="F2318" s="530"/>
      <c r="G2318" s="529" t="s">
        <v>1011</v>
      </c>
      <c r="H2318" s="528"/>
      <c r="I2318" s="528"/>
      <c r="J2318" s="528"/>
      <c r="K2318" s="527"/>
    </row>
    <row r="2319" spans="1:11" ht="13.7" customHeight="1">
      <c r="A2319" s="745"/>
      <c r="B2319" s="740"/>
      <c r="C2319" s="526"/>
      <c r="D2319" s="525"/>
      <c r="E2319" s="524"/>
      <c r="F2319" s="523" t="s">
        <v>651</v>
      </c>
      <c r="G2319" s="518" t="s">
        <v>651</v>
      </c>
      <c r="H2319" s="517"/>
      <c r="I2319" s="517"/>
      <c r="J2319" s="517"/>
      <c r="K2319" s="516"/>
    </row>
    <row r="2320" spans="1:11" ht="13.7" customHeight="1">
      <c r="A2320" s="739" t="s">
        <v>1676</v>
      </c>
      <c r="B2320" s="740"/>
      <c r="C2320" s="522" t="s">
        <v>193</v>
      </c>
      <c r="D2320" s="521">
        <v>12</v>
      </c>
      <c r="E2320" s="520"/>
      <c r="F2320" s="519"/>
      <c r="G2320" s="518" t="s">
        <v>651</v>
      </c>
      <c r="H2320" s="517"/>
      <c r="I2320" s="517"/>
      <c r="J2320" s="517"/>
      <c r="K2320" s="516"/>
    </row>
    <row r="2321" spans="1:11" ht="13.7" customHeight="1">
      <c r="A2321" s="741"/>
      <c r="B2321" s="742"/>
      <c r="C2321" s="515"/>
      <c r="D2321" s="514"/>
      <c r="E2321" s="513"/>
      <c r="F2321" s="512"/>
      <c r="G2321" s="511" t="s">
        <v>651</v>
      </c>
      <c r="H2321" s="510"/>
      <c r="I2321" s="510"/>
      <c r="J2321" s="510"/>
      <c r="K2321" s="509"/>
    </row>
    <row r="2322" spans="1:11" ht="13.7" customHeight="1">
      <c r="A2322" s="743" t="s">
        <v>1673</v>
      </c>
      <c r="B2322" s="744"/>
      <c r="C2322" s="533"/>
      <c r="D2322" s="532"/>
      <c r="E2322" s="531"/>
      <c r="F2322" s="530"/>
      <c r="G2322" s="529" t="s">
        <v>1010</v>
      </c>
      <c r="H2322" s="528"/>
      <c r="I2322" s="528"/>
      <c r="J2322" s="528"/>
      <c r="K2322" s="527"/>
    </row>
    <row r="2323" spans="1:11" ht="13.7" customHeight="1">
      <c r="A2323" s="745"/>
      <c r="B2323" s="740"/>
      <c r="C2323" s="526"/>
      <c r="D2323" s="525"/>
      <c r="E2323" s="524"/>
      <c r="F2323" s="523" t="s">
        <v>651</v>
      </c>
      <c r="G2323" s="518" t="s">
        <v>651</v>
      </c>
      <c r="H2323" s="517"/>
      <c r="I2323" s="517"/>
      <c r="J2323" s="517"/>
      <c r="K2323" s="516"/>
    </row>
    <row r="2324" spans="1:11" ht="13.7" customHeight="1">
      <c r="A2324" s="739" t="s">
        <v>1672</v>
      </c>
      <c r="B2324" s="740"/>
      <c r="C2324" s="522" t="s">
        <v>194</v>
      </c>
      <c r="D2324" s="521">
        <v>8</v>
      </c>
      <c r="E2324" s="520"/>
      <c r="F2324" s="519"/>
      <c r="G2324" s="518" t="s">
        <v>651</v>
      </c>
      <c r="H2324" s="517"/>
      <c r="I2324" s="517"/>
      <c r="J2324" s="517"/>
      <c r="K2324" s="516"/>
    </row>
    <row r="2325" spans="1:11" ht="13.7" customHeight="1">
      <c r="A2325" s="741"/>
      <c r="B2325" s="742"/>
      <c r="C2325" s="515"/>
      <c r="D2325" s="514"/>
      <c r="E2325" s="513"/>
      <c r="F2325" s="512"/>
      <c r="G2325" s="511" t="s">
        <v>651</v>
      </c>
      <c r="H2325" s="510"/>
      <c r="I2325" s="510"/>
      <c r="J2325" s="510"/>
      <c r="K2325" s="509"/>
    </row>
    <row r="2326" spans="1:11" ht="13.7" customHeight="1"/>
    <row r="2327" spans="1:11" ht="13.7" customHeight="1"/>
    <row r="2328" spans="1:11" ht="6.2" customHeight="1"/>
    <row r="2329" spans="1:11" ht="14.1" customHeight="1">
      <c r="A2329" s="543" t="s">
        <v>1258</v>
      </c>
      <c r="B2329" s="540" t="s">
        <v>1257</v>
      </c>
      <c r="C2329" s="540"/>
      <c r="D2329" s="540"/>
      <c r="E2329" s="540"/>
      <c r="F2329" s="540"/>
      <c r="G2329" s="542" t="s">
        <v>617</v>
      </c>
      <c r="H2329" s="541" t="s">
        <v>901</v>
      </c>
      <c r="I2329" s="540" t="s">
        <v>1007</v>
      </c>
      <c r="J2329" s="540"/>
      <c r="K2329" s="539"/>
    </row>
    <row r="2330" spans="1:11" ht="24" customHeight="1">
      <c r="A2330" s="538" t="s">
        <v>651</v>
      </c>
      <c r="B2330" s="537" t="s">
        <v>651</v>
      </c>
      <c r="C2330" s="537"/>
      <c r="D2330" s="537"/>
      <c r="E2330" s="537"/>
      <c r="F2330" s="537"/>
      <c r="G2330" s="751">
        <v>1</v>
      </c>
      <c r="H2330" s="751"/>
      <c r="I2330" s="751"/>
      <c r="J2330" s="536" t="s">
        <v>242</v>
      </c>
      <c r="K2330" s="535" t="s">
        <v>618</v>
      </c>
    </row>
    <row r="2331" spans="1:11" ht="17.100000000000001" customHeight="1">
      <c r="A2331" s="746" t="s">
        <v>1006</v>
      </c>
      <c r="B2331" s="747"/>
      <c r="C2331" s="534" t="s">
        <v>309</v>
      </c>
      <c r="D2331" s="534" t="s">
        <v>619</v>
      </c>
      <c r="E2331" s="534" t="s">
        <v>620</v>
      </c>
      <c r="F2331" s="534" t="s">
        <v>659</v>
      </c>
      <c r="G2331" s="748" t="s">
        <v>1005</v>
      </c>
      <c r="H2331" s="749"/>
      <c r="I2331" s="749"/>
      <c r="J2331" s="749"/>
      <c r="K2331" s="750"/>
    </row>
    <row r="2332" spans="1:11" ht="13.7" customHeight="1">
      <c r="A2332" s="743" t="s">
        <v>880</v>
      </c>
      <c r="B2332" s="744"/>
      <c r="C2332" s="533"/>
      <c r="D2332" s="532"/>
      <c r="E2332" s="531"/>
      <c r="F2332" s="530"/>
      <c r="G2332" s="529" t="s">
        <v>1004</v>
      </c>
      <c r="H2332" s="528"/>
      <c r="I2332" s="528"/>
      <c r="J2332" s="528"/>
      <c r="K2332" s="527"/>
    </row>
    <row r="2333" spans="1:11" ht="13.7" customHeight="1">
      <c r="A2333" s="745"/>
      <c r="B2333" s="740"/>
      <c r="C2333" s="526"/>
      <c r="D2333" s="525"/>
      <c r="E2333" s="524"/>
      <c r="F2333" s="523" t="s">
        <v>651</v>
      </c>
      <c r="G2333" s="518" t="s">
        <v>651</v>
      </c>
      <c r="H2333" s="517"/>
      <c r="I2333" s="517"/>
      <c r="J2333" s="517"/>
      <c r="K2333" s="516"/>
    </row>
    <row r="2334" spans="1:11" ht="13.7" customHeight="1">
      <c r="A2334" s="739" t="s">
        <v>1695</v>
      </c>
      <c r="B2334" s="740"/>
      <c r="C2334" s="522" t="s">
        <v>193</v>
      </c>
      <c r="D2334" s="521">
        <v>0.2</v>
      </c>
      <c r="E2334" s="520"/>
      <c r="F2334" s="519"/>
      <c r="G2334" s="518" t="s">
        <v>651</v>
      </c>
      <c r="H2334" s="517"/>
      <c r="I2334" s="517"/>
      <c r="J2334" s="517"/>
      <c r="K2334" s="516"/>
    </row>
    <row r="2335" spans="1:11" ht="13.7" customHeight="1">
      <c r="A2335" s="741"/>
      <c r="B2335" s="742"/>
      <c r="C2335" s="515"/>
      <c r="D2335" s="514"/>
      <c r="E2335" s="513"/>
      <c r="F2335" s="512"/>
      <c r="G2335" s="511" t="s">
        <v>651</v>
      </c>
      <c r="H2335" s="510"/>
      <c r="I2335" s="510"/>
      <c r="J2335" s="510"/>
      <c r="K2335" s="509"/>
    </row>
    <row r="2336" spans="1:11" ht="13.7" customHeight="1">
      <c r="A2336" s="743" t="s">
        <v>981</v>
      </c>
      <c r="B2336" s="744"/>
      <c r="C2336" s="533"/>
      <c r="D2336" s="532"/>
      <c r="E2336" s="531"/>
      <c r="F2336" s="530"/>
      <c r="G2336" s="529" t="s">
        <v>1003</v>
      </c>
      <c r="H2336" s="528"/>
      <c r="I2336" s="528"/>
      <c r="J2336" s="528"/>
      <c r="K2336" s="527"/>
    </row>
    <row r="2337" spans="1:11" ht="13.7" customHeight="1">
      <c r="A2337" s="745"/>
      <c r="B2337" s="740"/>
      <c r="C2337" s="526"/>
      <c r="D2337" s="525"/>
      <c r="E2337" s="524"/>
      <c r="F2337" s="523" t="s">
        <v>651</v>
      </c>
      <c r="G2337" s="518" t="s">
        <v>651</v>
      </c>
      <c r="H2337" s="517"/>
      <c r="I2337" s="517"/>
      <c r="J2337" s="517"/>
      <c r="K2337" s="516"/>
    </row>
    <row r="2338" spans="1:11" ht="13.7" customHeight="1">
      <c r="A2338" s="739" t="s">
        <v>1691</v>
      </c>
      <c r="B2338" s="740"/>
      <c r="C2338" s="522" t="s">
        <v>193</v>
      </c>
      <c r="D2338" s="521">
        <v>0.2</v>
      </c>
      <c r="E2338" s="520"/>
      <c r="F2338" s="519"/>
      <c r="G2338" s="518" t="s">
        <v>651</v>
      </c>
      <c r="H2338" s="517"/>
      <c r="I2338" s="517"/>
      <c r="J2338" s="517"/>
      <c r="K2338" s="516"/>
    </row>
    <row r="2339" spans="1:11" ht="13.7" customHeight="1">
      <c r="A2339" s="741"/>
      <c r="B2339" s="742"/>
      <c r="C2339" s="515"/>
      <c r="D2339" s="514"/>
      <c r="E2339" s="513"/>
      <c r="F2339" s="512"/>
      <c r="G2339" s="511" t="s">
        <v>651</v>
      </c>
      <c r="H2339" s="510"/>
      <c r="I2339" s="510"/>
      <c r="J2339" s="510"/>
      <c r="K2339" s="509"/>
    </row>
    <row r="2340" spans="1:11" ht="13.7" customHeight="1">
      <c r="A2340" s="743" t="s">
        <v>736</v>
      </c>
      <c r="B2340" s="744"/>
      <c r="C2340" s="533"/>
      <c r="D2340" s="532"/>
      <c r="E2340" s="531"/>
      <c r="F2340" s="530"/>
      <c r="G2340" s="529" t="s">
        <v>1263</v>
      </c>
      <c r="H2340" s="528"/>
      <c r="I2340" s="528"/>
      <c r="J2340" s="528"/>
      <c r="K2340" s="527"/>
    </row>
    <row r="2341" spans="1:11" ht="13.7" customHeight="1">
      <c r="A2341" s="745"/>
      <c r="B2341" s="740"/>
      <c r="C2341" s="526"/>
      <c r="D2341" s="525"/>
      <c r="E2341" s="524"/>
      <c r="F2341" s="523" t="s">
        <v>651</v>
      </c>
      <c r="G2341" s="518" t="s">
        <v>651</v>
      </c>
      <c r="H2341" s="517"/>
      <c r="I2341" s="517"/>
      <c r="J2341" s="517"/>
      <c r="K2341" s="516"/>
    </row>
    <row r="2342" spans="1:11" ht="13.7" customHeight="1">
      <c r="A2342" s="739" t="s">
        <v>1261</v>
      </c>
      <c r="B2342" s="740"/>
      <c r="C2342" s="522" t="s">
        <v>240</v>
      </c>
      <c r="D2342" s="521">
        <v>5.2</v>
      </c>
      <c r="E2342" s="520"/>
      <c r="F2342" s="519"/>
      <c r="G2342" s="518" t="s">
        <v>651</v>
      </c>
      <c r="H2342" s="517"/>
      <c r="I2342" s="517"/>
      <c r="J2342" s="517"/>
      <c r="K2342" s="516"/>
    </row>
    <row r="2343" spans="1:11" ht="13.7" customHeight="1">
      <c r="A2343" s="741"/>
      <c r="B2343" s="742"/>
      <c r="C2343" s="515"/>
      <c r="D2343" s="514"/>
      <c r="E2343" s="513"/>
      <c r="F2343" s="512"/>
      <c r="G2343" s="511" t="s">
        <v>651</v>
      </c>
      <c r="H2343" s="510"/>
      <c r="I2343" s="510"/>
      <c r="J2343" s="510"/>
      <c r="K2343" s="509"/>
    </row>
    <row r="2344" spans="1:11" ht="13.7" customHeight="1">
      <c r="A2344" s="743" t="s">
        <v>730</v>
      </c>
      <c r="B2344" s="744"/>
      <c r="C2344" s="533"/>
      <c r="D2344" s="532"/>
      <c r="E2344" s="531"/>
      <c r="F2344" s="530"/>
      <c r="G2344" s="529" t="s">
        <v>1262</v>
      </c>
      <c r="H2344" s="528"/>
      <c r="I2344" s="528"/>
      <c r="J2344" s="528"/>
      <c r="K2344" s="527"/>
    </row>
    <row r="2345" spans="1:11" ht="13.7" customHeight="1">
      <c r="A2345" s="745"/>
      <c r="B2345" s="740"/>
      <c r="C2345" s="526"/>
      <c r="D2345" s="525"/>
      <c r="E2345" s="524"/>
      <c r="F2345" s="523" t="s">
        <v>651</v>
      </c>
      <c r="G2345" s="518" t="s">
        <v>651</v>
      </c>
      <c r="H2345" s="517"/>
      <c r="I2345" s="517"/>
      <c r="J2345" s="517"/>
      <c r="K2345" s="516"/>
    </row>
    <row r="2346" spans="1:11" ht="13.7" customHeight="1">
      <c r="A2346" s="739" t="s">
        <v>1261</v>
      </c>
      <c r="B2346" s="740"/>
      <c r="C2346" s="522" t="s">
        <v>240</v>
      </c>
      <c r="D2346" s="521">
        <v>5.2</v>
      </c>
      <c r="E2346" s="520"/>
      <c r="F2346" s="519"/>
      <c r="G2346" s="518" t="s">
        <v>651</v>
      </c>
      <c r="H2346" s="517"/>
      <c r="I2346" s="517"/>
      <c r="J2346" s="517"/>
      <c r="K2346" s="516"/>
    </row>
    <row r="2347" spans="1:11" ht="13.7" customHeight="1">
      <c r="A2347" s="741"/>
      <c r="B2347" s="742"/>
      <c r="C2347" s="515"/>
      <c r="D2347" s="514"/>
      <c r="E2347" s="513"/>
      <c r="F2347" s="512"/>
      <c r="G2347" s="511" t="s">
        <v>651</v>
      </c>
      <c r="H2347" s="510"/>
      <c r="I2347" s="510"/>
      <c r="J2347" s="510"/>
      <c r="K2347" s="509"/>
    </row>
    <row r="2348" spans="1:11" ht="13.7" customHeight="1">
      <c r="A2348" s="743" t="s">
        <v>727</v>
      </c>
      <c r="B2348" s="744"/>
      <c r="C2348" s="533"/>
      <c r="D2348" s="532"/>
      <c r="E2348" s="531"/>
      <c r="F2348" s="530"/>
      <c r="G2348" s="529" t="s">
        <v>1260</v>
      </c>
      <c r="H2348" s="528"/>
      <c r="I2348" s="528"/>
      <c r="J2348" s="528"/>
      <c r="K2348" s="527"/>
    </row>
    <row r="2349" spans="1:11" ht="13.7" customHeight="1">
      <c r="A2349" s="745"/>
      <c r="B2349" s="740"/>
      <c r="C2349" s="526"/>
      <c r="D2349" s="525"/>
      <c r="E2349" s="524"/>
      <c r="F2349" s="523" t="s">
        <v>651</v>
      </c>
      <c r="G2349" s="518" t="s">
        <v>651</v>
      </c>
      <c r="H2349" s="517"/>
      <c r="I2349" s="517"/>
      <c r="J2349" s="517"/>
      <c r="K2349" s="516"/>
    </row>
    <row r="2350" spans="1:11" ht="13.7" customHeight="1">
      <c r="A2350" s="739" t="s">
        <v>1669</v>
      </c>
      <c r="B2350" s="740"/>
      <c r="C2350" s="522" t="s">
        <v>240</v>
      </c>
      <c r="D2350" s="521">
        <v>5.2</v>
      </c>
      <c r="E2350" s="520"/>
      <c r="F2350" s="519"/>
      <c r="G2350" s="518" t="s">
        <v>651</v>
      </c>
      <c r="H2350" s="517"/>
      <c r="I2350" s="517"/>
      <c r="J2350" s="517"/>
      <c r="K2350" s="516"/>
    </row>
    <row r="2351" spans="1:11" ht="13.7" customHeight="1">
      <c r="A2351" s="741"/>
      <c r="B2351" s="742"/>
      <c r="C2351" s="515"/>
      <c r="D2351" s="514"/>
      <c r="E2351" s="513"/>
      <c r="F2351" s="512"/>
      <c r="G2351" s="511" t="s">
        <v>651</v>
      </c>
      <c r="H2351" s="510"/>
      <c r="I2351" s="510"/>
      <c r="J2351" s="510"/>
      <c r="K2351" s="509"/>
    </row>
    <row r="2352" spans="1:11" ht="13.7" customHeight="1">
      <c r="A2352" s="743" t="s">
        <v>724</v>
      </c>
      <c r="B2352" s="744"/>
      <c r="C2352" s="533"/>
      <c r="D2352" s="532"/>
      <c r="E2352" s="531"/>
      <c r="F2352" s="530"/>
      <c r="G2352" s="529" t="s">
        <v>1259</v>
      </c>
      <c r="H2352" s="528"/>
      <c r="I2352" s="528"/>
      <c r="J2352" s="528"/>
      <c r="K2352" s="527"/>
    </row>
    <row r="2353" spans="1:11" ht="13.7" customHeight="1">
      <c r="A2353" s="745"/>
      <c r="B2353" s="740"/>
      <c r="C2353" s="526"/>
      <c r="D2353" s="525"/>
      <c r="E2353" s="524"/>
      <c r="F2353" s="523" t="s">
        <v>651</v>
      </c>
      <c r="G2353" s="518" t="s">
        <v>651</v>
      </c>
      <c r="H2353" s="517"/>
      <c r="I2353" s="517"/>
      <c r="J2353" s="517"/>
      <c r="K2353" s="516"/>
    </row>
    <row r="2354" spans="1:11" ht="13.7" customHeight="1">
      <c r="A2354" s="739" t="s">
        <v>1669</v>
      </c>
      <c r="B2354" s="740"/>
      <c r="C2354" s="522" t="s">
        <v>240</v>
      </c>
      <c r="D2354" s="521">
        <v>5.2</v>
      </c>
      <c r="E2354" s="520"/>
      <c r="F2354" s="519"/>
      <c r="G2354" s="518" t="s">
        <v>651</v>
      </c>
      <c r="H2354" s="517"/>
      <c r="I2354" s="517"/>
      <c r="J2354" s="517"/>
      <c r="K2354" s="516"/>
    </row>
    <row r="2355" spans="1:11" ht="13.7" customHeight="1">
      <c r="A2355" s="741"/>
      <c r="B2355" s="742"/>
      <c r="C2355" s="515"/>
      <c r="D2355" s="514"/>
      <c r="E2355" s="513"/>
      <c r="F2355" s="512"/>
      <c r="G2355" s="511" t="s">
        <v>651</v>
      </c>
      <c r="H2355" s="510"/>
      <c r="I2355" s="510"/>
      <c r="J2355" s="510"/>
      <c r="K2355" s="509"/>
    </row>
    <row r="2356" spans="1:11" ht="13.7" customHeight="1">
      <c r="A2356" s="743" t="s">
        <v>1108</v>
      </c>
      <c r="B2356" s="744"/>
      <c r="C2356" s="533"/>
      <c r="D2356" s="532"/>
      <c r="E2356" s="531"/>
      <c r="F2356" s="530"/>
      <c r="G2356" s="529" t="s">
        <v>651</v>
      </c>
      <c r="H2356" s="528"/>
      <c r="I2356" s="528"/>
      <c r="J2356" s="528"/>
      <c r="K2356" s="527"/>
    </row>
    <row r="2357" spans="1:11" ht="13.7" customHeight="1">
      <c r="A2357" s="745"/>
      <c r="B2357" s="740"/>
      <c r="C2357" s="526"/>
      <c r="D2357" s="525"/>
      <c r="E2357" s="524"/>
      <c r="F2357" s="523" t="s">
        <v>651</v>
      </c>
      <c r="G2357" s="518" t="s">
        <v>651</v>
      </c>
      <c r="H2357" s="517"/>
      <c r="I2357" s="517"/>
      <c r="J2357" s="517"/>
      <c r="K2357" s="516"/>
    </row>
    <row r="2358" spans="1:11" ht="13.7" customHeight="1">
      <c r="A2358" s="739" t="s">
        <v>871</v>
      </c>
      <c r="B2358" s="740"/>
      <c r="C2358" s="522" t="s">
        <v>242</v>
      </c>
      <c r="D2358" s="521">
        <v>1</v>
      </c>
      <c r="E2358" s="520"/>
      <c r="F2358" s="519"/>
      <c r="G2358" s="518" t="s">
        <v>651</v>
      </c>
      <c r="H2358" s="517"/>
      <c r="I2358" s="517"/>
      <c r="J2358" s="517"/>
      <c r="K2358" s="516"/>
    </row>
    <row r="2359" spans="1:11" ht="13.7" customHeight="1">
      <c r="A2359" s="741"/>
      <c r="B2359" s="742"/>
      <c r="C2359" s="515"/>
      <c r="D2359" s="514"/>
      <c r="E2359" s="513"/>
      <c r="F2359" s="512"/>
      <c r="G2359" s="511" t="s">
        <v>651</v>
      </c>
      <c r="H2359" s="510"/>
      <c r="I2359" s="510"/>
      <c r="J2359" s="510"/>
      <c r="K2359" s="509"/>
    </row>
    <row r="2360" spans="1:11" ht="13.7" customHeight="1">
      <c r="A2360" s="743" t="s">
        <v>651</v>
      </c>
      <c r="B2360" s="744"/>
      <c r="C2360" s="533"/>
      <c r="D2360" s="532"/>
      <c r="E2360" s="531"/>
      <c r="F2360" s="530"/>
      <c r="G2360" s="529" t="s">
        <v>651</v>
      </c>
      <c r="H2360" s="528"/>
      <c r="I2360" s="528"/>
      <c r="J2360" s="528"/>
      <c r="K2360" s="527"/>
    </row>
    <row r="2361" spans="1:11" ht="13.7" customHeight="1">
      <c r="A2361" s="745"/>
      <c r="B2361" s="740"/>
      <c r="C2361" s="526"/>
      <c r="D2361" s="525"/>
      <c r="E2361" s="524"/>
      <c r="F2361" s="523" t="s">
        <v>651</v>
      </c>
      <c r="G2361" s="518" t="s">
        <v>651</v>
      </c>
      <c r="H2361" s="517"/>
      <c r="I2361" s="517"/>
      <c r="J2361" s="517"/>
      <c r="K2361" s="516"/>
    </row>
    <row r="2362" spans="1:11" ht="13.7" customHeight="1">
      <c r="A2362" s="739" t="s">
        <v>652</v>
      </c>
      <c r="B2362" s="740"/>
      <c r="C2362" s="522" t="s">
        <v>242</v>
      </c>
      <c r="D2362" s="521">
        <v>1</v>
      </c>
      <c r="E2362" s="520"/>
      <c r="F2362" s="519"/>
      <c r="G2362" s="518" t="s">
        <v>651</v>
      </c>
      <c r="H2362" s="517"/>
      <c r="I2362" s="517"/>
      <c r="J2362" s="517"/>
      <c r="K2362" s="516"/>
    </row>
    <row r="2363" spans="1:11" ht="13.7" customHeight="1">
      <c r="A2363" s="741"/>
      <c r="B2363" s="742"/>
      <c r="C2363" s="515"/>
      <c r="D2363" s="514"/>
      <c r="E2363" s="513"/>
      <c r="F2363" s="512"/>
      <c r="G2363" s="511" t="s">
        <v>651</v>
      </c>
      <c r="H2363" s="510"/>
      <c r="I2363" s="510"/>
      <c r="J2363" s="510"/>
      <c r="K2363" s="509"/>
    </row>
    <row r="2364" spans="1:11" ht="13.7" customHeight="1"/>
    <row r="2365" spans="1:11" ht="13.7" customHeight="1"/>
    <row r="2366" spans="1:11" ht="6.2" customHeight="1"/>
    <row r="2367" spans="1:11" ht="14.1" customHeight="1">
      <c r="A2367" s="543" t="s">
        <v>1258</v>
      </c>
      <c r="B2367" s="540" t="s">
        <v>1257</v>
      </c>
      <c r="C2367" s="540"/>
      <c r="D2367" s="540"/>
      <c r="E2367" s="540"/>
      <c r="F2367" s="540"/>
      <c r="G2367" s="542" t="s">
        <v>617</v>
      </c>
      <c r="H2367" s="541" t="s">
        <v>901</v>
      </c>
      <c r="I2367" s="540" t="s">
        <v>1007</v>
      </c>
      <c r="J2367" s="540"/>
      <c r="K2367" s="539"/>
    </row>
    <row r="2368" spans="1:11" ht="24" customHeight="1">
      <c r="A2368" s="538" t="s">
        <v>651</v>
      </c>
      <c r="B2368" s="537" t="s">
        <v>651</v>
      </c>
      <c r="C2368" s="537"/>
      <c r="D2368" s="537"/>
      <c r="E2368" s="537"/>
      <c r="F2368" s="537"/>
      <c r="G2368" s="751">
        <v>1</v>
      </c>
      <c r="H2368" s="751"/>
      <c r="I2368" s="751"/>
      <c r="J2368" s="536" t="s">
        <v>242</v>
      </c>
      <c r="K2368" s="535" t="s">
        <v>618</v>
      </c>
    </row>
    <row r="2369" spans="1:11" ht="17.100000000000001" customHeight="1">
      <c r="A2369" s="746" t="s">
        <v>1006</v>
      </c>
      <c r="B2369" s="747"/>
      <c r="C2369" s="534" t="s">
        <v>309</v>
      </c>
      <c r="D2369" s="534" t="s">
        <v>619</v>
      </c>
      <c r="E2369" s="534" t="s">
        <v>620</v>
      </c>
      <c r="F2369" s="534" t="s">
        <v>659</v>
      </c>
      <c r="G2369" s="748" t="s">
        <v>1005</v>
      </c>
      <c r="H2369" s="749"/>
      <c r="I2369" s="749"/>
      <c r="J2369" s="749"/>
      <c r="K2369" s="750"/>
    </row>
    <row r="2370" spans="1:11" ht="13.7" customHeight="1">
      <c r="A2370" s="743" t="s">
        <v>651</v>
      </c>
      <c r="B2370" s="744"/>
      <c r="C2370" s="533"/>
      <c r="D2370" s="532"/>
      <c r="E2370" s="531"/>
      <c r="F2370" s="530"/>
      <c r="G2370" s="529" t="s">
        <v>651</v>
      </c>
      <c r="H2370" s="528"/>
      <c r="I2370" s="528"/>
      <c r="J2370" s="528"/>
      <c r="K2370" s="527"/>
    </row>
    <row r="2371" spans="1:11" ht="13.7" customHeight="1">
      <c r="A2371" s="745"/>
      <c r="B2371" s="740"/>
      <c r="C2371" s="526"/>
      <c r="D2371" s="525"/>
      <c r="E2371" s="524"/>
      <c r="F2371" s="523" t="s">
        <v>651</v>
      </c>
      <c r="G2371" s="518" t="s">
        <v>651</v>
      </c>
      <c r="H2371" s="517"/>
      <c r="I2371" s="517"/>
      <c r="J2371" s="517"/>
      <c r="K2371" s="516"/>
    </row>
    <row r="2372" spans="1:11" ht="13.7" customHeight="1">
      <c r="A2372" s="739" t="s">
        <v>681</v>
      </c>
      <c r="B2372" s="740"/>
      <c r="C2372" s="522" t="s">
        <v>242</v>
      </c>
      <c r="D2372" s="521">
        <v>1</v>
      </c>
      <c r="E2372" s="520" t="s">
        <v>1002</v>
      </c>
      <c r="F2372" s="519"/>
      <c r="G2372" s="518" t="s">
        <v>651</v>
      </c>
      <c r="H2372" s="517"/>
      <c r="I2372" s="517"/>
      <c r="J2372" s="517"/>
      <c r="K2372" s="516"/>
    </row>
    <row r="2373" spans="1:11" ht="13.7" customHeight="1">
      <c r="A2373" s="741"/>
      <c r="B2373" s="742"/>
      <c r="C2373" s="515"/>
      <c r="D2373" s="514"/>
      <c r="E2373" s="513"/>
      <c r="F2373" s="512"/>
      <c r="G2373" s="511" t="s">
        <v>651</v>
      </c>
      <c r="H2373" s="510"/>
      <c r="I2373" s="510"/>
      <c r="J2373" s="510"/>
      <c r="K2373" s="509"/>
    </row>
    <row r="2374" spans="1:11" ht="54.95" customHeight="1"/>
    <row r="2375" spans="1:11" ht="14.1" customHeight="1">
      <c r="A2375" s="543" t="s">
        <v>1256</v>
      </c>
      <c r="B2375" s="540" t="s">
        <v>1255</v>
      </c>
      <c r="C2375" s="540"/>
      <c r="D2375" s="540"/>
      <c r="E2375" s="540"/>
      <c r="F2375" s="540"/>
      <c r="G2375" s="542" t="s">
        <v>617</v>
      </c>
      <c r="H2375" s="541" t="s">
        <v>897</v>
      </c>
      <c r="I2375" s="540" t="s">
        <v>1007</v>
      </c>
      <c r="J2375" s="540"/>
      <c r="K2375" s="539"/>
    </row>
    <row r="2376" spans="1:11" ht="24" customHeight="1">
      <c r="A2376" s="538" t="s">
        <v>651</v>
      </c>
      <c r="B2376" s="537" t="s">
        <v>651</v>
      </c>
      <c r="C2376" s="537"/>
      <c r="D2376" s="537"/>
      <c r="E2376" s="537"/>
      <c r="F2376" s="537"/>
      <c r="G2376" s="751">
        <v>1</v>
      </c>
      <c r="H2376" s="751"/>
      <c r="I2376" s="751"/>
      <c r="J2376" s="536" t="s">
        <v>242</v>
      </c>
      <c r="K2376" s="535" t="s">
        <v>618</v>
      </c>
    </row>
    <row r="2377" spans="1:11" ht="17.100000000000001" customHeight="1">
      <c r="A2377" s="746" t="s">
        <v>1006</v>
      </c>
      <c r="B2377" s="747"/>
      <c r="C2377" s="534" t="s">
        <v>309</v>
      </c>
      <c r="D2377" s="534" t="s">
        <v>619</v>
      </c>
      <c r="E2377" s="534" t="s">
        <v>620</v>
      </c>
      <c r="F2377" s="534" t="s">
        <v>659</v>
      </c>
      <c r="G2377" s="748" t="s">
        <v>1005</v>
      </c>
      <c r="H2377" s="749"/>
      <c r="I2377" s="749"/>
      <c r="J2377" s="749"/>
      <c r="K2377" s="750"/>
    </row>
    <row r="2378" spans="1:11" ht="13.7" customHeight="1">
      <c r="A2378" s="743" t="s">
        <v>1219</v>
      </c>
      <c r="B2378" s="744"/>
      <c r="C2378" s="533"/>
      <c r="D2378" s="532"/>
      <c r="E2378" s="531"/>
      <c r="F2378" s="530"/>
      <c r="G2378" s="529" t="s">
        <v>1254</v>
      </c>
      <c r="H2378" s="528"/>
      <c r="I2378" s="528"/>
      <c r="J2378" s="528"/>
      <c r="K2378" s="527"/>
    </row>
    <row r="2379" spans="1:11" ht="13.7" customHeight="1">
      <c r="A2379" s="745"/>
      <c r="B2379" s="740"/>
      <c r="C2379" s="526"/>
      <c r="D2379" s="525"/>
      <c r="E2379" s="524"/>
      <c r="F2379" s="523" t="s">
        <v>651</v>
      </c>
      <c r="G2379" s="518" t="s">
        <v>651</v>
      </c>
      <c r="H2379" s="517"/>
      <c r="I2379" s="517"/>
      <c r="J2379" s="517"/>
      <c r="K2379" s="516"/>
    </row>
    <row r="2380" spans="1:11" ht="13.7" customHeight="1">
      <c r="A2380" s="739" t="s">
        <v>651</v>
      </c>
      <c r="B2380" s="740"/>
      <c r="C2380" s="522" t="s">
        <v>242</v>
      </c>
      <c r="D2380" s="521">
        <v>1</v>
      </c>
      <c r="E2380" s="520"/>
      <c r="F2380" s="519"/>
      <c r="G2380" s="518" t="s">
        <v>651</v>
      </c>
      <c r="H2380" s="517"/>
      <c r="I2380" s="517"/>
      <c r="J2380" s="517"/>
      <c r="K2380" s="516"/>
    </row>
    <row r="2381" spans="1:11" ht="13.7" customHeight="1">
      <c r="A2381" s="741"/>
      <c r="B2381" s="742"/>
      <c r="C2381" s="515"/>
      <c r="D2381" s="514"/>
      <c r="E2381" s="513"/>
      <c r="F2381" s="512"/>
      <c r="G2381" s="511" t="s">
        <v>651</v>
      </c>
      <c r="H2381" s="510"/>
      <c r="I2381" s="510"/>
      <c r="J2381" s="510"/>
      <c r="K2381" s="509"/>
    </row>
    <row r="2382" spans="1:11" ht="13.7" customHeight="1">
      <c r="A2382" s="743" t="s">
        <v>1197</v>
      </c>
      <c r="B2382" s="744"/>
      <c r="C2382" s="533"/>
      <c r="D2382" s="532"/>
      <c r="E2382" s="531"/>
      <c r="F2382" s="530"/>
      <c r="G2382" s="529" t="s">
        <v>1253</v>
      </c>
      <c r="H2382" s="528"/>
      <c r="I2382" s="528"/>
      <c r="J2382" s="528"/>
      <c r="K2382" s="527"/>
    </row>
    <row r="2383" spans="1:11" ht="13.7" customHeight="1">
      <c r="A2383" s="745"/>
      <c r="B2383" s="740"/>
      <c r="C2383" s="526"/>
      <c r="D2383" s="525"/>
      <c r="E2383" s="524"/>
      <c r="F2383" s="523" t="s">
        <v>651</v>
      </c>
      <c r="G2383" s="518" t="s">
        <v>651</v>
      </c>
      <c r="H2383" s="517"/>
      <c r="I2383" s="517"/>
      <c r="J2383" s="517"/>
      <c r="K2383" s="516"/>
    </row>
    <row r="2384" spans="1:11" ht="13.7" customHeight="1">
      <c r="A2384" s="739" t="s">
        <v>651</v>
      </c>
      <c r="B2384" s="740"/>
      <c r="C2384" s="522" t="s">
        <v>242</v>
      </c>
      <c r="D2384" s="521">
        <v>1</v>
      </c>
      <c r="E2384" s="520"/>
      <c r="F2384" s="519"/>
      <c r="G2384" s="518" t="s">
        <v>651</v>
      </c>
      <c r="H2384" s="517"/>
      <c r="I2384" s="517"/>
      <c r="J2384" s="517"/>
      <c r="K2384" s="516"/>
    </row>
    <row r="2385" spans="1:11" ht="13.7" customHeight="1">
      <c r="A2385" s="741"/>
      <c r="B2385" s="742"/>
      <c r="C2385" s="515"/>
      <c r="D2385" s="514"/>
      <c r="E2385" s="513"/>
      <c r="F2385" s="512"/>
      <c r="G2385" s="511" t="s">
        <v>651</v>
      </c>
      <c r="H2385" s="510"/>
      <c r="I2385" s="510"/>
      <c r="J2385" s="510"/>
      <c r="K2385" s="509"/>
    </row>
    <row r="2386" spans="1:11" ht="13.7" customHeight="1">
      <c r="A2386" s="743" t="s">
        <v>1193</v>
      </c>
      <c r="B2386" s="744"/>
      <c r="C2386" s="533"/>
      <c r="D2386" s="532"/>
      <c r="E2386" s="531"/>
      <c r="F2386" s="530"/>
      <c r="G2386" s="529" t="s">
        <v>1252</v>
      </c>
      <c r="H2386" s="528"/>
      <c r="I2386" s="528"/>
      <c r="J2386" s="528"/>
      <c r="K2386" s="527"/>
    </row>
    <row r="2387" spans="1:11" ht="13.7" customHeight="1">
      <c r="A2387" s="745"/>
      <c r="B2387" s="740"/>
      <c r="C2387" s="526"/>
      <c r="D2387" s="525"/>
      <c r="E2387" s="524"/>
      <c r="F2387" s="523" t="s">
        <v>651</v>
      </c>
      <c r="G2387" s="518" t="s">
        <v>651</v>
      </c>
      <c r="H2387" s="517"/>
      <c r="I2387" s="517"/>
      <c r="J2387" s="517"/>
      <c r="K2387" s="516"/>
    </row>
    <row r="2388" spans="1:11" ht="13.7" customHeight="1">
      <c r="A2388" s="739" t="s">
        <v>651</v>
      </c>
      <c r="B2388" s="740"/>
      <c r="C2388" s="522" t="s">
        <v>242</v>
      </c>
      <c r="D2388" s="521">
        <v>1</v>
      </c>
      <c r="E2388" s="520"/>
      <c r="F2388" s="519"/>
      <c r="G2388" s="518" t="s">
        <v>651</v>
      </c>
      <c r="H2388" s="517"/>
      <c r="I2388" s="517"/>
      <c r="J2388" s="517"/>
      <c r="K2388" s="516"/>
    </row>
    <row r="2389" spans="1:11" ht="13.7" customHeight="1">
      <c r="A2389" s="741"/>
      <c r="B2389" s="742"/>
      <c r="C2389" s="515"/>
      <c r="D2389" s="514"/>
      <c r="E2389" s="513"/>
      <c r="F2389" s="512"/>
      <c r="G2389" s="511" t="s">
        <v>651</v>
      </c>
      <c r="H2389" s="510"/>
      <c r="I2389" s="510"/>
      <c r="J2389" s="510"/>
      <c r="K2389" s="509"/>
    </row>
    <row r="2390" spans="1:11" ht="13.7" customHeight="1">
      <c r="A2390" s="743" t="s">
        <v>651</v>
      </c>
      <c r="B2390" s="744"/>
      <c r="C2390" s="533"/>
      <c r="D2390" s="532"/>
      <c r="E2390" s="531"/>
      <c r="F2390" s="530"/>
      <c r="G2390" s="529" t="s">
        <v>651</v>
      </c>
      <c r="H2390" s="528"/>
      <c r="I2390" s="528"/>
      <c r="J2390" s="528"/>
      <c r="K2390" s="527"/>
    </row>
    <row r="2391" spans="1:11" ht="13.7" customHeight="1">
      <c r="A2391" s="745"/>
      <c r="B2391" s="740"/>
      <c r="C2391" s="526"/>
      <c r="D2391" s="525"/>
      <c r="E2391" s="524"/>
      <c r="F2391" s="523" t="s">
        <v>651</v>
      </c>
      <c r="G2391" s="518" t="s">
        <v>651</v>
      </c>
      <c r="H2391" s="517"/>
      <c r="I2391" s="517"/>
      <c r="J2391" s="517"/>
      <c r="K2391" s="516"/>
    </row>
    <row r="2392" spans="1:11" ht="13.7" customHeight="1">
      <c r="A2392" s="739" t="s">
        <v>652</v>
      </c>
      <c r="B2392" s="740"/>
      <c r="C2392" s="522" t="s">
        <v>242</v>
      </c>
      <c r="D2392" s="521">
        <v>1</v>
      </c>
      <c r="E2392" s="520"/>
      <c r="F2392" s="519"/>
      <c r="G2392" s="518" t="s">
        <v>651</v>
      </c>
      <c r="H2392" s="517"/>
      <c r="I2392" s="517"/>
      <c r="J2392" s="517"/>
      <c r="K2392" s="516"/>
    </row>
    <row r="2393" spans="1:11" ht="13.7" customHeight="1">
      <c r="A2393" s="741"/>
      <c r="B2393" s="742"/>
      <c r="C2393" s="515"/>
      <c r="D2393" s="514"/>
      <c r="E2393" s="513"/>
      <c r="F2393" s="512"/>
      <c r="G2393" s="511" t="s">
        <v>651</v>
      </c>
      <c r="H2393" s="510"/>
      <c r="I2393" s="510"/>
      <c r="J2393" s="510"/>
      <c r="K2393" s="509"/>
    </row>
    <row r="2394" spans="1:11" ht="13.7" customHeight="1">
      <c r="A2394" s="743" t="s">
        <v>651</v>
      </c>
      <c r="B2394" s="744"/>
      <c r="C2394" s="533"/>
      <c r="D2394" s="532"/>
      <c r="E2394" s="531"/>
      <c r="F2394" s="530"/>
      <c r="G2394" s="529" t="s">
        <v>651</v>
      </c>
      <c r="H2394" s="528"/>
      <c r="I2394" s="528"/>
      <c r="J2394" s="528"/>
      <c r="K2394" s="527"/>
    </row>
    <row r="2395" spans="1:11" ht="13.7" customHeight="1">
      <c r="A2395" s="745"/>
      <c r="B2395" s="740"/>
      <c r="C2395" s="526"/>
      <c r="D2395" s="525"/>
      <c r="E2395" s="524"/>
      <c r="F2395" s="523" t="s">
        <v>651</v>
      </c>
      <c r="G2395" s="518" t="s">
        <v>651</v>
      </c>
      <c r="H2395" s="517"/>
      <c r="I2395" s="517"/>
      <c r="J2395" s="517"/>
      <c r="K2395" s="516"/>
    </row>
    <row r="2396" spans="1:11" ht="13.7" customHeight="1">
      <c r="A2396" s="739" t="s">
        <v>681</v>
      </c>
      <c r="B2396" s="740"/>
      <c r="C2396" s="522" t="s">
        <v>242</v>
      </c>
      <c r="D2396" s="521">
        <v>1</v>
      </c>
      <c r="E2396" s="520" t="s">
        <v>1002</v>
      </c>
      <c r="F2396" s="519"/>
      <c r="G2396" s="518" t="s">
        <v>651</v>
      </c>
      <c r="H2396" s="517"/>
      <c r="I2396" s="517"/>
      <c r="J2396" s="517"/>
      <c r="K2396" s="516"/>
    </row>
    <row r="2397" spans="1:11" ht="13.7" customHeight="1">
      <c r="A2397" s="741"/>
      <c r="B2397" s="742"/>
      <c r="C2397" s="515"/>
      <c r="D2397" s="514"/>
      <c r="E2397" s="513"/>
      <c r="F2397" s="512"/>
      <c r="G2397" s="511" t="s">
        <v>651</v>
      </c>
      <c r="H2397" s="510"/>
      <c r="I2397" s="510"/>
      <c r="J2397" s="510"/>
      <c r="K2397" s="509"/>
    </row>
    <row r="2398" spans="1:11" ht="13.7" customHeight="1"/>
    <row r="2399" spans="1:11" ht="13.7" customHeight="1"/>
    <row r="2400" spans="1:11" ht="6.2" customHeight="1"/>
    <row r="2401" spans="1:11" ht="14.1" customHeight="1">
      <c r="A2401" s="543" t="s">
        <v>1220</v>
      </c>
      <c r="B2401" s="540" t="s">
        <v>1219</v>
      </c>
      <c r="C2401" s="540"/>
      <c r="D2401" s="540"/>
      <c r="E2401" s="540"/>
      <c r="F2401" s="540"/>
      <c r="G2401" s="542" t="s">
        <v>617</v>
      </c>
      <c r="H2401" s="541" t="s">
        <v>895</v>
      </c>
      <c r="I2401" s="540" t="s">
        <v>1007</v>
      </c>
      <c r="J2401" s="540"/>
      <c r="K2401" s="539"/>
    </row>
    <row r="2402" spans="1:11" ht="24" customHeight="1">
      <c r="A2402" s="538" t="s">
        <v>651</v>
      </c>
      <c r="B2402" s="537" t="s">
        <v>651</v>
      </c>
      <c r="C2402" s="537"/>
      <c r="D2402" s="537"/>
      <c r="E2402" s="537"/>
      <c r="F2402" s="537"/>
      <c r="G2402" s="751">
        <v>1</v>
      </c>
      <c r="H2402" s="751"/>
      <c r="I2402" s="751"/>
      <c r="J2402" s="536" t="s">
        <v>242</v>
      </c>
      <c r="K2402" s="535" t="s">
        <v>618</v>
      </c>
    </row>
    <row r="2403" spans="1:11" ht="17.100000000000001" customHeight="1">
      <c r="A2403" s="746" t="s">
        <v>1006</v>
      </c>
      <c r="B2403" s="747"/>
      <c r="C2403" s="534" t="s">
        <v>309</v>
      </c>
      <c r="D2403" s="534" t="s">
        <v>619</v>
      </c>
      <c r="E2403" s="534" t="s">
        <v>620</v>
      </c>
      <c r="F2403" s="534" t="s">
        <v>659</v>
      </c>
      <c r="G2403" s="748" t="s">
        <v>1005</v>
      </c>
      <c r="H2403" s="749"/>
      <c r="I2403" s="749"/>
      <c r="J2403" s="749"/>
      <c r="K2403" s="750"/>
    </row>
    <row r="2404" spans="1:11" ht="13.7" customHeight="1">
      <c r="A2404" s="743" t="s">
        <v>1155</v>
      </c>
      <c r="B2404" s="744"/>
      <c r="C2404" s="533"/>
      <c r="D2404" s="532"/>
      <c r="E2404" s="531"/>
      <c r="F2404" s="530"/>
      <c r="G2404" s="529" t="s">
        <v>651</v>
      </c>
      <c r="H2404" s="528"/>
      <c r="I2404" s="528"/>
      <c r="J2404" s="528"/>
      <c r="K2404" s="527"/>
    </row>
    <row r="2405" spans="1:11" ht="13.7" customHeight="1">
      <c r="A2405" s="745"/>
      <c r="B2405" s="740"/>
      <c r="C2405" s="526"/>
      <c r="D2405" s="525"/>
      <c r="E2405" s="524"/>
      <c r="F2405" s="523" t="s">
        <v>651</v>
      </c>
      <c r="G2405" s="518" t="s">
        <v>651</v>
      </c>
      <c r="H2405" s="517"/>
      <c r="I2405" s="517"/>
      <c r="J2405" s="517"/>
      <c r="K2405" s="516"/>
    </row>
    <row r="2406" spans="1:11" ht="13.7" customHeight="1">
      <c r="A2406" s="739" t="s">
        <v>1251</v>
      </c>
      <c r="B2406" s="740"/>
      <c r="C2406" s="522" t="s">
        <v>236</v>
      </c>
      <c r="D2406" s="521">
        <v>3</v>
      </c>
      <c r="E2406" s="520"/>
      <c r="F2406" s="519"/>
      <c r="G2406" s="518" t="s">
        <v>651</v>
      </c>
      <c r="H2406" s="517"/>
      <c r="I2406" s="517"/>
      <c r="J2406" s="517"/>
      <c r="K2406" s="516"/>
    </row>
    <row r="2407" spans="1:11" ht="13.7" customHeight="1">
      <c r="A2407" s="741"/>
      <c r="B2407" s="742"/>
      <c r="C2407" s="515"/>
      <c r="D2407" s="514"/>
      <c r="E2407" s="513"/>
      <c r="F2407" s="512"/>
      <c r="G2407" s="511" t="s">
        <v>651</v>
      </c>
      <c r="H2407" s="510"/>
      <c r="I2407" s="510"/>
      <c r="J2407" s="510"/>
      <c r="K2407" s="509"/>
    </row>
    <row r="2408" spans="1:11" ht="13.7" customHeight="1">
      <c r="A2408" s="743" t="s">
        <v>1250</v>
      </c>
      <c r="B2408" s="744"/>
      <c r="C2408" s="533"/>
      <c r="D2408" s="532"/>
      <c r="E2408" s="531"/>
      <c r="F2408" s="530"/>
      <c r="G2408" s="529" t="s">
        <v>651</v>
      </c>
      <c r="H2408" s="528"/>
      <c r="I2408" s="528"/>
      <c r="J2408" s="528"/>
      <c r="K2408" s="527"/>
    </row>
    <row r="2409" spans="1:11" ht="13.7" customHeight="1">
      <c r="A2409" s="745"/>
      <c r="B2409" s="740"/>
      <c r="C2409" s="526"/>
      <c r="D2409" s="525"/>
      <c r="E2409" s="524"/>
      <c r="F2409" s="523" t="s">
        <v>651</v>
      </c>
      <c r="G2409" s="518" t="s">
        <v>651</v>
      </c>
      <c r="H2409" s="517"/>
      <c r="I2409" s="517"/>
      <c r="J2409" s="517"/>
      <c r="K2409" s="516"/>
    </row>
    <row r="2410" spans="1:11" ht="13.7" customHeight="1">
      <c r="A2410" s="739" t="s">
        <v>844</v>
      </c>
      <c r="B2410" s="740"/>
      <c r="C2410" s="522" t="s">
        <v>236</v>
      </c>
      <c r="D2410" s="521">
        <v>2</v>
      </c>
      <c r="E2410" s="520"/>
      <c r="F2410" s="519"/>
      <c r="G2410" s="518" t="s">
        <v>651</v>
      </c>
      <c r="H2410" s="517"/>
      <c r="I2410" s="517"/>
      <c r="J2410" s="517"/>
      <c r="K2410" s="516"/>
    </row>
    <row r="2411" spans="1:11" ht="13.7" customHeight="1">
      <c r="A2411" s="741"/>
      <c r="B2411" s="742"/>
      <c r="C2411" s="515"/>
      <c r="D2411" s="514"/>
      <c r="E2411" s="513"/>
      <c r="F2411" s="512"/>
      <c r="G2411" s="511" t="s">
        <v>651</v>
      </c>
      <c r="H2411" s="510"/>
      <c r="I2411" s="510"/>
      <c r="J2411" s="510"/>
      <c r="K2411" s="509"/>
    </row>
    <row r="2412" spans="1:11" ht="13.7" customHeight="1">
      <c r="A2412" s="743" t="s">
        <v>1249</v>
      </c>
      <c r="B2412" s="744"/>
      <c r="C2412" s="533"/>
      <c r="D2412" s="532"/>
      <c r="E2412" s="531"/>
      <c r="F2412" s="530"/>
      <c r="G2412" s="529" t="s">
        <v>651</v>
      </c>
      <c r="H2412" s="528"/>
      <c r="I2412" s="528"/>
      <c r="J2412" s="528"/>
      <c r="K2412" s="527"/>
    </row>
    <row r="2413" spans="1:11" ht="13.7" customHeight="1">
      <c r="A2413" s="745"/>
      <c r="B2413" s="740"/>
      <c r="C2413" s="526"/>
      <c r="D2413" s="525"/>
      <c r="E2413" s="524"/>
      <c r="F2413" s="523" t="s">
        <v>651</v>
      </c>
      <c r="G2413" s="518" t="s">
        <v>651</v>
      </c>
      <c r="H2413" s="517"/>
      <c r="I2413" s="517"/>
      <c r="J2413" s="517"/>
      <c r="K2413" s="516"/>
    </row>
    <row r="2414" spans="1:11" ht="13.7" customHeight="1">
      <c r="A2414" s="739" t="s">
        <v>844</v>
      </c>
      <c r="B2414" s="740"/>
      <c r="C2414" s="522" t="s">
        <v>246</v>
      </c>
      <c r="D2414" s="521">
        <v>1</v>
      </c>
      <c r="E2414" s="520"/>
      <c r="F2414" s="519"/>
      <c r="G2414" s="518" t="s">
        <v>651</v>
      </c>
      <c r="H2414" s="517"/>
      <c r="I2414" s="517"/>
      <c r="J2414" s="517"/>
      <c r="K2414" s="516"/>
    </row>
    <row r="2415" spans="1:11" ht="13.7" customHeight="1">
      <c r="A2415" s="741"/>
      <c r="B2415" s="742"/>
      <c r="C2415" s="515"/>
      <c r="D2415" s="514"/>
      <c r="E2415" s="513"/>
      <c r="F2415" s="512"/>
      <c r="G2415" s="511" t="s">
        <v>651</v>
      </c>
      <c r="H2415" s="510"/>
      <c r="I2415" s="510"/>
      <c r="J2415" s="510"/>
      <c r="K2415" s="509"/>
    </row>
    <row r="2416" spans="1:11" ht="13.7" customHeight="1">
      <c r="A2416" s="743" t="s">
        <v>1248</v>
      </c>
      <c r="B2416" s="744"/>
      <c r="C2416" s="533"/>
      <c r="D2416" s="532"/>
      <c r="E2416" s="531"/>
      <c r="F2416" s="530"/>
      <c r="G2416" s="529" t="s">
        <v>651</v>
      </c>
      <c r="H2416" s="528"/>
      <c r="I2416" s="528"/>
      <c r="J2416" s="528"/>
      <c r="K2416" s="527"/>
    </row>
    <row r="2417" spans="1:11" ht="13.7" customHeight="1">
      <c r="A2417" s="745"/>
      <c r="B2417" s="740"/>
      <c r="C2417" s="526"/>
      <c r="D2417" s="525"/>
      <c r="E2417" s="524"/>
      <c r="F2417" s="523" t="s">
        <v>651</v>
      </c>
      <c r="G2417" s="518" t="s">
        <v>651</v>
      </c>
      <c r="H2417" s="517"/>
      <c r="I2417" s="517"/>
      <c r="J2417" s="517"/>
      <c r="K2417" s="516"/>
    </row>
    <row r="2418" spans="1:11" ht="13.7" customHeight="1">
      <c r="A2418" s="739" t="s">
        <v>1244</v>
      </c>
      <c r="B2418" s="740"/>
      <c r="C2418" s="522" t="s">
        <v>236</v>
      </c>
      <c r="D2418" s="521">
        <v>2</v>
      </c>
      <c r="E2418" s="520"/>
      <c r="F2418" s="519"/>
      <c r="G2418" s="518" t="s">
        <v>651</v>
      </c>
      <c r="H2418" s="517"/>
      <c r="I2418" s="517"/>
      <c r="J2418" s="517"/>
      <c r="K2418" s="516"/>
    </row>
    <row r="2419" spans="1:11" ht="13.7" customHeight="1">
      <c r="A2419" s="741"/>
      <c r="B2419" s="742"/>
      <c r="C2419" s="515"/>
      <c r="D2419" s="514"/>
      <c r="E2419" s="513"/>
      <c r="F2419" s="512"/>
      <c r="G2419" s="511" t="s">
        <v>651</v>
      </c>
      <c r="H2419" s="510"/>
      <c r="I2419" s="510"/>
      <c r="J2419" s="510"/>
      <c r="K2419" s="509"/>
    </row>
    <row r="2420" spans="1:11" ht="13.7" customHeight="1">
      <c r="A2420" s="743" t="s">
        <v>1147</v>
      </c>
      <c r="B2420" s="744"/>
      <c r="C2420" s="533"/>
      <c r="D2420" s="532"/>
      <c r="E2420" s="531"/>
      <c r="F2420" s="530"/>
      <c r="G2420" s="529" t="s">
        <v>651</v>
      </c>
      <c r="H2420" s="528"/>
      <c r="I2420" s="528"/>
      <c r="J2420" s="528"/>
      <c r="K2420" s="527"/>
    </row>
    <row r="2421" spans="1:11" ht="13.7" customHeight="1">
      <c r="A2421" s="745"/>
      <c r="B2421" s="740"/>
      <c r="C2421" s="526"/>
      <c r="D2421" s="525"/>
      <c r="E2421" s="524"/>
      <c r="F2421" s="523" t="s">
        <v>651</v>
      </c>
      <c r="G2421" s="518" t="s">
        <v>651</v>
      </c>
      <c r="H2421" s="517"/>
      <c r="I2421" s="517"/>
      <c r="J2421" s="517"/>
      <c r="K2421" s="516"/>
    </row>
    <row r="2422" spans="1:11" ht="13.7" customHeight="1">
      <c r="A2422" s="739" t="s">
        <v>844</v>
      </c>
      <c r="B2422" s="740"/>
      <c r="C2422" s="522" t="s">
        <v>236</v>
      </c>
      <c r="D2422" s="521">
        <v>4</v>
      </c>
      <c r="E2422" s="520"/>
      <c r="F2422" s="519"/>
      <c r="G2422" s="518" t="s">
        <v>651</v>
      </c>
      <c r="H2422" s="517"/>
      <c r="I2422" s="517"/>
      <c r="J2422" s="517"/>
      <c r="K2422" s="516"/>
    </row>
    <row r="2423" spans="1:11" ht="13.7" customHeight="1">
      <c r="A2423" s="741"/>
      <c r="B2423" s="742"/>
      <c r="C2423" s="515"/>
      <c r="D2423" s="514"/>
      <c r="E2423" s="513"/>
      <c r="F2423" s="512"/>
      <c r="G2423" s="511" t="s">
        <v>651</v>
      </c>
      <c r="H2423" s="510"/>
      <c r="I2423" s="510"/>
      <c r="J2423" s="510"/>
      <c r="K2423" s="509"/>
    </row>
    <row r="2424" spans="1:11" ht="13.7" customHeight="1">
      <c r="A2424" s="743" t="s">
        <v>1247</v>
      </c>
      <c r="B2424" s="744"/>
      <c r="C2424" s="533"/>
      <c r="D2424" s="532"/>
      <c r="E2424" s="531"/>
      <c r="F2424" s="530"/>
      <c r="G2424" s="529" t="s">
        <v>651</v>
      </c>
      <c r="H2424" s="528"/>
      <c r="I2424" s="528"/>
      <c r="J2424" s="528"/>
      <c r="K2424" s="527"/>
    </row>
    <row r="2425" spans="1:11" ht="13.7" customHeight="1">
      <c r="A2425" s="745"/>
      <c r="B2425" s="740"/>
      <c r="C2425" s="526"/>
      <c r="D2425" s="525"/>
      <c r="E2425" s="524"/>
      <c r="F2425" s="523" t="s">
        <v>651</v>
      </c>
      <c r="G2425" s="518" t="s">
        <v>651</v>
      </c>
      <c r="H2425" s="517"/>
      <c r="I2425" s="517"/>
      <c r="J2425" s="517"/>
      <c r="K2425" s="516"/>
    </row>
    <row r="2426" spans="1:11" ht="13.7" customHeight="1">
      <c r="A2426" s="739" t="s">
        <v>1246</v>
      </c>
      <c r="B2426" s="740"/>
      <c r="C2426" s="522" t="s">
        <v>236</v>
      </c>
      <c r="D2426" s="521">
        <v>6</v>
      </c>
      <c r="E2426" s="520"/>
      <c r="F2426" s="519"/>
      <c r="G2426" s="518" t="s">
        <v>651</v>
      </c>
      <c r="H2426" s="517"/>
      <c r="I2426" s="517"/>
      <c r="J2426" s="517"/>
      <c r="K2426" s="516"/>
    </row>
    <row r="2427" spans="1:11" ht="13.7" customHeight="1">
      <c r="A2427" s="741"/>
      <c r="B2427" s="742"/>
      <c r="C2427" s="515"/>
      <c r="D2427" s="514"/>
      <c r="E2427" s="513"/>
      <c r="F2427" s="512"/>
      <c r="G2427" s="511" t="s">
        <v>651</v>
      </c>
      <c r="H2427" s="510"/>
      <c r="I2427" s="510"/>
      <c r="J2427" s="510"/>
      <c r="K2427" s="509"/>
    </row>
    <row r="2428" spans="1:11" ht="13.7" customHeight="1">
      <c r="A2428" s="743" t="s">
        <v>1245</v>
      </c>
      <c r="B2428" s="744"/>
      <c r="C2428" s="533"/>
      <c r="D2428" s="532"/>
      <c r="E2428" s="531"/>
      <c r="F2428" s="530"/>
      <c r="G2428" s="529" t="s">
        <v>651</v>
      </c>
      <c r="H2428" s="528"/>
      <c r="I2428" s="528"/>
      <c r="J2428" s="528"/>
      <c r="K2428" s="527"/>
    </row>
    <row r="2429" spans="1:11" ht="13.7" customHeight="1">
      <c r="A2429" s="745"/>
      <c r="B2429" s="740"/>
      <c r="C2429" s="526"/>
      <c r="D2429" s="525"/>
      <c r="E2429" s="524"/>
      <c r="F2429" s="523" t="s">
        <v>651</v>
      </c>
      <c r="G2429" s="518" t="s">
        <v>651</v>
      </c>
      <c r="H2429" s="517"/>
      <c r="I2429" s="517"/>
      <c r="J2429" s="517"/>
      <c r="K2429" s="516"/>
    </row>
    <row r="2430" spans="1:11" ht="13.7" customHeight="1">
      <c r="A2430" s="739" t="s">
        <v>1244</v>
      </c>
      <c r="B2430" s="740"/>
      <c r="C2430" s="522" t="s">
        <v>246</v>
      </c>
      <c r="D2430" s="521">
        <v>1</v>
      </c>
      <c r="E2430" s="520"/>
      <c r="F2430" s="519"/>
      <c r="G2430" s="518" t="s">
        <v>651</v>
      </c>
      <c r="H2430" s="517"/>
      <c r="I2430" s="517"/>
      <c r="J2430" s="517"/>
      <c r="K2430" s="516"/>
    </row>
    <row r="2431" spans="1:11" ht="13.7" customHeight="1">
      <c r="A2431" s="741"/>
      <c r="B2431" s="742"/>
      <c r="C2431" s="515"/>
      <c r="D2431" s="514"/>
      <c r="E2431" s="513"/>
      <c r="F2431" s="512"/>
      <c r="G2431" s="511" t="s">
        <v>651</v>
      </c>
      <c r="H2431" s="510"/>
      <c r="I2431" s="510"/>
      <c r="J2431" s="510"/>
      <c r="K2431" s="509"/>
    </row>
    <row r="2432" spans="1:11" ht="13.7" customHeight="1">
      <c r="A2432" s="743" t="s">
        <v>1243</v>
      </c>
      <c r="B2432" s="744"/>
      <c r="C2432" s="533"/>
      <c r="D2432" s="532"/>
      <c r="E2432" s="531"/>
      <c r="F2432" s="530"/>
      <c r="G2432" s="529" t="s">
        <v>651</v>
      </c>
      <c r="H2432" s="528"/>
      <c r="I2432" s="528"/>
      <c r="J2432" s="528"/>
      <c r="K2432" s="527"/>
    </row>
    <row r="2433" spans="1:11" ht="13.7" customHeight="1">
      <c r="A2433" s="745"/>
      <c r="B2433" s="740"/>
      <c r="C2433" s="526"/>
      <c r="D2433" s="525"/>
      <c r="E2433" s="524"/>
      <c r="F2433" s="523" t="s">
        <v>651</v>
      </c>
      <c r="G2433" s="518" t="s">
        <v>651</v>
      </c>
      <c r="H2433" s="517"/>
      <c r="I2433" s="517"/>
      <c r="J2433" s="517"/>
      <c r="K2433" s="516"/>
    </row>
    <row r="2434" spans="1:11" ht="13.7" customHeight="1">
      <c r="A2434" s="739" t="s">
        <v>1242</v>
      </c>
      <c r="B2434" s="740"/>
      <c r="C2434" s="522" t="s">
        <v>246</v>
      </c>
      <c r="D2434" s="521">
        <v>1</v>
      </c>
      <c r="E2434" s="520"/>
      <c r="F2434" s="519"/>
      <c r="G2434" s="518" t="s">
        <v>651</v>
      </c>
      <c r="H2434" s="517"/>
      <c r="I2434" s="517"/>
      <c r="J2434" s="517"/>
      <c r="K2434" s="516"/>
    </row>
    <row r="2435" spans="1:11" ht="13.7" customHeight="1">
      <c r="A2435" s="741"/>
      <c r="B2435" s="742"/>
      <c r="C2435" s="515"/>
      <c r="D2435" s="514"/>
      <c r="E2435" s="513"/>
      <c r="F2435" s="512"/>
      <c r="G2435" s="511" t="s">
        <v>651</v>
      </c>
      <c r="H2435" s="510"/>
      <c r="I2435" s="510"/>
      <c r="J2435" s="510"/>
      <c r="K2435" s="509"/>
    </row>
    <row r="2436" spans="1:11" ht="13.7" customHeight="1"/>
    <row r="2437" spans="1:11" ht="13.7" customHeight="1"/>
    <row r="2438" spans="1:11" ht="6.2" customHeight="1"/>
    <row r="2439" spans="1:11" ht="14.1" customHeight="1">
      <c r="A2439" s="543" t="s">
        <v>1220</v>
      </c>
      <c r="B2439" s="540" t="s">
        <v>1219</v>
      </c>
      <c r="C2439" s="540"/>
      <c r="D2439" s="540"/>
      <c r="E2439" s="540"/>
      <c r="F2439" s="540"/>
      <c r="G2439" s="542" t="s">
        <v>617</v>
      </c>
      <c r="H2439" s="541" t="s">
        <v>895</v>
      </c>
      <c r="I2439" s="540" t="s">
        <v>1007</v>
      </c>
      <c r="J2439" s="540"/>
      <c r="K2439" s="539"/>
    </row>
    <row r="2440" spans="1:11" ht="24" customHeight="1">
      <c r="A2440" s="538" t="s">
        <v>651</v>
      </c>
      <c r="B2440" s="537" t="s">
        <v>651</v>
      </c>
      <c r="C2440" s="537"/>
      <c r="D2440" s="537"/>
      <c r="E2440" s="537"/>
      <c r="F2440" s="537"/>
      <c r="G2440" s="751">
        <v>1</v>
      </c>
      <c r="H2440" s="751"/>
      <c r="I2440" s="751"/>
      <c r="J2440" s="536" t="s">
        <v>242</v>
      </c>
      <c r="K2440" s="535" t="s">
        <v>618</v>
      </c>
    </row>
    <row r="2441" spans="1:11" ht="17.100000000000001" customHeight="1">
      <c r="A2441" s="746" t="s">
        <v>1006</v>
      </c>
      <c r="B2441" s="747"/>
      <c r="C2441" s="534" t="s">
        <v>309</v>
      </c>
      <c r="D2441" s="534" t="s">
        <v>619</v>
      </c>
      <c r="E2441" s="534" t="s">
        <v>620</v>
      </c>
      <c r="F2441" s="534" t="s">
        <v>659</v>
      </c>
      <c r="G2441" s="748" t="s">
        <v>1005</v>
      </c>
      <c r="H2441" s="749"/>
      <c r="I2441" s="749"/>
      <c r="J2441" s="749"/>
      <c r="K2441" s="750"/>
    </row>
    <row r="2442" spans="1:11" ht="13.7" customHeight="1">
      <c r="A2442" s="743" t="s">
        <v>1241</v>
      </c>
      <c r="B2442" s="744"/>
      <c r="C2442" s="533"/>
      <c r="D2442" s="532"/>
      <c r="E2442" s="531"/>
      <c r="F2442" s="530"/>
      <c r="G2442" s="529" t="s">
        <v>651</v>
      </c>
      <c r="H2442" s="528"/>
      <c r="I2442" s="528"/>
      <c r="J2442" s="528"/>
      <c r="K2442" s="527"/>
    </row>
    <row r="2443" spans="1:11" ht="13.7" customHeight="1">
      <c r="A2443" s="745"/>
      <c r="B2443" s="740"/>
      <c r="C2443" s="526"/>
      <c r="D2443" s="525"/>
      <c r="E2443" s="524"/>
      <c r="F2443" s="523" t="s">
        <v>651</v>
      </c>
      <c r="G2443" s="518" t="s">
        <v>651</v>
      </c>
      <c r="H2443" s="517"/>
      <c r="I2443" s="517"/>
      <c r="J2443" s="517"/>
      <c r="K2443" s="516"/>
    </row>
    <row r="2444" spans="1:11" ht="13.7" customHeight="1">
      <c r="A2444" s="739" t="s">
        <v>1240</v>
      </c>
      <c r="B2444" s="740"/>
      <c r="C2444" s="522" t="s">
        <v>246</v>
      </c>
      <c r="D2444" s="521">
        <v>1</v>
      </c>
      <c r="E2444" s="520"/>
      <c r="F2444" s="519"/>
      <c r="G2444" s="518" t="s">
        <v>651</v>
      </c>
      <c r="H2444" s="517"/>
      <c r="I2444" s="517"/>
      <c r="J2444" s="517"/>
      <c r="K2444" s="516"/>
    </row>
    <row r="2445" spans="1:11" ht="13.7" customHeight="1">
      <c r="A2445" s="741"/>
      <c r="B2445" s="742"/>
      <c r="C2445" s="515"/>
      <c r="D2445" s="514"/>
      <c r="E2445" s="513"/>
      <c r="F2445" s="512"/>
      <c r="G2445" s="511" t="s">
        <v>651</v>
      </c>
      <c r="H2445" s="510"/>
      <c r="I2445" s="510"/>
      <c r="J2445" s="510"/>
      <c r="K2445" s="509"/>
    </row>
    <row r="2446" spans="1:11" ht="13.7" customHeight="1">
      <c r="A2446" s="743" t="s">
        <v>1239</v>
      </c>
      <c r="B2446" s="744"/>
      <c r="C2446" s="533"/>
      <c r="D2446" s="532"/>
      <c r="E2446" s="531"/>
      <c r="F2446" s="530"/>
      <c r="G2446" s="529" t="s">
        <v>651</v>
      </c>
      <c r="H2446" s="528"/>
      <c r="I2446" s="528"/>
      <c r="J2446" s="528"/>
      <c r="K2446" s="527"/>
    </row>
    <row r="2447" spans="1:11" ht="13.7" customHeight="1">
      <c r="A2447" s="745"/>
      <c r="B2447" s="740"/>
      <c r="C2447" s="526"/>
      <c r="D2447" s="525"/>
      <c r="E2447" s="524"/>
      <c r="F2447" s="523" t="s">
        <v>651</v>
      </c>
      <c r="G2447" s="518" t="s">
        <v>651</v>
      </c>
      <c r="H2447" s="517"/>
      <c r="I2447" s="517"/>
      <c r="J2447" s="517"/>
      <c r="K2447" s="516"/>
    </row>
    <row r="2448" spans="1:11" ht="13.7" customHeight="1">
      <c r="A2448" s="739" t="s">
        <v>844</v>
      </c>
      <c r="B2448" s="740"/>
      <c r="C2448" s="522" t="s">
        <v>246</v>
      </c>
      <c r="D2448" s="521">
        <v>3</v>
      </c>
      <c r="E2448" s="520"/>
      <c r="F2448" s="519"/>
      <c r="G2448" s="518" t="s">
        <v>651</v>
      </c>
      <c r="H2448" s="517"/>
      <c r="I2448" s="517"/>
      <c r="J2448" s="517"/>
      <c r="K2448" s="516"/>
    </row>
    <row r="2449" spans="1:11" ht="13.7" customHeight="1">
      <c r="A2449" s="741"/>
      <c r="B2449" s="742"/>
      <c r="C2449" s="515"/>
      <c r="D2449" s="514"/>
      <c r="E2449" s="513"/>
      <c r="F2449" s="512"/>
      <c r="G2449" s="511" t="s">
        <v>651</v>
      </c>
      <c r="H2449" s="510"/>
      <c r="I2449" s="510"/>
      <c r="J2449" s="510"/>
      <c r="K2449" s="509"/>
    </row>
    <row r="2450" spans="1:11" ht="13.7" customHeight="1">
      <c r="A2450" s="743" t="s">
        <v>1185</v>
      </c>
      <c r="B2450" s="744"/>
      <c r="C2450" s="533"/>
      <c r="D2450" s="532"/>
      <c r="E2450" s="531"/>
      <c r="F2450" s="530"/>
      <c r="G2450" s="529" t="s">
        <v>651</v>
      </c>
      <c r="H2450" s="528"/>
      <c r="I2450" s="528"/>
      <c r="J2450" s="528"/>
      <c r="K2450" s="527"/>
    </row>
    <row r="2451" spans="1:11" ht="13.7" customHeight="1">
      <c r="A2451" s="745"/>
      <c r="B2451" s="740"/>
      <c r="C2451" s="526"/>
      <c r="D2451" s="525"/>
      <c r="E2451" s="524"/>
      <c r="F2451" s="523" t="s">
        <v>651</v>
      </c>
      <c r="G2451" s="518" t="s">
        <v>651</v>
      </c>
      <c r="H2451" s="517"/>
      <c r="I2451" s="517"/>
      <c r="J2451" s="517"/>
      <c r="K2451" s="516"/>
    </row>
    <row r="2452" spans="1:11" ht="13.7" customHeight="1">
      <c r="A2452" s="739" t="s">
        <v>844</v>
      </c>
      <c r="B2452" s="740"/>
      <c r="C2452" s="522" t="s">
        <v>246</v>
      </c>
      <c r="D2452" s="521">
        <v>3</v>
      </c>
      <c r="E2452" s="520"/>
      <c r="F2452" s="519"/>
      <c r="G2452" s="518" t="s">
        <v>651</v>
      </c>
      <c r="H2452" s="517"/>
      <c r="I2452" s="517"/>
      <c r="J2452" s="517"/>
      <c r="K2452" s="516"/>
    </row>
    <row r="2453" spans="1:11" ht="13.7" customHeight="1">
      <c r="A2453" s="741"/>
      <c r="B2453" s="742"/>
      <c r="C2453" s="515"/>
      <c r="D2453" s="514"/>
      <c r="E2453" s="513"/>
      <c r="F2453" s="512"/>
      <c r="G2453" s="511" t="s">
        <v>651</v>
      </c>
      <c r="H2453" s="510"/>
      <c r="I2453" s="510"/>
      <c r="J2453" s="510"/>
      <c r="K2453" s="509"/>
    </row>
    <row r="2454" spans="1:11" ht="13.7" customHeight="1">
      <c r="A2454" s="743" t="s">
        <v>1238</v>
      </c>
      <c r="B2454" s="744"/>
      <c r="C2454" s="533"/>
      <c r="D2454" s="532"/>
      <c r="E2454" s="531"/>
      <c r="F2454" s="530"/>
      <c r="G2454" s="529" t="s">
        <v>651</v>
      </c>
      <c r="H2454" s="528"/>
      <c r="I2454" s="528"/>
      <c r="J2454" s="528"/>
      <c r="K2454" s="527"/>
    </row>
    <row r="2455" spans="1:11" ht="13.7" customHeight="1">
      <c r="A2455" s="745"/>
      <c r="B2455" s="740"/>
      <c r="C2455" s="526"/>
      <c r="D2455" s="525"/>
      <c r="E2455" s="524"/>
      <c r="F2455" s="523" t="s">
        <v>651</v>
      </c>
      <c r="G2455" s="518" t="s">
        <v>651</v>
      </c>
      <c r="H2455" s="517"/>
      <c r="I2455" s="517"/>
      <c r="J2455" s="517"/>
      <c r="K2455" s="516"/>
    </row>
    <row r="2456" spans="1:11" ht="13.7" customHeight="1">
      <c r="A2456" s="739" t="s">
        <v>1237</v>
      </c>
      <c r="B2456" s="740"/>
      <c r="C2456" s="522" t="s">
        <v>246</v>
      </c>
      <c r="D2456" s="521">
        <v>4</v>
      </c>
      <c r="E2456" s="520"/>
      <c r="F2456" s="519"/>
      <c r="G2456" s="518" t="s">
        <v>651</v>
      </c>
      <c r="H2456" s="517"/>
      <c r="I2456" s="517"/>
      <c r="J2456" s="517"/>
      <c r="K2456" s="516"/>
    </row>
    <row r="2457" spans="1:11" ht="13.7" customHeight="1">
      <c r="A2457" s="741"/>
      <c r="B2457" s="742"/>
      <c r="C2457" s="515"/>
      <c r="D2457" s="514"/>
      <c r="E2457" s="513"/>
      <c r="F2457" s="512"/>
      <c r="G2457" s="511" t="s">
        <v>651</v>
      </c>
      <c r="H2457" s="510"/>
      <c r="I2457" s="510"/>
      <c r="J2457" s="510"/>
      <c r="K2457" s="509"/>
    </row>
    <row r="2458" spans="1:11" ht="13.7" customHeight="1">
      <c r="A2458" s="743" t="s">
        <v>1141</v>
      </c>
      <c r="B2458" s="744"/>
      <c r="C2458" s="533"/>
      <c r="D2458" s="532"/>
      <c r="E2458" s="531"/>
      <c r="F2458" s="530"/>
      <c r="G2458" s="529" t="s">
        <v>651</v>
      </c>
      <c r="H2458" s="528"/>
      <c r="I2458" s="528"/>
      <c r="J2458" s="528"/>
      <c r="K2458" s="527"/>
    </row>
    <row r="2459" spans="1:11" ht="13.7" customHeight="1">
      <c r="A2459" s="745"/>
      <c r="B2459" s="740"/>
      <c r="C2459" s="526"/>
      <c r="D2459" s="525"/>
      <c r="E2459" s="524"/>
      <c r="F2459" s="523" t="s">
        <v>651</v>
      </c>
      <c r="G2459" s="518" t="s">
        <v>651</v>
      </c>
      <c r="H2459" s="517"/>
      <c r="I2459" s="517"/>
      <c r="J2459" s="517"/>
      <c r="K2459" s="516"/>
    </row>
    <row r="2460" spans="1:11" ht="13.7" customHeight="1">
      <c r="A2460" s="739" t="s">
        <v>1237</v>
      </c>
      <c r="B2460" s="740"/>
      <c r="C2460" s="522" t="s">
        <v>246</v>
      </c>
      <c r="D2460" s="521">
        <v>2</v>
      </c>
      <c r="E2460" s="520"/>
      <c r="F2460" s="519"/>
      <c r="G2460" s="518" t="s">
        <v>651</v>
      </c>
      <c r="H2460" s="517"/>
      <c r="I2460" s="517"/>
      <c r="J2460" s="517"/>
      <c r="K2460" s="516"/>
    </row>
    <row r="2461" spans="1:11" ht="13.7" customHeight="1">
      <c r="A2461" s="741"/>
      <c r="B2461" s="742"/>
      <c r="C2461" s="515"/>
      <c r="D2461" s="514"/>
      <c r="E2461" s="513"/>
      <c r="F2461" s="512"/>
      <c r="G2461" s="511" t="s">
        <v>651</v>
      </c>
      <c r="H2461" s="510"/>
      <c r="I2461" s="510"/>
      <c r="J2461" s="510"/>
      <c r="K2461" s="509"/>
    </row>
    <row r="2462" spans="1:11" ht="13.7" customHeight="1">
      <c r="A2462" s="743" t="s">
        <v>1236</v>
      </c>
      <c r="B2462" s="744"/>
      <c r="C2462" s="533"/>
      <c r="D2462" s="532"/>
      <c r="E2462" s="531"/>
      <c r="F2462" s="530"/>
      <c r="G2462" s="529" t="s">
        <v>651</v>
      </c>
      <c r="H2462" s="528"/>
      <c r="I2462" s="528"/>
      <c r="J2462" s="528"/>
      <c r="K2462" s="527"/>
    </row>
    <row r="2463" spans="1:11" ht="13.7" customHeight="1">
      <c r="A2463" s="745"/>
      <c r="B2463" s="740"/>
      <c r="C2463" s="526"/>
      <c r="D2463" s="525"/>
      <c r="E2463" s="524"/>
      <c r="F2463" s="523" t="s">
        <v>651</v>
      </c>
      <c r="G2463" s="518" t="s">
        <v>651</v>
      </c>
      <c r="H2463" s="517"/>
      <c r="I2463" s="517"/>
      <c r="J2463" s="517"/>
      <c r="K2463" s="516"/>
    </row>
    <row r="2464" spans="1:11" ht="13.7" customHeight="1">
      <c r="A2464" s="739" t="s">
        <v>844</v>
      </c>
      <c r="B2464" s="740"/>
      <c r="C2464" s="522" t="s">
        <v>246</v>
      </c>
      <c r="D2464" s="521">
        <v>2</v>
      </c>
      <c r="E2464" s="520"/>
      <c r="F2464" s="519"/>
      <c r="G2464" s="518" t="s">
        <v>651</v>
      </c>
      <c r="H2464" s="517"/>
      <c r="I2464" s="517"/>
      <c r="J2464" s="517"/>
      <c r="K2464" s="516"/>
    </row>
    <row r="2465" spans="1:11" ht="13.7" customHeight="1">
      <c r="A2465" s="741"/>
      <c r="B2465" s="742"/>
      <c r="C2465" s="515"/>
      <c r="D2465" s="514"/>
      <c r="E2465" s="513"/>
      <c r="F2465" s="512"/>
      <c r="G2465" s="511" t="s">
        <v>651</v>
      </c>
      <c r="H2465" s="510"/>
      <c r="I2465" s="510"/>
      <c r="J2465" s="510"/>
      <c r="K2465" s="509"/>
    </row>
    <row r="2466" spans="1:11" ht="13.7" customHeight="1">
      <c r="A2466" s="743" t="s">
        <v>1138</v>
      </c>
      <c r="B2466" s="744"/>
      <c r="C2466" s="533"/>
      <c r="D2466" s="532"/>
      <c r="E2466" s="531"/>
      <c r="F2466" s="530"/>
      <c r="G2466" s="529" t="s">
        <v>651</v>
      </c>
      <c r="H2466" s="528"/>
      <c r="I2466" s="528"/>
      <c r="J2466" s="528"/>
      <c r="K2466" s="527"/>
    </row>
    <row r="2467" spans="1:11" ht="13.7" customHeight="1">
      <c r="A2467" s="745"/>
      <c r="B2467" s="740"/>
      <c r="C2467" s="526"/>
      <c r="D2467" s="525"/>
      <c r="E2467" s="524"/>
      <c r="F2467" s="523" t="s">
        <v>651</v>
      </c>
      <c r="G2467" s="518" t="s">
        <v>651</v>
      </c>
      <c r="H2467" s="517"/>
      <c r="I2467" s="517"/>
      <c r="J2467" s="517"/>
      <c r="K2467" s="516"/>
    </row>
    <row r="2468" spans="1:11" ht="13.7" customHeight="1">
      <c r="A2468" s="739" t="s">
        <v>844</v>
      </c>
      <c r="B2468" s="740"/>
      <c r="C2468" s="522" t="s">
        <v>281</v>
      </c>
      <c r="D2468" s="521">
        <v>6</v>
      </c>
      <c r="E2468" s="520"/>
      <c r="F2468" s="519"/>
      <c r="G2468" s="518" t="s">
        <v>651</v>
      </c>
      <c r="H2468" s="517"/>
      <c r="I2468" s="517"/>
      <c r="J2468" s="517"/>
      <c r="K2468" s="516"/>
    </row>
    <row r="2469" spans="1:11" ht="13.7" customHeight="1">
      <c r="A2469" s="741"/>
      <c r="B2469" s="742"/>
      <c r="C2469" s="515"/>
      <c r="D2469" s="514"/>
      <c r="E2469" s="513"/>
      <c r="F2469" s="512"/>
      <c r="G2469" s="511" t="s">
        <v>651</v>
      </c>
      <c r="H2469" s="510"/>
      <c r="I2469" s="510"/>
      <c r="J2469" s="510"/>
      <c r="K2469" s="509"/>
    </row>
    <row r="2470" spans="1:11" ht="13.7" customHeight="1">
      <c r="A2470" s="743" t="s">
        <v>1235</v>
      </c>
      <c r="B2470" s="744"/>
      <c r="C2470" s="533"/>
      <c r="D2470" s="532"/>
      <c r="E2470" s="531"/>
      <c r="F2470" s="530"/>
      <c r="G2470" s="529" t="s">
        <v>651</v>
      </c>
      <c r="H2470" s="528"/>
      <c r="I2470" s="528"/>
      <c r="J2470" s="528"/>
      <c r="K2470" s="527"/>
    </row>
    <row r="2471" spans="1:11" ht="13.7" customHeight="1">
      <c r="A2471" s="745"/>
      <c r="B2471" s="740"/>
      <c r="C2471" s="526"/>
      <c r="D2471" s="525"/>
      <c r="E2471" s="524"/>
      <c r="F2471" s="523" t="s">
        <v>651</v>
      </c>
      <c r="G2471" s="518" t="s">
        <v>651</v>
      </c>
      <c r="H2471" s="517"/>
      <c r="I2471" s="517"/>
      <c r="J2471" s="517"/>
      <c r="K2471" s="516"/>
    </row>
    <row r="2472" spans="1:11" ht="13.7" customHeight="1">
      <c r="A2472" s="739" t="s">
        <v>651</v>
      </c>
      <c r="B2472" s="740"/>
      <c r="C2472" s="522" t="s">
        <v>236</v>
      </c>
      <c r="D2472" s="521">
        <v>48</v>
      </c>
      <c r="E2472" s="520"/>
      <c r="F2472" s="519"/>
      <c r="G2472" s="518" t="s">
        <v>651</v>
      </c>
      <c r="H2472" s="517"/>
      <c r="I2472" s="517"/>
      <c r="J2472" s="517"/>
      <c r="K2472" s="516"/>
    </row>
    <row r="2473" spans="1:11" ht="13.7" customHeight="1">
      <c r="A2473" s="741"/>
      <c r="B2473" s="742"/>
      <c r="C2473" s="515"/>
      <c r="D2473" s="514"/>
      <c r="E2473" s="513"/>
      <c r="F2473" s="512"/>
      <c r="G2473" s="511" t="s">
        <v>651</v>
      </c>
      <c r="H2473" s="510"/>
      <c r="I2473" s="510"/>
      <c r="J2473" s="510"/>
      <c r="K2473" s="509"/>
    </row>
    <row r="2474" spans="1:11" ht="13.7" customHeight="1"/>
    <row r="2475" spans="1:11" ht="13.7" customHeight="1"/>
    <row r="2476" spans="1:11" ht="6.2" customHeight="1"/>
    <row r="2477" spans="1:11" ht="14.1" customHeight="1">
      <c r="A2477" s="543" t="s">
        <v>1220</v>
      </c>
      <c r="B2477" s="540" t="s">
        <v>1219</v>
      </c>
      <c r="C2477" s="540"/>
      <c r="D2477" s="540"/>
      <c r="E2477" s="540"/>
      <c r="F2477" s="540"/>
      <c r="G2477" s="542" t="s">
        <v>617</v>
      </c>
      <c r="H2477" s="541" t="s">
        <v>895</v>
      </c>
      <c r="I2477" s="540" t="s">
        <v>1007</v>
      </c>
      <c r="J2477" s="540"/>
      <c r="K2477" s="539"/>
    </row>
    <row r="2478" spans="1:11" ht="24" customHeight="1">
      <c r="A2478" s="538" t="s">
        <v>651</v>
      </c>
      <c r="B2478" s="537" t="s">
        <v>651</v>
      </c>
      <c r="C2478" s="537"/>
      <c r="D2478" s="537"/>
      <c r="E2478" s="537"/>
      <c r="F2478" s="537"/>
      <c r="G2478" s="751">
        <v>1</v>
      </c>
      <c r="H2478" s="751"/>
      <c r="I2478" s="751"/>
      <c r="J2478" s="536" t="s">
        <v>242</v>
      </c>
      <c r="K2478" s="535" t="s">
        <v>618</v>
      </c>
    </row>
    <row r="2479" spans="1:11" ht="17.100000000000001" customHeight="1">
      <c r="A2479" s="746" t="s">
        <v>1006</v>
      </c>
      <c r="B2479" s="747"/>
      <c r="C2479" s="534" t="s">
        <v>309</v>
      </c>
      <c r="D2479" s="534" t="s">
        <v>619</v>
      </c>
      <c r="E2479" s="534" t="s">
        <v>620</v>
      </c>
      <c r="F2479" s="534" t="s">
        <v>659</v>
      </c>
      <c r="G2479" s="748" t="s">
        <v>1005</v>
      </c>
      <c r="H2479" s="749"/>
      <c r="I2479" s="749"/>
      <c r="J2479" s="749"/>
      <c r="K2479" s="750"/>
    </row>
    <row r="2480" spans="1:11" ht="13.7" customHeight="1">
      <c r="A2480" s="743" t="s">
        <v>1234</v>
      </c>
      <c r="B2480" s="744"/>
      <c r="C2480" s="533"/>
      <c r="D2480" s="532"/>
      <c r="E2480" s="531"/>
      <c r="F2480" s="530"/>
      <c r="G2480" s="529" t="s">
        <v>651</v>
      </c>
      <c r="H2480" s="528"/>
      <c r="I2480" s="528"/>
      <c r="J2480" s="528"/>
      <c r="K2480" s="527"/>
    </row>
    <row r="2481" spans="1:11" ht="13.7" customHeight="1">
      <c r="A2481" s="745"/>
      <c r="B2481" s="740"/>
      <c r="C2481" s="526"/>
      <c r="D2481" s="525"/>
      <c r="E2481" s="524"/>
      <c r="F2481" s="523" t="s">
        <v>651</v>
      </c>
      <c r="G2481" s="518" t="s">
        <v>651</v>
      </c>
      <c r="H2481" s="517"/>
      <c r="I2481" s="517"/>
      <c r="J2481" s="517"/>
      <c r="K2481" s="516"/>
    </row>
    <row r="2482" spans="1:11" ht="13.7" customHeight="1">
      <c r="A2482" s="739" t="s">
        <v>844</v>
      </c>
      <c r="B2482" s="740"/>
      <c r="C2482" s="522" t="s">
        <v>246</v>
      </c>
      <c r="D2482" s="521">
        <v>3</v>
      </c>
      <c r="E2482" s="520"/>
      <c r="F2482" s="519"/>
      <c r="G2482" s="518" t="s">
        <v>651</v>
      </c>
      <c r="H2482" s="517"/>
      <c r="I2482" s="517"/>
      <c r="J2482" s="517"/>
      <c r="K2482" s="516"/>
    </row>
    <row r="2483" spans="1:11" ht="13.7" customHeight="1">
      <c r="A2483" s="741"/>
      <c r="B2483" s="742"/>
      <c r="C2483" s="515"/>
      <c r="D2483" s="514"/>
      <c r="E2483" s="513"/>
      <c r="F2483" s="512"/>
      <c r="G2483" s="511" t="s">
        <v>651</v>
      </c>
      <c r="H2483" s="510"/>
      <c r="I2483" s="510"/>
      <c r="J2483" s="510"/>
      <c r="K2483" s="509"/>
    </row>
    <row r="2484" spans="1:11" ht="13.7" customHeight="1">
      <c r="A2484" s="743" t="s">
        <v>1233</v>
      </c>
      <c r="B2484" s="744"/>
      <c r="C2484" s="533"/>
      <c r="D2484" s="532"/>
      <c r="E2484" s="531"/>
      <c r="F2484" s="530"/>
      <c r="G2484" s="529" t="s">
        <v>651</v>
      </c>
      <c r="H2484" s="528"/>
      <c r="I2484" s="528"/>
      <c r="J2484" s="528"/>
      <c r="K2484" s="527"/>
    </row>
    <row r="2485" spans="1:11" ht="13.7" customHeight="1">
      <c r="A2485" s="745"/>
      <c r="B2485" s="740"/>
      <c r="C2485" s="526"/>
      <c r="D2485" s="525"/>
      <c r="E2485" s="524"/>
      <c r="F2485" s="523" t="s">
        <v>651</v>
      </c>
      <c r="G2485" s="518" t="s">
        <v>651</v>
      </c>
      <c r="H2485" s="517"/>
      <c r="I2485" s="517"/>
      <c r="J2485" s="517"/>
      <c r="K2485" s="516"/>
    </row>
    <row r="2486" spans="1:11" ht="13.7" customHeight="1">
      <c r="A2486" s="739" t="s">
        <v>844</v>
      </c>
      <c r="B2486" s="740"/>
      <c r="C2486" s="522" t="s">
        <v>246</v>
      </c>
      <c r="D2486" s="521">
        <v>2</v>
      </c>
      <c r="E2486" s="520"/>
      <c r="F2486" s="519"/>
      <c r="G2486" s="518" t="s">
        <v>651</v>
      </c>
      <c r="H2486" s="517"/>
      <c r="I2486" s="517"/>
      <c r="J2486" s="517"/>
      <c r="K2486" s="516"/>
    </row>
    <row r="2487" spans="1:11" ht="13.7" customHeight="1">
      <c r="A2487" s="741"/>
      <c r="B2487" s="742"/>
      <c r="C2487" s="515"/>
      <c r="D2487" s="514"/>
      <c r="E2487" s="513"/>
      <c r="F2487" s="512"/>
      <c r="G2487" s="511" t="s">
        <v>651</v>
      </c>
      <c r="H2487" s="510"/>
      <c r="I2487" s="510"/>
      <c r="J2487" s="510"/>
      <c r="K2487" s="509"/>
    </row>
    <row r="2488" spans="1:11" ht="13.7" customHeight="1">
      <c r="A2488" s="743" t="s">
        <v>1232</v>
      </c>
      <c r="B2488" s="744"/>
      <c r="C2488" s="533"/>
      <c r="D2488" s="532"/>
      <c r="E2488" s="531"/>
      <c r="F2488" s="530"/>
      <c r="G2488" s="529" t="s">
        <v>651</v>
      </c>
      <c r="H2488" s="528"/>
      <c r="I2488" s="528"/>
      <c r="J2488" s="528"/>
      <c r="K2488" s="527"/>
    </row>
    <row r="2489" spans="1:11" ht="13.7" customHeight="1">
      <c r="A2489" s="745"/>
      <c r="B2489" s="740"/>
      <c r="C2489" s="526"/>
      <c r="D2489" s="525"/>
      <c r="E2489" s="524"/>
      <c r="F2489" s="523" t="s">
        <v>651</v>
      </c>
      <c r="G2489" s="518" t="s">
        <v>651</v>
      </c>
      <c r="H2489" s="517"/>
      <c r="I2489" s="517"/>
      <c r="J2489" s="517"/>
      <c r="K2489" s="516"/>
    </row>
    <row r="2490" spans="1:11" ht="13.7" customHeight="1">
      <c r="A2490" s="739" t="s">
        <v>844</v>
      </c>
      <c r="B2490" s="740"/>
      <c r="C2490" s="522" t="s">
        <v>237</v>
      </c>
      <c r="D2490" s="521">
        <v>8</v>
      </c>
      <c r="E2490" s="520"/>
      <c r="F2490" s="519"/>
      <c r="G2490" s="518" t="s">
        <v>651</v>
      </c>
      <c r="H2490" s="517"/>
      <c r="I2490" s="517"/>
      <c r="J2490" s="517"/>
      <c r="K2490" s="516"/>
    </row>
    <row r="2491" spans="1:11" ht="13.7" customHeight="1">
      <c r="A2491" s="741"/>
      <c r="B2491" s="742"/>
      <c r="C2491" s="515"/>
      <c r="D2491" s="514"/>
      <c r="E2491" s="513"/>
      <c r="F2491" s="512"/>
      <c r="G2491" s="511" t="s">
        <v>651</v>
      </c>
      <c r="H2491" s="510"/>
      <c r="I2491" s="510"/>
      <c r="J2491" s="510"/>
      <c r="K2491" s="509"/>
    </row>
    <row r="2492" spans="1:11" ht="13.7" customHeight="1">
      <c r="A2492" s="743" t="s">
        <v>1231</v>
      </c>
      <c r="B2492" s="744"/>
      <c r="C2492" s="533"/>
      <c r="D2492" s="532"/>
      <c r="E2492" s="531"/>
      <c r="F2492" s="530"/>
      <c r="G2492" s="529" t="s">
        <v>651</v>
      </c>
      <c r="H2492" s="528"/>
      <c r="I2492" s="528"/>
      <c r="J2492" s="528"/>
      <c r="K2492" s="527"/>
    </row>
    <row r="2493" spans="1:11" ht="13.7" customHeight="1">
      <c r="A2493" s="745"/>
      <c r="B2493" s="740"/>
      <c r="C2493" s="526"/>
      <c r="D2493" s="525"/>
      <c r="E2493" s="524"/>
      <c r="F2493" s="523" t="s">
        <v>651</v>
      </c>
      <c r="G2493" s="518" t="s">
        <v>651</v>
      </c>
      <c r="H2493" s="517"/>
      <c r="I2493" s="517"/>
      <c r="J2493" s="517"/>
      <c r="K2493" s="516"/>
    </row>
    <row r="2494" spans="1:11" ht="13.7" customHeight="1">
      <c r="A2494" s="739" t="s">
        <v>844</v>
      </c>
      <c r="B2494" s="740"/>
      <c r="C2494" s="522" t="s">
        <v>237</v>
      </c>
      <c r="D2494" s="521">
        <v>4</v>
      </c>
      <c r="E2494" s="520"/>
      <c r="F2494" s="519"/>
      <c r="G2494" s="518" t="s">
        <v>651</v>
      </c>
      <c r="H2494" s="517"/>
      <c r="I2494" s="517"/>
      <c r="J2494" s="517"/>
      <c r="K2494" s="516"/>
    </row>
    <row r="2495" spans="1:11" ht="13.7" customHeight="1">
      <c r="A2495" s="741"/>
      <c r="B2495" s="742"/>
      <c r="C2495" s="515"/>
      <c r="D2495" s="514"/>
      <c r="E2495" s="513"/>
      <c r="F2495" s="512"/>
      <c r="G2495" s="511" t="s">
        <v>651</v>
      </c>
      <c r="H2495" s="510"/>
      <c r="I2495" s="510"/>
      <c r="J2495" s="510"/>
      <c r="K2495" s="509"/>
    </row>
    <row r="2496" spans="1:11" ht="13.7" customHeight="1">
      <c r="A2496" s="743" t="s">
        <v>1183</v>
      </c>
      <c r="B2496" s="744"/>
      <c r="C2496" s="533"/>
      <c r="D2496" s="532"/>
      <c r="E2496" s="531"/>
      <c r="F2496" s="530"/>
      <c r="G2496" s="529" t="s">
        <v>651</v>
      </c>
      <c r="H2496" s="528"/>
      <c r="I2496" s="528"/>
      <c r="J2496" s="528"/>
      <c r="K2496" s="527"/>
    </row>
    <row r="2497" spans="1:11" ht="13.7" customHeight="1">
      <c r="A2497" s="745"/>
      <c r="B2497" s="740"/>
      <c r="C2497" s="526"/>
      <c r="D2497" s="525"/>
      <c r="E2497" s="524"/>
      <c r="F2497" s="523" t="s">
        <v>651</v>
      </c>
      <c r="G2497" s="518" t="s">
        <v>651</v>
      </c>
      <c r="H2497" s="517"/>
      <c r="I2497" s="517"/>
      <c r="J2497" s="517"/>
      <c r="K2497" s="516"/>
    </row>
    <row r="2498" spans="1:11" ht="13.7" customHeight="1">
      <c r="A2498" s="739" t="s">
        <v>844</v>
      </c>
      <c r="B2498" s="740"/>
      <c r="C2498" s="522" t="s">
        <v>246</v>
      </c>
      <c r="D2498" s="521">
        <v>15</v>
      </c>
      <c r="E2498" s="520"/>
      <c r="F2498" s="519"/>
      <c r="G2498" s="518" t="s">
        <v>651</v>
      </c>
      <c r="H2498" s="517"/>
      <c r="I2498" s="517"/>
      <c r="J2498" s="517"/>
      <c r="K2498" s="516"/>
    </row>
    <row r="2499" spans="1:11" ht="13.7" customHeight="1">
      <c r="A2499" s="741"/>
      <c r="B2499" s="742"/>
      <c r="C2499" s="515"/>
      <c r="D2499" s="514"/>
      <c r="E2499" s="513"/>
      <c r="F2499" s="512"/>
      <c r="G2499" s="511" t="s">
        <v>651</v>
      </c>
      <c r="H2499" s="510"/>
      <c r="I2499" s="510"/>
      <c r="J2499" s="510"/>
      <c r="K2499" s="509"/>
    </row>
    <row r="2500" spans="1:11" ht="13.7" customHeight="1">
      <c r="A2500" s="743" t="s">
        <v>1230</v>
      </c>
      <c r="B2500" s="744"/>
      <c r="C2500" s="533"/>
      <c r="D2500" s="532"/>
      <c r="E2500" s="531"/>
      <c r="F2500" s="530"/>
      <c r="G2500" s="529" t="s">
        <v>651</v>
      </c>
      <c r="H2500" s="528"/>
      <c r="I2500" s="528"/>
      <c r="J2500" s="528"/>
      <c r="K2500" s="527"/>
    </row>
    <row r="2501" spans="1:11" ht="13.7" customHeight="1">
      <c r="A2501" s="745"/>
      <c r="B2501" s="740"/>
      <c r="C2501" s="526"/>
      <c r="D2501" s="525"/>
      <c r="E2501" s="524"/>
      <c r="F2501" s="523" t="s">
        <v>651</v>
      </c>
      <c r="G2501" s="518" t="s">
        <v>651</v>
      </c>
      <c r="H2501" s="517"/>
      <c r="I2501" s="517"/>
      <c r="J2501" s="517"/>
      <c r="K2501" s="516"/>
    </row>
    <row r="2502" spans="1:11" ht="13.7" customHeight="1">
      <c r="A2502" s="739" t="s">
        <v>844</v>
      </c>
      <c r="B2502" s="740"/>
      <c r="C2502" s="522" t="s">
        <v>246</v>
      </c>
      <c r="D2502" s="521">
        <v>2</v>
      </c>
      <c r="E2502" s="520"/>
      <c r="F2502" s="519"/>
      <c r="G2502" s="518" t="s">
        <v>651</v>
      </c>
      <c r="H2502" s="517"/>
      <c r="I2502" s="517"/>
      <c r="J2502" s="517"/>
      <c r="K2502" s="516"/>
    </row>
    <row r="2503" spans="1:11" ht="13.7" customHeight="1">
      <c r="A2503" s="741"/>
      <c r="B2503" s="742"/>
      <c r="C2503" s="515"/>
      <c r="D2503" s="514"/>
      <c r="E2503" s="513"/>
      <c r="F2503" s="512"/>
      <c r="G2503" s="511" t="s">
        <v>651</v>
      </c>
      <c r="H2503" s="510"/>
      <c r="I2503" s="510"/>
      <c r="J2503" s="510"/>
      <c r="K2503" s="509"/>
    </row>
    <row r="2504" spans="1:11" ht="13.7" customHeight="1">
      <c r="A2504" s="743" t="s">
        <v>1229</v>
      </c>
      <c r="B2504" s="744"/>
      <c r="C2504" s="533"/>
      <c r="D2504" s="532"/>
      <c r="E2504" s="531"/>
      <c r="F2504" s="530"/>
      <c r="G2504" s="529" t="s">
        <v>651</v>
      </c>
      <c r="H2504" s="528"/>
      <c r="I2504" s="528"/>
      <c r="J2504" s="528"/>
      <c r="K2504" s="527"/>
    </row>
    <row r="2505" spans="1:11" ht="13.7" customHeight="1">
      <c r="A2505" s="745"/>
      <c r="B2505" s="740"/>
      <c r="C2505" s="526"/>
      <c r="D2505" s="525"/>
      <c r="E2505" s="524"/>
      <c r="F2505" s="523" t="s">
        <v>651</v>
      </c>
      <c r="G2505" s="518" t="s">
        <v>651</v>
      </c>
      <c r="H2505" s="517"/>
      <c r="I2505" s="517"/>
      <c r="J2505" s="517"/>
      <c r="K2505" s="516"/>
    </row>
    <row r="2506" spans="1:11" ht="13.7" customHeight="1">
      <c r="A2506" s="739" t="s">
        <v>1179</v>
      </c>
      <c r="B2506" s="740"/>
      <c r="C2506" s="522" t="s">
        <v>246</v>
      </c>
      <c r="D2506" s="521">
        <v>2</v>
      </c>
      <c r="E2506" s="520"/>
      <c r="F2506" s="519"/>
      <c r="G2506" s="518" t="s">
        <v>651</v>
      </c>
      <c r="H2506" s="517"/>
      <c r="I2506" s="517"/>
      <c r="J2506" s="517"/>
      <c r="K2506" s="516"/>
    </row>
    <row r="2507" spans="1:11" ht="13.7" customHeight="1">
      <c r="A2507" s="741"/>
      <c r="B2507" s="742"/>
      <c r="C2507" s="515"/>
      <c r="D2507" s="514"/>
      <c r="E2507" s="513"/>
      <c r="F2507" s="512"/>
      <c r="G2507" s="511" t="s">
        <v>651</v>
      </c>
      <c r="H2507" s="510"/>
      <c r="I2507" s="510"/>
      <c r="J2507" s="510"/>
      <c r="K2507" s="509"/>
    </row>
    <row r="2508" spans="1:11" ht="13.7" customHeight="1">
      <c r="A2508" s="743" t="s">
        <v>1228</v>
      </c>
      <c r="B2508" s="744"/>
      <c r="C2508" s="533"/>
      <c r="D2508" s="532"/>
      <c r="E2508" s="531"/>
      <c r="F2508" s="530"/>
      <c r="G2508" s="529" t="s">
        <v>651</v>
      </c>
      <c r="H2508" s="528"/>
      <c r="I2508" s="528"/>
      <c r="J2508" s="528"/>
      <c r="K2508" s="527"/>
    </row>
    <row r="2509" spans="1:11" ht="13.7" customHeight="1">
      <c r="A2509" s="745"/>
      <c r="B2509" s="740"/>
      <c r="C2509" s="526"/>
      <c r="D2509" s="525"/>
      <c r="E2509" s="524"/>
      <c r="F2509" s="523" t="s">
        <v>651</v>
      </c>
      <c r="G2509" s="518" t="s">
        <v>651</v>
      </c>
      <c r="H2509" s="517"/>
      <c r="I2509" s="517"/>
      <c r="J2509" s="517"/>
      <c r="K2509" s="516"/>
    </row>
    <row r="2510" spans="1:11" ht="13.7" customHeight="1">
      <c r="A2510" s="739" t="s">
        <v>1179</v>
      </c>
      <c r="B2510" s="740"/>
      <c r="C2510" s="522" t="s">
        <v>246</v>
      </c>
      <c r="D2510" s="521">
        <v>1</v>
      </c>
      <c r="E2510" s="520"/>
      <c r="F2510" s="519"/>
      <c r="G2510" s="518" t="s">
        <v>651</v>
      </c>
      <c r="H2510" s="517"/>
      <c r="I2510" s="517"/>
      <c r="J2510" s="517"/>
      <c r="K2510" s="516"/>
    </row>
    <row r="2511" spans="1:11" ht="13.7" customHeight="1">
      <c r="A2511" s="741"/>
      <c r="B2511" s="742"/>
      <c r="C2511" s="515"/>
      <c r="D2511" s="514"/>
      <c r="E2511" s="513"/>
      <c r="F2511" s="512"/>
      <c r="G2511" s="511" t="s">
        <v>651</v>
      </c>
      <c r="H2511" s="510"/>
      <c r="I2511" s="510"/>
      <c r="J2511" s="510"/>
      <c r="K2511" s="509"/>
    </row>
    <row r="2512" spans="1:11" ht="13.7" customHeight="1"/>
    <row r="2513" spans="1:11" ht="13.7" customHeight="1"/>
    <row r="2514" spans="1:11" ht="6.2" customHeight="1"/>
    <row r="2515" spans="1:11" ht="14.1" customHeight="1">
      <c r="A2515" s="543" t="s">
        <v>1220</v>
      </c>
      <c r="B2515" s="540" t="s">
        <v>1219</v>
      </c>
      <c r="C2515" s="540"/>
      <c r="D2515" s="540"/>
      <c r="E2515" s="540"/>
      <c r="F2515" s="540"/>
      <c r="G2515" s="542" t="s">
        <v>617</v>
      </c>
      <c r="H2515" s="541" t="s">
        <v>895</v>
      </c>
      <c r="I2515" s="540" t="s">
        <v>1007</v>
      </c>
      <c r="J2515" s="540"/>
      <c r="K2515" s="539"/>
    </row>
    <row r="2516" spans="1:11" ht="24" customHeight="1">
      <c r="A2516" s="538" t="s">
        <v>651</v>
      </c>
      <c r="B2516" s="537" t="s">
        <v>651</v>
      </c>
      <c r="C2516" s="537"/>
      <c r="D2516" s="537"/>
      <c r="E2516" s="537"/>
      <c r="F2516" s="537"/>
      <c r="G2516" s="751">
        <v>1</v>
      </c>
      <c r="H2516" s="751"/>
      <c r="I2516" s="751"/>
      <c r="J2516" s="536" t="s">
        <v>242</v>
      </c>
      <c r="K2516" s="535" t="s">
        <v>618</v>
      </c>
    </row>
    <row r="2517" spans="1:11" ht="17.100000000000001" customHeight="1">
      <c r="A2517" s="746" t="s">
        <v>1006</v>
      </c>
      <c r="B2517" s="747"/>
      <c r="C2517" s="534" t="s">
        <v>309</v>
      </c>
      <c r="D2517" s="534" t="s">
        <v>619</v>
      </c>
      <c r="E2517" s="534" t="s">
        <v>620</v>
      </c>
      <c r="F2517" s="534" t="s">
        <v>659</v>
      </c>
      <c r="G2517" s="748" t="s">
        <v>1005</v>
      </c>
      <c r="H2517" s="749"/>
      <c r="I2517" s="749"/>
      <c r="J2517" s="749"/>
      <c r="K2517" s="750"/>
    </row>
    <row r="2518" spans="1:11" ht="13.7" customHeight="1">
      <c r="A2518" s="743" t="s">
        <v>1227</v>
      </c>
      <c r="B2518" s="744"/>
      <c r="C2518" s="533"/>
      <c r="D2518" s="532"/>
      <c r="E2518" s="531"/>
      <c r="F2518" s="530"/>
      <c r="G2518" s="529" t="s">
        <v>651</v>
      </c>
      <c r="H2518" s="528"/>
      <c r="I2518" s="528"/>
      <c r="J2518" s="528"/>
      <c r="K2518" s="527"/>
    </row>
    <row r="2519" spans="1:11" ht="13.7" customHeight="1">
      <c r="A2519" s="745"/>
      <c r="B2519" s="740"/>
      <c r="C2519" s="526"/>
      <c r="D2519" s="525"/>
      <c r="E2519" s="524"/>
      <c r="F2519" s="523" t="s">
        <v>651</v>
      </c>
      <c r="G2519" s="518" t="s">
        <v>651</v>
      </c>
      <c r="H2519" s="517"/>
      <c r="I2519" s="517"/>
      <c r="J2519" s="517"/>
      <c r="K2519" s="516"/>
    </row>
    <row r="2520" spans="1:11" ht="13.7" customHeight="1">
      <c r="A2520" s="739" t="s">
        <v>1226</v>
      </c>
      <c r="B2520" s="740"/>
      <c r="C2520" s="522" t="s">
        <v>237</v>
      </c>
      <c r="D2520" s="521">
        <v>3</v>
      </c>
      <c r="E2520" s="520"/>
      <c r="F2520" s="519"/>
      <c r="G2520" s="518" t="s">
        <v>651</v>
      </c>
      <c r="H2520" s="517"/>
      <c r="I2520" s="517"/>
      <c r="J2520" s="517"/>
      <c r="K2520" s="516"/>
    </row>
    <row r="2521" spans="1:11" ht="13.7" customHeight="1">
      <c r="A2521" s="741"/>
      <c r="B2521" s="742"/>
      <c r="C2521" s="515"/>
      <c r="D2521" s="514"/>
      <c r="E2521" s="513"/>
      <c r="F2521" s="512"/>
      <c r="G2521" s="511" t="s">
        <v>651</v>
      </c>
      <c r="H2521" s="510"/>
      <c r="I2521" s="510"/>
      <c r="J2521" s="510"/>
      <c r="K2521" s="509"/>
    </row>
    <row r="2522" spans="1:11" ht="13.7" customHeight="1">
      <c r="A2522" s="743" t="s">
        <v>1225</v>
      </c>
      <c r="B2522" s="744"/>
      <c r="C2522" s="533"/>
      <c r="D2522" s="532"/>
      <c r="E2522" s="531"/>
      <c r="F2522" s="530"/>
      <c r="G2522" s="529" t="s">
        <v>651</v>
      </c>
      <c r="H2522" s="528"/>
      <c r="I2522" s="528"/>
      <c r="J2522" s="528"/>
      <c r="K2522" s="527"/>
    </row>
    <row r="2523" spans="1:11" ht="13.7" customHeight="1">
      <c r="A2523" s="745"/>
      <c r="B2523" s="740"/>
      <c r="C2523" s="526"/>
      <c r="D2523" s="525"/>
      <c r="E2523" s="524"/>
      <c r="F2523" s="523" t="s">
        <v>651</v>
      </c>
      <c r="G2523" s="518" t="s">
        <v>651</v>
      </c>
      <c r="H2523" s="517"/>
      <c r="I2523" s="517"/>
      <c r="J2523" s="517"/>
      <c r="K2523" s="516"/>
    </row>
    <row r="2524" spans="1:11" ht="13.7" customHeight="1">
      <c r="A2524" s="739" t="s">
        <v>844</v>
      </c>
      <c r="B2524" s="740"/>
      <c r="C2524" s="522" t="s">
        <v>281</v>
      </c>
      <c r="D2524" s="521">
        <v>6</v>
      </c>
      <c r="E2524" s="520"/>
      <c r="F2524" s="519"/>
      <c r="G2524" s="518" t="s">
        <v>651</v>
      </c>
      <c r="H2524" s="517"/>
      <c r="I2524" s="517"/>
      <c r="J2524" s="517"/>
      <c r="K2524" s="516"/>
    </row>
    <row r="2525" spans="1:11" ht="13.7" customHeight="1">
      <c r="A2525" s="741"/>
      <c r="B2525" s="742"/>
      <c r="C2525" s="515"/>
      <c r="D2525" s="514"/>
      <c r="E2525" s="513"/>
      <c r="F2525" s="512"/>
      <c r="G2525" s="511" t="s">
        <v>651</v>
      </c>
      <c r="H2525" s="510"/>
      <c r="I2525" s="510"/>
      <c r="J2525" s="510"/>
      <c r="K2525" s="509"/>
    </row>
    <row r="2526" spans="1:11" ht="13.7" customHeight="1">
      <c r="A2526" s="743" t="s">
        <v>1224</v>
      </c>
      <c r="B2526" s="744"/>
      <c r="C2526" s="533"/>
      <c r="D2526" s="532"/>
      <c r="E2526" s="531"/>
      <c r="F2526" s="530"/>
      <c r="G2526" s="529" t="s">
        <v>651</v>
      </c>
      <c r="H2526" s="528"/>
      <c r="I2526" s="528"/>
      <c r="J2526" s="528"/>
      <c r="K2526" s="527"/>
    </row>
    <row r="2527" spans="1:11" ht="13.7" customHeight="1">
      <c r="A2527" s="745"/>
      <c r="B2527" s="740"/>
      <c r="C2527" s="526"/>
      <c r="D2527" s="525"/>
      <c r="E2527" s="524"/>
      <c r="F2527" s="523" t="s">
        <v>651</v>
      </c>
      <c r="G2527" s="518" t="s">
        <v>651</v>
      </c>
      <c r="H2527" s="517"/>
      <c r="I2527" s="517"/>
      <c r="J2527" s="517"/>
      <c r="K2527" s="516"/>
    </row>
    <row r="2528" spans="1:11" ht="13.7" customHeight="1">
      <c r="A2528" s="739" t="s">
        <v>1223</v>
      </c>
      <c r="B2528" s="740"/>
      <c r="C2528" s="522" t="s">
        <v>234</v>
      </c>
      <c r="D2528" s="521">
        <v>3</v>
      </c>
      <c r="E2528" s="520"/>
      <c r="F2528" s="519"/>
      <c r="G2528" s="518" t="s">
        <v>651</v>
      </c>
      <c r="H2528" s="517"/>
      <c r="I2528" s="517"/>
      <c r="J2528" s="517"/>
      <c r="K2528" s="516"/>
    </row>
    <row r="2529" spans="1:11" ht="13.7" customHeight="1">
      <c r="A2529" s="741"/>
      <c r="B2529" s="742"/>
      <c r="C2529" s="515"/>
      <c r="D2529" s="514"/>
      <c r="E2529" s="513"/>
      <c r="F2529" s="512"/>
      <c r="G2529" s="511" t="s">
        <v>651</v>
      </c>
      <c r="H2529" s="510"/>
      <c r="I2529" s="510"/>
      <c r="J2529" s="510"/>
      <c r="K2529" s="509"/>
    </row>
    <row r="2530" spans="1:11" ht="13.7" customHeight="1">
      <c r="A2530" s="743" t="s">
        <v>1087</v>
      </c>
      <c r="B2530" s="744"/>
      <c r="C2530" s="533"/>
      <c r="D2530" s="532"/>
      <c r="E2530" s="531"/>
      <c r="F2530" s="530"/>
      <c r="G2530" s="529" t="s">
        <v>651</v>
      </c>
      <c r="H2530" s="528"/>
      <c r="I2530" s="528"/>
      <c r="J2530" s="528"/>
      <c r="K2530" s="527"/>
    </row>
    <row r="2531" spans="1:11" ht="13.7" customHeight="1">
      <c r="A2531" s="745"/>
      <c r="B2531" s="740"/>
      <c r="C2531" s="526"/>
      <c r="D2531" s="525"/>
      <c r="E2531" s="524"/>
      <c r="F2531" s="523" t="s">
        <v>651</v>
      </c>
      <c r="G2531" s="518" t="s">
        <v>651</v>
      </c>
      <c r="H2531" s="517"/>
      <c r="I2531" s="517"/>
      <c r="J2531" s="517"/>
      <c r="K2531" s="516"/>
    </row>
    <row r="2532" spans="1:11" ht="13.7" customHeight="1">
      <c r="A2532" s="739" t="s">
        <v>1086</v>
      </c>
      <c r="B2532" s="740"/>
      <c r="C2532" s="522" t="s">
        <v>246</v>
      </c>
      <c r="D2532" s="521">
        <v>3</v>
      </c>
      <c r="E2532" s="520"/>
      <c r="F2532" s="519"/>
      <c r="G2532" s="518" t="s">
        <v>651</v>
      </c>
      <c r="H2532" s="517"/>
      <c r="I2532" s="517"/>
      <c r="J2532" s="517"/>
      <c r="K2532" s="516"/>
    </row>
    <row r="2533" spans="1:11" ht="13.7" customHeight="1">
      <c r="A2533" s="741"/>
      <c r="B2533" s="742"/>
      <c r="C2533" s="515"/>
      <c r="D2533" s="514"/>
      <c r="E2533" s="513"/>
      <c r="F2533" s="512"/>
      <c r="G2533" s="511" t="s">
        <v>651</v>
      </c>
      <c r="H2533" s="510"/>
      <c r="I2533" s="510"/>
      <c r="J2533" s="510"/>
      <c r="K2533" s="509"/>
    </row>
    <row r="2534" spans="1:11" ht="13.7" customHeight="1">
      <c r="A2534" s="743" t="s">
        <v>1085</v>
      </c>
      <c r="B2534" s="744"/>
      <c r="C2534" s="533"/>
      <c r="D2534" s="532"/>
      <c r="E2534" s="531"/>
      <c r="F2534" s="530"/>
      <c r="G2534" s="529" t="s">
        <v>651</v>
      </c>
      <c r="H2534" s="528"/>
      <c r="I2534" s="528"/>
      <c r="J2534" s="528"/>
      <c r="K2534" s="527"/>
    </row>
    <row r="2535" spans="1:11" ht="13.7" customHeight="1">
      <c r="A2535" s="745"/>
      <c r="B2535" s="740"/>
      <c r="C2535" s="526"/>
      <c r="D2535" s="525"/>
      <c r="E2535" s="524"/>
      <c r="F2535" s="523" t="s">
        <v>651</v>
      </c>
      <c r="G2535" s="518" t="s">
        <v>651</v>
      </c>
      <c r="H2535" s="517"/>
      <c r="I2535" s="517"/>
      <c r="J2535" s="517"/>
      <c r="K2535" s="516"/>
    </row>
    <row r="2536" spans="1:11" ht="13.7" customHeight="1">
      <c r="A2536" s="739" t="s">
        <v>1084</v>
      </c>
      <c r="B2536" s="740"/>
      <c r="C2536" s="522" t="s">
        <v>246</v>
      </c>
      <c r="D2536" s="521">
        <v>3</v>
      </c>
      <c r="E2536" s="520"/>
      <c r="F2536" s="519"/>
      <c r="G2536" s="518" t="s">
        <v>651</v>
      </c>
      <c r="H2536" s="517"/>
      <c r="I2536" s="517"/>
      <c r="J2536" s="517"/>
      <c r="K2536" s="516"/>
    </row>
    <row r="2537" spans="1:11" ht="13.7" customHeight="1">
      <c r="A2537" s="741"/>
      <c r="B2537" s="742"/>
      <c r="C2537" s="515"/>
      <c r="D2537" s="514"/>
      <c r="E2537" s="513"/>
      <c r="F2537" s="512"/>
      <c r="G2537" s="511" t="s">
        <v>651</v>
      </c>
      <c r="H2537" s="510"/>
      <c r="I2537" s="510"/>
      <c r="J2537" s="510"/>
      <c r="K2537" s="509"/>
    </row>
    <row r="2538" spans="1:11" ht="13.7" customHeight="1">
      <c r="A2538" s="743" t="s">
        <v>1080</v>
      </c>
      <c r="B2538" s="744"/>
      <c r="C2538" s="533"/>
      <c r="D2538" s="532"/>
      <c r="E2538" s="531"/>
      <c r="F2538" s="530"/>
      <c r="G2538" s="529" t="s">
        <v>651</v>
      </c>
      <c r="H2538" s="528"/>
      <c r="I2538" s="528"/>
      <c r="J2538" s="528"/>
      <c r="K2538" s="527"/>
    </row>
    <row r="2539" spans="1:11" ht="13.7" customHeight="1">
      <c r="A2539" s="745"/>
      <c r="B2539" s="740"/>
      <c r="C2539" s="526"/>
      <c r="D2539" s="525"/>
      <c r="E2539" s="524"/>
      <c r="F2539" s="523" t="s">
        <v>651</v>
      </c>
      <c r="G2539" s="518" t="s">
        <v>651</v>
      </c>
      <c r="H2539" s="517"/>
      <c r="I2539" s="517"/>
      <c r="J2539" s="517"/>
      <c r="K2539" s="516"/>
    </row>
    <row r="2540" spans="1:11" ht="13.7" customHeight="1">
      <c r="A2540" s="739" t="s">
        <v>1222</v>
      </c>
      <c r="B2540" s="740"/>
      <c r="C2540" s="522" t="s">
        <v>246</v>
      </c>
      <c r="D2540" s="521">
        <v>2</v>
      </c>
      <c r="E2540" s="520"/>
      <c r="F2540" s="519"/>
      <c r="G2540" s="518" t="s">
        <v>651</v>
      </c>
      <c r="H2540" s="517"/>
      <c r="I2540" s="517"/>
      <c r="J2540" s="517"/>
      <c r="K2540" s="516"/>
    </row>
    <row r="2541" spans="1:11" ht="13.7" customHeight="1">
      <c r="A2541" s="741"/>
      <c r="B2541" s="742"/>
      <c r="C2541" s="515"/>
      <c r="D2541" s="514"/>
      <c r="E2541" s="513"/>
      <c r="F2541" s="512"/>
      <c r="G2541" s="511" t="s">
        <v>651</v>
      </c>
      <c r="H2541" s="510"/>
      <c r="I2541" s="510"/>
      <c r="J2541" s="510"/>
      <c r="K2541" s="509"/>
    </row>
    <row r="2542" spans="1:11" ht="13.7" customHeight="1">
      <c r="A2542" s="743" t="s">
        <v>1080</v>
      </c>
      <c r="B2542" s="744"/>
      <c r="C2542" s="533"/>
      <c r="D2542" s="532"/>
      <c r="E2542" s="531"/>
      <c r="F2542" s="530"/>
      <c r="G2542" s="529" t="s">
        <v>651</v>
      </c>
      <c r="H2542" s="528"/>
      <c r="I2542" s="528"/>
      <c r="J2542" s="528"/>
      <c r="K2542" s="527"/>
    </row>
    <row r="2543" spans="1:11" ht="13.7" customHeight="1">
      <c r="A2543" s="745"/>
      <c r="B2543" s="740"/>
      <c r="C2543" s="526"/>
      <c r="D2543" s="525"/>
      <c r="E2543" s="524"/>
      <c r="F2543" s="523" t="s">
        <v>651</v>
      </c>
      <c r="G2543" s="518" t="s">
        <v>651</v>
      </c>
      <c r="H2543" s="517"/>
      <c r="I2543" s="517"/>
      <c r="J2543" s="517"/>
      <c r="K2543" s="516"/>
    </row>
    <row r="2544" spans="1:11" ht="13.7" customHeight="1">
      <c r="A2544" s="739" t="s">
        <v>1221</v>
      </c>
      <c r="B2544" s="740"/>
      <c r="C2544" s="522" t="s">
        <v>246</v>
      </c>
      <c r="D2544" s="521">
        <v>1</v>
      </c>
      <c r="E2544" s="520"/>
      <c r="F2544" s="519"/>
      <c r="G2544" s="518" t="s">
        <v>651</v>
      </c>
      <c r="H2544" s="517"/>
      <c r="I2544" s="517"/>
      <c r="J2544" s="517"/>
      <c r="K2544" s="516"/>
    </row>
    <row r="2545" spans="1:11" ht="13.7" customHeight="1">
      <c r="A2545" s="741"/>
      <c r="B2545" s="742"/>
      <c r="C2545" s="515"/>
      <c r="D2545" s="514"/>
      <c r="E2545" s="513"/>
      <c r="F2545" s="512"/>
      <c r="G2545" s="511" t="s">
        <v>651</v>
      </c>
      <c r="H2545" s="510"/>
      <c r="I2545" s="510"/>
      <c r="J2545" s="510"/>
      <c r="K2545" s="509"/>
    </row>
    <row r="2546" spans="1:11" ht="13.7" customHeight="1">
      <c r="A2546" s="743" t="s">
        <v>1080</v>
      </c>
      <c r="B2546" s="744"/>
      <c r="C2546" s="533"/>
      <c r="D2546" s="532"/>
      <c r="E2546" s="531"/>
      <c r="F2546" s="530"/>
      <c r="G2546" s="529" t="s">
        <v>651</v>
      </c>
      <c r="H2546" s="528"/>
      <c r="I2546" s="528"/>
      <c r="J2546" s="528"/>
      <c r="K2546" s="527"/>
    </row>
    <row r="2547" spans="1:11" ht="13.7" customHeight="1">
      <c r="A2547" s="745"/>
      <c r="B2547" s="740"/>
      <c r="C2547" s="526"/>
      <c r="D2547" s="525"/>
      <c r="E2547" s="524"/>
      <c r="F2547" s="523" t="s">
        <v>651</v>
      </c>
      <c r="G2547" s="518" t="s">
        <v>651</v>
      </c>
      <c r="H2547" s="517"/>
      <c r="I2547" s="517"/>
      <c r="J2547" s="517"/>
      <c r="K2547" s="516"/>
    </row>
    <row r="2548" spans="1:11" ht="13.7" customHeight="1">
      <c r="A2548" s="739" t="s">
        <v>1079</v>
      </c>
      <c r="B2548" s="740"/>
      <c r="C2548" s="522" t="s">
        <v>246</v>
      </c>
      <c r="D2548" s="521">
        <v>3</v>
      </c>
      <c r="E2548" s="520"/>
      <c r="F2548" s="519"/>
      <c r="G2548" s="518" t="s">
        <v>651</v>
      </c>
      <c r="H2548" s="517"/>
      <c r="I2548" s="517"/>
      <c r="J2548" s="517"/>
      <c r="K2548" s="516"/>
    </row>
    <row r="2549" spans="1:11" ht="13.7" customHeight="1">
      <c r="A2549" s="741"/>
      <c r="B2549" s="742"/>
      <c r="C2549" s="515"/>
      <c r="D2549" s="514"/>
      <c r="E2549" s="513"/>
      <c r="F2549" s="512"/>
      <c r="G2549" s="511" t="s">
        <v>651</v>
      </c>
      <c r="H2549" s="510"/>
      <c r="I2549" s="510"/>
      <c r="J2549" s="510"/>
      <c r="K2549" s="509"/>
    </row>
    <row r="2550" spans="1:11" ht="13.7" customHeight="1"/>
    <row r="2551" spans="1:11" ht="13.7" customHeight="1"/>
    <row r="2552" spans="1:11" ht="6.2" customHeight="1"/>
    <row r="2553" spans="1:11" ht="14.1" customHeight="1">
      <c r="A2553" s="543" t="s">
        <v>1220</v>
      </c>
      <c r="B2553" s="540" t="s">
        <v>1219</v>
      </c>
      <c r="C2553" s="540"/>
      <c r="D2553" s="540"/>
      <c r="E2553" s="540"/>
      <c r="F2553" s="540"/>
      <c r="G2553" s="542" t="s">
        <v>617</v>
      </c>
      <c r="H2553" s="541" t="s">
        <v>895</v>
      </c>
      <c r="I2553" s="540" t="s">
        <v>1007</v>
      </c>
      <c r="J2553" s="540"/>
      <c r="K2553" s="539"/>
    </row>
    <row r="2554" spans="1:11" ht="24" customHeight="1">
      <c r="A2554" s="538" t="s">
        <v>651</v>
      </c>
      <c r="B2554" s="537" t="s">
        <v>651</v>
      </c>
      <c r="C2554" s="537"/>
      <c r="D2554" s="537"/>
      <c r="E2554" s="537"/>
      <c r="F2554" s="537"/>
      <c r="G2554" s="751">
        <v>1</v>
      </c>
      <c r="H2554" s="751"/>
      <c r="I2554" s="751"/>
      <c r="J2554" s="536" t="s">
        <v>242</v>
      </c>
      <c r="K2554" s="535" t="s">
        <v>618</v>
      </c>
    </row>
    <row r="2555" spans="1:11" ht="17.100000000000001" customHeight="1">
      <c r="A2555" s="746" t="s">
        <v>1006</v>
      </c>
      <c r="B2555" s="747"/>
      <c r="C2555" s="534" t="s">
        <v>309</v>
      </c>
      <c r="D2555" s="534" t="s">
        <v>619</v>
      </c>
      <c r="E2555" s="534" t="s">
        <v>620</v>
      </c>
      <c r="F2555" s="534" t="s">
        <v>659</v>
      </c>
      <c r="G2555" s="748" t="s">
        <v>1005</v>
      </c>
      <c r="H2555" s="749"/>
      <c r="I2555" s="749"/>
      <c r="J2555" s="749"/>
      <c r="K2555" s="750"/>
    </row>
    <row r="2556" spans="1:11" ht="13.7" customHeight="1">
      <c r="A2556" s="743" t="s">
        <v>1078</v>
      </c>
      <c r="B2556" s="744"/>
      <c r="C2556" s="533"/>
      <c r="D2556" s="532"/>
      <c r="E2556" s="531"/>
      <c r="F2556" s="530"/>
      <c r="G2556" s="529" t="s">
        <v>651</v>
      </c>
      <c r="H2556" s="528"/>
      <c r="I2556" s="528"/>
      <c r="J2556" s="528"/>
      <c r="K2556" s="527"/>
    </row>
    <row r="2557" spans="1:11" ht="13.7" customHeight="1">
      <c r="A2557" s="745"/>
      <c r="B2557" s="740"/>
      <c r="C2557" s="526"/>
      <c r="D2557" s="525"/>
      <c r="E2557" s="524"/>
      <c r="F2557" s="523" t="s">
        <v>651</v>
      </c>
      <c r="G2557" s="518" t="s">
        <v>651</v>
      </c>
      <c r="H2557" s="517"/>
      <c r="I2557" s="517"/>
      <c r="J2557" s="517"/>
      <c r="K2557" s="516"/>
    </row>
    <row r="2558" spans="1:11" ht="13.7" customHeight="1">
      <c r="A2558" s="739" t="s">
        <v>1077</v>
      </c>
      <c r="B2558" s="740"/>
      <c r="C2558" s="522" t="s">
        <v>237</v>
      </c>
      <c r="D2558" s="521">
        <v>3</v>
      </c>
      <c r="E2558" s="520"/>
      <c r="F2558" s="519"/>
      <c r="G2558" s="518" t="s">
        <v>651</v>
      </c>
      <c r="H2558" s="517"/>
      <c r="I2558" s="517"/>
      <c r="J2558" s="517"/>
      <c r="K2558" s="516"/>
    </row>
    <row r="2559" spans="1:11" ht="13.7" customHeight="1">
      <c r="A2559" s="741"/>
      <c r="B2559" s="742"/>
      <c r="C2559" s="515"/>
      <c r="D2559" s="514"/>
      <c r="E2559" s="513"/>
      <c r="F2559" s="512"/>
      <c r="G2559" s="511" t="s">
        <v>651</v>
      </c>
      <c r="H2559" s="510"/>
      <c r="I2559" s="510"/>
      <c r="J2559" s="510"/>
      <c r="K2559" s="509"/>
    </row>
    <row r="2560" spans="1:11" ht="13.7" customHeight="1">
      <c r="A2560" s="743" t="s">
        <v>1076</v>
      </c>
      <c r="B2560" s="744"/>
      <c r="C2560" s="533"/>
      <c r="D2560" s="532"/>
      <c r="E2560" s="531"/>
      <c r="F2560" s="530"/>
      <c r="G2560" s="529" t="s">
        <v>651</v>
      </c>
      <c r="H2560" s="528"/>
      <c r="I2560" s="528"/>
      <c r="J2560" s="528"/>
      <c r="K2560" s="527"/>
    </row>
    <row r="2561" spans="1:11" ht="13.7" customHeight="1">
      <c r="A2561" s="745"/>
      <c r="B2561" s="740"/>
      <c r="C2561" s="526"/>
      <c r="D2561" s="525"/>
      <c r="E2561" s="524"/>
      <c r="F2561" s="523" t="s">
        <v>651</v>
      </c>
      <c r="G2561" s="518" t="s">
        <v>651</v>
      </c>
      <c r="H2561" s="517"/>
      <c r="I2561" s="517"/>
      <c r="J2561" s="517"/>
      <c r="K2561" s="516"/>
    </row>
    <row r="2562" spans="1:11" ht="13.7" customHeight="1">
      <c r="A2562" s="739" t="s">
        <v>651</v>
      </c>
      <c r="B2562" s="740"/>
      <c r="C2562" s="522" t="s">
        <v>1075</v>
      </c>
      <c r="D2562" s="521">
        <v>3</v>
      </c>
      <c r="E2562" s="520"/>
      <c r="F2562" s="519"/>
      <c r="G2562" s="518" t="s">
        <v>651</v>
      </c>
      <c r="H2562" s="517"/>
      <c r="I2562" s="517"/>
      <c r="J2562" s="517"/>
      <c r="K2562" s="516"/>
    </row>
    <row r="2563" spans="1:11" ht="13.7" customHeight="1">
      <c r="A2563" s="741"/>
      <c r="B2563" s="742"/>
      <c r="C2563" s="515"/>
      <c r="D2563" s="514"/>
      <c r="E2563" s="513"/>
      <c r="F2563" s="512"/>
      <c r="G2563" s="511" t="s">
        <v>651</v>
      </c>
      <c r="H2563" s="510"/>
      <c r="I2563" s="510"/>
      <c r="J2563" s="510"/>
      <c r="K2563" s="509"/>
    </row>
    <row r="2564" spans="1:11" ht="13.7" customHeight="1">
      <c r="A2564" s="743" t="s">
        <v>1074</v>
      </c>
      <c r="B2564" s="744"/>
      <c r="C2564" s="533"/>
      <c r="D2564" s="532"/>
      <c r="E2564" s="531"/>
      <c r="F2564" s="530"/>
      <c r="G2564" s="529" t="s">
        <v>651</v>
      </c>
      <c r="H2564" s="528"/>
      <c r="I2564" s="528"/>
      <c r="J2564" s="528"/>
      <c r="K2564" s="527"/>
    </row>
    <row r="2565" spans="1:11" ht="13.7" customHeight="1">
      <c r="A2565" s="745"/>
      <c r="B2565" s="740"/>
      <c r="C2565" s="526"/>
      <c r="D2565" s="525"/>
      <c r="E2565" s="524"/>
      <c r="F2565" s="523" t="s">
        <v>651</v>
      </c>
      <c r="G2565" s="518" t="s">
        <v>651</v>
      </c>
      <c r="H2565" s="517"/>
      <c r="I2565" s="517"/>
      <c r="J2565" s="517"/>
      <c r="K2565" s="516"/>
    </row>
    <row r="2566" spans="1:11" ht="13.7" customHeight="1">
      <c r="A2566" s="739" t="s">
        <v>651</v>
      </c>
      <c r="B2566" s="740"/>
      <c r="C2566" s="522" t="s">
        <v>246</v>
      </c>
      <c r="D2566" s="521">
        <v>3</v>
      </c>
      <c r="E2566" s="520"/>
      <c r="F2566" s="519"/>
      <c r="G2566" s="518" t="s">
        <v>651</v>
      </c>
      <c r="H2566" s="517"/>
      <c r="I2566" s="517"/>
      <c r="J2566" s="517"/>
      <c r="K2566" s="516"/>
    </row>
    <row r="2567" spans="1:11" ht="13.7" customHeight="1">
      <c r="A2567" s="741"/>
      <c r="B2567" s="742"/>
      <c r="C2567" s="515"/>
      <c r="D2567" s="514"/>
      <c r="E2567" s="513"/>
      <c r="F2567" s="512"/>
      <c r="G2567" s="511" t="s">
        <v>651</v>
      </c>
      <c r="H2567" s="510"/>
      <c r="I2567" s="510"/>
      <c r="J2567" s="510"/>
      <c r="K2567" s="509"/>
    </row>
    <row r="2568" spans="1:11" ht="13.7" customHeight="1">
      <c r="A2568" s="743" t="s">
        <v>1128</v>
      </c>
      <c r="B2568" s="744"/>
      <c r="C2568" s="533"/>
      <c r="D2568" s="532"/>
      <c r="E2568" s="531"/>
      <c r="F2568" s="530"/>
      <c r="G2568" s="529" t="s">
        <v>651</v>
      </c>
      <c r="H2568" s="528"/>
      <c r="I2568" s="528"/>
      <c r="J2568" s="528"/>
      <c r="K2568" s="527"/>
    </row>
    <row r="2569" spans="1:11" ht="13.7" customHeight="1">
      <c r="A2569" s="745"/>
      <c r="B2569" s="740"/>
      <c r="C2569" s="526"/>
      <c r="D2569" s="525"/>
      <c r="E2569" s="524"/>
      <c r="F2569" s="523" t="s">
        <v>651</v>
      </c>
      <c r="G2569" s="518" t="s">
        <v>651</v>
      </c>
      <c r="H2569" s="517"/>
      <c r="I2569" s="517"/>
      <c r="J2569" s="517"/>
      <c r="K2569" s="516"/>
    </row>
    <row r="2570" spans="1:11" ht="13.7" customHeight="1">
      <c r="A2570" s="739" t="s">
        <v>651</v>
      </c>
      <c r="B2570" s="740"/>
      <c r="C2570" s="522" t="s">
        <v>240</v>
      </c>
      <c r="D2570" s="521">
        <v>48.3</v>
      </c>
      <c r="E2570" s="520"/>
      <c r="F2570" s="519"/>
      <c r="G2570" s="518" t="s">
        <v>651</v>
      </c>
      <c r="H2570" s="517"/>
      <c r="I2570" s="517"/>
      <c r="J2570" s="517"/>
      <c r="K2570" s="516"/>
    </row>
    <row r="2571" spans="1:11" ht="13.7" customHeight="1">
      <c r="A2571" s="741"/>
      <c r="B2571" s="742"/>
      <c r="C2571" s="515"/>
      <c r="D2571" s="514"/>
      <c r="E2571" s="513"/>
      <c r="F2571" s="512"/>
      <c r="G2571" s="511" t="s">
        <v>651</v>
      </c>
      <c r="H2571" s="510"/>
      <c r="I2571" s="510"/>
      <c r="J2571" s="510"/>
      <c r="K2571" s="509"/>
    </row>
    <row r="2572" spans="1:11" ht="13.7" customHeight="1">
      <c r="A2572" s="743" t="s">
        <v>651</v>
      </c>
      <c r="B2572" s="744"/>
      <c r="C2572" s="533"/>
      <c r="D2572" s="532"/>
      <c r="E2572" s="531"/>
      <c r="F2572" s="530"/>
      <c r="G2572" s="529" t="s">
        <v>651</v>
      </c>
      <c r="H2572" s="528"/>
      <c r="I2572" s="528"/>
      <c r="J2572" s="528"/>
      <c r="K2572" s="527"/>
    </row>
    <row r="2573" spans="1:11" ht="13.7" customHeight="1">
      <c r="A2573" s="745"/>
      <c r="B2573" s="740"/>
      <c r="C2573" s="526"/>
      <c r="D2573" s="525"/>
      <c r="E2573" s="524"/>
      <c r="F2573" s="523" t="s">
        <v>651</v>
      </c>
      <c r="G2573" s="518" t="s">
        <v>651</v>
      </c>
      <c r="H2573" s="517"/>
      <c r="I2573" s="517"/>
      <c r="J2573" s="517"/>
      <c r="K2573" s="516"/>
    </row>
    <row r="2574" spans="1:11" ht="13.7" customHeight="1">
      <c r="A2574" s="739" t="s">
        <v>652</v>
      </c>
      <c r="B2574" s="740"/>
      <c r="C2574" s="522" t="s">
        <v>242</v>
      </c>
      <c r="D2574" s="521">
        <v>1</v>
      </c>
      <c r="E2574" s="520"/>
      <c r="F2574" s="519"/>
      <c r="G2574" s="518" t="s">
        <v>651</v>
      </c>
      <c r="H2574" s="517"/>
      <c r="I2574" s="517"/>
      <c r="J2574" s="517"/>
      <c r="K2574" s="516"/>
    </row>
    <row r="2575" spans="1:11" ht="13.7" customHeight="1">
      <c r="A2575" s="741"/>
      <c r="B2575" s="742"/>
      <c r="C2575" s="515"/>
      <c r="D2575" s="514"/>
      <c r="E2575" s="513"/>
      <c r="F2575" s="512"/>
      <c r="G2575" s="511" t="s">
        <v>651</v>
      </c>
      <c r="H2575" s="510"/>
      <c r="I2575" s="510"/>
      <c r="J2575" s="510"/>
      <c r="K2575" s="509"/>
    </row>
    <row r="2576" spans="1:11" ht="13.7" customHeight="1">
      <c r="A2576" s="743" t="s">
        <v>651</v>
      </c>
      <c r="B2576" s="744"/>
      <c r="C2576" s="533"/>
      <c r="D2576" s="532"/>
      <c r="E2576" s="531"/>
      <c r="F2576" s="530"/>
      <c r="G2576" s="529" t="s">
        <v>651</v>
      </c>
      <c r="H2576" s="528"/>
      <c r="I2576" s="528"/>
      <c r="J2576" s="528"/>
      <c r="K2576" s="527"/>
    </row>
    <row r="2577" spans="1:11" ht="13.7" customHeight="1">
      <c r="A2577" s="745"/>
      <c r="B2577" s="740"/>
      <c r="C2577" s="526"/>
      <c r="D2577" s="525"/>
      <c r="E2577" s="524"/>
      <c r="F2577" s="523" t="s">
        <v>651</v>
      </c>
      <c r="G2577" s="518" t="s">
        <v>651</v>
      </c>
      <c r="H2577" s="517"/>
      <c r="I2577" s="517"/>
      <c r="J2577" s="517"/>
      <c r="K2577" s="516"/>
    </row>
    <row r="2578" spans="1:11" ht="13.7" customHeight="1">
      <c r="A2578" s="739" t="s">
        <v>681</v>
      </c>
      <c r="B2578" s="740"/>
      <c r="C2578" s="522" t="s">
        <v>242</v>
      </c>
      <c r="D2578" s="521">
        <v>1</v>
      </c>
      <c r="E2578" s="520" t="s">
        <v>1002</v>
      </c>
      <c r="F2578" s="519"/>
      <c r="G2578" s="518" t="s">
        <v>651</v>
      </c>
      <c r="H2578" s="517"/>
      <c r="I2578" s="517"/>
      <c r="J2578" s="517"/>
      <c r="K2578" s="516"/>
    </row>
    <row r="2579" spans="1:11" ht="13.7" customHeight="1">
      <c r="A2579" s="741"/>
      <c r="B2579" s="742"/>
      <c r="C2579" s="515"/>
      <c r="D2579" s="514"/>
      <c r="E2579" s="513"/>
      <c r="F2579" s="512"/>
      <c r="G2579" s="511" t="s">
        <v>651</v>
      </c>
      <c r="H2579" s="510"/>
      <c r="I2579" s="510"/>
      <c r="J2579" s="510"/>
      <c r="K2579" s="509"/>
    </row>
    <row r="2580" spans="1:11" ht="13.7" customHeight="1"/>
    <row r="2581" spans="1:11" ht="13.7" customHeight="1"/>
    <row r="2582" spans="1:11" ht="13.7" customHeight="1"/>
    <row r="2583" spans="1:11" ht="13.7" customHeight="1"/>
    <row r="2584" spans="1:11" ht="13.7" customHeight="1"/>
    <row r="2585" spans="1:11" ht="13.7" customHeight="1"/>
    <row r="2586" spans="1:11" ht="13.7" customHeight="1"/>
    <row r="2587" spans="1:11" ht="13.7" customHeight="1"/>
    <row r="2588" spans="1:11" ht="13.7" customHeight="1"/>
    <row r="2589" spans="1:11" ht="13.7" customHeight="1"/>
    <row r="2590" spans="1:11" ht="6.2" customHeight="1"/>
    <row r="2591" spans="1:11" ht="14.1" customHeight="1">
      <c r="A2591" s="543" t="s">
        <v>1198</v>
      </c>
      <c r="B2591" s="540" t="s">
        <v>1197</v>
      </c>
      <c r="C2591" s="540"/>
      <c r="D2591" s="540"/>
      <c r="E2591" s="540"/>
      <c r="F2591" s="540"/>
      <c r="G2591" s="542" t="s">
        <v>617</v>
      </c>
      <c r="H2591" s="541" t="s">
        <v>893</v>
      </c>
      <c r="I2591" s="540" t="s">
        <v>1007</v>
      </c>
      <c r="J2591" s="540"/>
      <c r="K2591" s="539"/>
    </row>
    <row r="2592" spans="1:11" ht="24" customHeight="1">
      <c r="A2592" s="538" t="s">
        <v>651</v>
      </c>
      <c r="B2592" s="537" t="s">
        <v>651</v>
      </c>
      <c r="C2592" s="537"/>
      <c r="D2592" s="537"/>
      <c r="E2592" s="537"/>
      <c r="F2592" s="537"/>
      <c r="G2592" s="751">
        <v>1</v>
      </c>
      <c r="H2592" s="751"/>
      <c r="I2592" s="751"/>
      <c r="J2592" s="536" t="s">
        <v>242</v>
      </c>
      <c r="K2592" s="535" t="s">
        <v>618</v>
      </c>
    </row>
    <row r="2593" spans="1:11" ht="17.100000000000001" customHeight="1">
      <c r="A2593" s="746" t="s">
        <v>1006</v>
      </c>
      <c r="B2593" s="747"/>
      <c r="C2593" s="534" t="s">
        <v>309</v>
      </c>
      <c r="D2593" s="534" t="s">
        <v>619</v>
      </c>
      <c r="E2593" s="534" t="s">
        <v>620</v>
      </c>
      <c r="F2593" s="534" t="s">
        <v>659</v>
      </c>
      <c r="G2593" s="748" t="s">
        <v>1005</v>
      </c>
      <c r="H2593" s="749"/>
      <c r="I2593" s="749"/>
      <c r="J2593" s="749"/>
      <c r="K2593" s="750"/>
    </row>
    <row r="2594" spans="1:11" ht="13.7" customHeight="1">
      <c r="A2594" s="743" t="s">
        <v>1664</v>
      </c>
      <c r="B2594" s="744"/>
      <c r="C2594" s="533"/>
      <c r="D2594" s="532"/>
      <c r="E2594" s="531"/>
      <c r="F2594" s="530"/>
      <c r="G2594" s="529" t="s">
        <v>1218</v>
      </c>
      <c r="H2594" s="528"/>
      <c r="I2594" s="528"/>
      <c r="J2594" s="528"/>
      <c r="K2594" s="527"/>
    </row>
    <row r="2595" spans="1:11" ht="13.7" customHeight="1">
      <c r="A2595" s="745"/>
      <c r="B2595" s="740"/>
      <c r="C2595" s="526"/>
      <c r="D2595" s="525"/>
      <c r="E2595" s="524"/>
      <c r="F2595" s="523" t="s">
        <v>651</v>
      </c>
      <c r="G2595" s="518" t="s">
        <v>651</v>
      </c>
      <c r="H2595" s="517"/>
      <c r="I2595" s="517"/>
      <c r="J2595" s="517"/>
      <c r="K2595" s="516"/>
    </row>
    <row r="2596" spans="1:11" ht="13.7" customHeight="1">
      <c r="A2596" s="739" t="s">
        <v>816</v>
      </c>
      <c r="B2596" s="740"/>
      <c r="C2596" s="522" t="s">
        <v>240</v>
      </c>
      <c r="D2596" s="521">
        <v>48.3</v>
      </c>
      <c r="E2596" s="520"/>
      <c r="F2596" s="519"/>
      <c r="G2596" s="518" t="s">
        <v>651</v>
      </c>
      <c r="H2596" s="517"/>
      <c r="I2596" s="517"/>
      <c r="J2596" s="517"/>
      <c r="K2596" s="516"/>
    </row>
    <row r="2597" spans="1:11" ht="13.7" customHeight="1">
      <c r="A2597" s="741"/>
      <c r="B2597" s="742"/>
      <c r="C2597" s="515"/>
      <c r="D2597" s="514"/>
      <c r="E2597" s="513"/>
      <c r="F2597" s="512"/>
      <c r="G2597" s="511" t="s">
        <v>651</v>
      </c>
      <c r="H2597" s="510"/>
      <c r="I2597" s="510"/>
      <c r="J2597" s="510"/>
      <c r="K2597" s="509"/>
    </row>
    <row r="2598" spans="1:11" ht="13.7" customHeight="1">
      <c r="A2598" s="743" t="s">
        <v>768</v>
      </c>
      <c r="B2598" s="744"/>
      <c r="C2598" s="533"/>
      <c r="D2598" s="532"/>
      <c r="E2598" s="531"/>
      <c r="F2598" s="530"/>
      <c r="G2598" s="529" t="s">
        <v>1217</v>
      </c>
      <c r="H2598" s="528"/>
      <c r="I2598" s="528"/>
      <c r="J2598" s="528"/>
      <c r="K2598" s="527"/>
    </row>
    <row r="2599" spans="1:11" ht="13.7" customHeight="1">
      <c r="A2599" s="745"/>
      <c r="B2599" s="740"/>
      <c r="C2599" s="526"/>
      <c r="D2599" s="525"/>
      <c r="E2599" s="524"/>
      <c r="F2599" s="523" t="s">
        <v>651</v>
      </c>
      <c r="G2599" s="518" t="s">
        <v>651</v>
      </c>
      <c r="H2599" s="517"/>
      <c r="I2599" s="517"/>
      <c r="J2599" s="517"/>
      <c r="K2599" s="516"/>
    </row>
    <row r="2600" spans="1:11" ht="13.7" customHeight="1">
      <c r="A2600" s="739" t="s">
        <v>844</v>
      </c>
      <c r="B2600" s="740"/>
      <c r="C2600" s="522" t="s">
        <v>240</v>
      </c>
      <c r="D2600" s="521">
        <v>49.5</v>
      </c>
      <c r="E2600" s="520"/>
      <c r="F2600" s="519"/>
      <c r="G2600" s="518" t="s">
        <v>651</v>
      </c>
      <c r="H2600" s="517"/>
      <c r="I2600" s="517"/>
      <c r="J2600" s="517"/>
      <c r="K2600" s="516"/>
    </row>
    <row r="2601" spans="1:11" ht="13.7" customHeight="1">
      <c r="A2601" s="741"/>
      <c r="B2601" s="742"/>
      <c r="C2601" s="515"/>
      <c r="D2601" s="514"/>
      <c r="E2601" s="513"/>
      <c r="F2601" s="512"/>
      <c r="G2601" s="511" t="s">
        <v>651</v>
      </c>
      <c r="H2601" s="510"/>
      <c r="I2601" s="510"/>
      <c r="J2601" s="510"/>
      <c r="K2601" s="509"/>
    </row>
    <row r="2602" spans="1:11" ht="13.7" customHeight="1">
      <c r="A2602" s="743" t="s">
        <v>1029</v>
      </c>
      <c r="B2602" s="744"/>
      <c r="C2602" s="533"/>
      <c r="D2602" s="532"/>
      <c r="E2602" s="531"/>
      <c r="F2602" s="530"/>
      <c r="G2602" s="529" t="s">
        <v>1028</v>
      </c>
      <c r="H2602" s="528"/>
      <c r="I2602" s="528"/>
      <c r="J2602" s="528"/>
      <c r="K2602" s="527"/>
    </row>
    <row r="2603" spans="1:11" ht="13.7" customHeight="1">
      <c r="A2603" s="745"/>
      <c r="B2603" s="740"/>
      <c r="C2603" s="526"/>
      <c r="D2603" s="525"/>
      <c r="E2603" s="524"/>
      <c r="F2603" s="523" t="s">
        <v>651</v>
      </c>
      <c r="G2603" s="518" t="s">
        <v>651</v>
      </c>
      <c r="H2603" s="517"/>
      <c r="I2603" s="517"/>
      <c r="J2603" s="517"/>
      <c r="K2603" s="516"/>
    </row>
    <row r="2604" spans="1:11" ht="13.7" customHeight="1">
      <c r="A2604" s="739" t="s">
        <v>651</v>
      </c>
      <c r="B2604" s="740"/>
      <c r="C2604" s="522" t="s">
        <v>240</v>
      </c>
      <c r="D2604" s="521">
        <v>48.3</v>
      </c>
      <c r="E2604" s="520"/>
      <c r="F2604" s="519"/>
      <c r="G2604" s="518" t="s">
        <v>651</v>
      </c>
      <c r="H2604" s="517"/>
      <c r="I2604" s="517"/>
      <c r="J2604" s="517"/>
      <c r="K2604" s="516"/>
    </row>
    <row r="2605" spans="1:11" ht="13.7" customHeight="1">
      <c r="A2605" s="741"/>
      <c r="B2605" s="742"/>
      <c r="C2605" s="515"/>
      <c r="D2605" s="514"/>
      <c r="E2605" s="513"/>
      <c r="F2605" s="512"/>
      <c r="G2605" s="511" t="s">
        <v>651</v>
      </c>
      <c r="H2605" s="510"/>
      <c r="I2605" s="510"/>
      <c r="J2605" s="510"/>
      <c r="K2605" s="509"/>
    </row>
    <row r="2606" spans="1:11" ht="13.7" customHeight="1">
      <c r="A2606" s="743" t="s">
        <v>764</v>
      </c>
      <c r="B2606" s="744"/>
      <c r="C2606" s="533"/>
      <c r="D2606" s="532"/>
      <c r="E2606" s="531"/>
      <c r="F2606" s="530"/>
      <c r="G2606" s="529" t="s">
        <v>1216</v>
      </c>
      <c r="H2606" s="528"/>
      <c r="I2606" s="528"/>
      <c r="J2606" s="528"/>
      <c r="K2606" s="527"/>
    </row>
    <row r="2607" spans="1:11" ht="13.7" customHeight="1">
      <c r="A2607" s="745"/>
      <c r="B2607" s="740"/>
      <c r="C2607" s="526"/>
      <c r="D2607" s="525"/>
      <c r="E2607" s="524"/>
      <c r="F2607" s="523" t="s">
        <v>651</v>
      </c>
      <c r="G2607" s="518" t="s">
        <v>651</v>
      </c>
      <c r="H2607" s="517"/>
      <c r="I2607" s="517"/>
      <c r="J2607" s="517"/>
      <c r="K2607" s="516"/>
    </row>
    <row r="2608" spans="1:11" ht="13.7" customHeight="1">
      <c r="A2608" s="739" t="s">
        <v>1215</v>
      </c>
      <c r="B2608" s="740"/>
      <c r="C2608" s="522" t="s">
        <v>697</v>
      </c>
      <c r="D2608" s="521">
        <v>9</v>
      </c>
      <c r="E2608" s="520"/>
      <c r="F2608" s="519"/>
      <c r="G2608" s="518" t="s">
        <v>651</v>
      </c>
      <c r="H2608" s="517"/>
      <c r="I2608" s="517"/>
      <c r="J2608" s="517"/>
      <c r="K2608" s="516"/>
    </row>
    <row r="2609" spans="1:11" ht="13.7" customHeight="1">
      <c r="A2609" s="741"/>
      <c r="B2609" s="742"/>
      <c r="C2609" s="515"/>
      <c r="D2609" s="514"/>
      <c r="E2609" s="513"/>
      <c r="F2609" s="512"/>
      <c r="G2609" s="511" t="s">
        <v>651</v>
      </c>
      <c r="H2609" s="510"/>
      <c r="I2609" s="510"/>
      <c r="J2609" s="510"/>
      <c r="K2609" s="509"/>
    </row>
    <row r="2610" spans="1:11" ht="13.7" customHeight="1">
      <c r="A2610" s="743" t="s">
        <v>841</v>
      </c>
      <c r="B2610" s="744"/>
      <c r="C2610" s="533"/>
      <c r="D2610" s="532"/>
      <c r="E2610" s="531"/>
      <c r="F2610" s="530"/>
      <c r="G2610" s="529" t="s">
        <v>1214</v>
      </c>
      <c r="H2610" s="528"/>
      <c r="I2610" s="528"/>
      <c r="J2610" s="528"/>
      <c r="K2610" s="527"/>
    </row>
    <row r="2611" spans="1:11" ht="13.7" customHeight="1">
      <c r="A2611" s="745"/>
      <c r="B2611" s="740"/>
      <c r="C2611" s="526"/>
      <c r="D2611" s="525"/>
      <c r="E2611" s="524"/>
      <c r="F2611" s="523" t="s">
        <v>651</v>
      </c>
      <c r="G2611" s="518" t="s">
        <v>651</v>
      </c>
      <c r="H2611" s="517"/>
      <c r="I2611" s="517"/>
      <c r="J2611" s="517"/>
      <c r="K2611" s="516"/>
    </row>
    <row r="2612" spans="1:11" ht="13.7" customHeight="1">
      <c r="A2612" s="739" t="s">
        <v>837</v>
      </c>
      <c r="B2612" s="740"/>
      <c r="C2612" s="522" t="s">
        <v>697</v>
      </c>
      <c r="D2612" s="521">
        <v>2</v>
      </c>
      <c r="E2612" s="520"/>
      <c r="F2612" s="519"/>
      <c r="G2612" s="518" t="s">
        <v>651</v>
      </c>
      <c r="H2612" s="517"/>
      <c r="I2612" s="517"/>
      <c r="J2612" s="517"/>
      <c r="K2612" s="516"/>
    </row>
    <row r="2613" spans="1:11" ht="13.7" customHeight="1">
      <c r="A2613" s="741"/>
      <c r="B2613" s="742"/>
      <c r="C2613" s="515"/>
      <c r="D2613" s="514"/>
      <c r="E2613" s="513"/>
      <c r="F2613" s="512"/>
      <c r="G2613" s="511" t="s">
        <v>651</v>
      </c>
      <c r="H2613" s="510"/>
      <c r="I2613" s="510"/>
      <c r="J2613" s="510"/>
      <c r="K2613" s="509"/>
    </row>
    <row r="2614" spans="1:11" ht="13.7" customHeight="1">
      <c r="A2614" s="743" t="s">
        <v>841</v>
      </c>
      <c r="B2614" s="744"/>
      <c r="C2614" s="533"/>
      <c r="D2614" s="532"/>
      <c r="E2614" s="531"/>
      <c r="F2614" s="530"/>
      <c r="G2614" s="529" t="s">
        <v>1213</v>
      </c>
      <c r="H2614" s="528"/>
      <c r="I2614" s="528"/>
      <c r="J2614" s="528"/>
      <c r="K2614" s="527"/>
    </row>
    <row r="2615" spans="1:11" ht="13.7" customHeight="1">
      <c r="A2615" s="745"/>
      <c r="B2615" s="740"/>
      <c r="C2615" s="526"/>
      <c r="D2615" s="525"/>
      <c r="E2615" s="524"/>
      <c r="F2615" s="523" t="s">
        <v>651</v>
      </c>
      <c r="G2615" s="518" t="s">
        <v>651</v>
      </c>
      <c r="H2615" s="517"/>
      <c r="I2615" s="517"/>
      <c r="J2615" s="517"/>
      <c r="K2615" s="516"/>
    </row>
    <row r="2616" spans="1:11" ht="13.7" customHeight="1">
      <c r="A2616" s="739" t="s">
        <v>839</v>
      </c>
      <c r="B2616" s="740"/>
      <c r="C2616" s="522" t="s">
        <v>697</v>
      </c>
      <c r="D2616" s="521">
        <v>9</v>
      </c>
      <c r="E2616" s="520"/>
      <c r="F2616" s="519"/>
      <c r="G2616" s="518" t="s">
        <v>651</v>
      </c>
      <c r="H2616" s="517"/>
      <c r="I2616" s="517"/>
      <c r="J2616" s="517"/>
      <c r="K2616" s="516"/>
    </row>
    <row r="2617" spans="1:11" ht="13.7" customHeight="1">
      <c r="A2617" s="741"/>
      <c r="B2617" s="742"/>
      <c r="C2617" s="515"/>
      <c r="D2617" s="514"/>
      <c r="E2617" s="513"/>
      <c r="F2617" s="512"/>
      <c r="G2617" s="511" t="s">
        <v>651</v>
      </c>
      <c r="H2617" s="510"/>
      <c r="I2617" s="510"/>
      <c r="J2617" s="510"/>
      <c r="K2617" s="509"/>
    </row>
    <row r="2618" spans="1:11" ht="13.7" customHeight="1">
      <c r="A2618" s="743" t="s">
        <v>756</v>
      </c>
      <c r="B2618" s="744"/>
      <c r="C2618" s="533"/>
      <c r="D2618" s="532"/>
      <c r="E2618" s="531"/>
      <c r="F2618" s="530"/>
      <c r="G2618" s="529" t="s">
        <v>1212</v>
      </c>
      <c r="H2618" s="528"/>
      <c r="I2618" s="528"/>
      <c r="J2618" s="528"/>
      <c r="K2618" s="527"/>
    </row>
    <row r="2619" spans="1:11" ht="13.7" customHeight="1">
      <c r="A2619" s="745"/>
      <c r="B2619" s="740"/>
      <c r="C2619" s="526"/>
      <c r="D2619" s="525"/>
      <c r="E2619" s="524"/>
      <c r="F2619" s="523" t="s">
        <v>651</v>
      </c>
      <c r="G2619" s="518" t="s">
        <v>651</v>
      </c>
      <c r="H2619" s="517"/>
      <c r="I2619" s="517"/>
      <c r="J2619" s="517"/>
      <c r="K2619" s="516"/>
    </row>
    <row r="2620" spans="1:11" ht="13.7" customHeight="1">
      <c r="A2620" s="739" t="s">
        <v>837</v>
      </c>
      <c r="B2620" s="740"/>
      <c r="C2620" s="522" t="s">
        <v>697</v>
      </c>
      <c r="D2620" s="521">
        <v>5</v>
      </c>
      <c r="E2620" s="520"/>
      <c r="F2620" s="519"/>
      <c r="G2620" s="518" t="s">
        <v>651</v>
      </c>
      <c r="H2620" s="517"/>
      <c r="I2620" s="517"/>
      <c r="J2620" s="517"/>
      <c r="K2620" s="516"/>
    </row>
    <row r="2621" spans="1:11" ht="13.7" customHeight="1">
      <c r="A2621" s="741"/>
      <c r="B2621" s="742"/>
      <c r="C2621" s="515"/>
      <c r="D2621" s="514"/>
      <c r="E2621" s="513"/>
      <c r="F2621" s="512"/>
      <c r="G2621" s="511" t="s">
        <v>651</v>
      </c>
      <c r="H2621" s="510"/>
      <c r="I2621" s="510"/>
      <c r="J2621" s="510"/>
      <c r="K2621" s="509"/>
    </row>
    <row r="2622" spans="1:11" ht="13.7" customHeight="1">
      <c r="A2622" s="743" t="s">
        <v>756</v>
      </c>
      <c r="B2622" s="744"/>
      <c r="C2622" s="533"/>
      <c r="D2622" s="532"/>
      <c r="E2622" s="531"/>
      <c r="F2622" s="530"/>
      <c r="G2622" s="529" t="s">
        <v>1211</v>
      </c>
      <c r="H2622" s="528"/>
      <c r="I2622" s="528"/>
      <c r="J2622" s="528"/>
      <c r="K2622" s="527"/>
    </row>
    <row r="2623" spans="1:11" ht="13.7" customHeight="1">
      <c r="A2623" s="745"/>
      <c r="B2623" s="740"/>
      <c r="C2623" s="526"/>
      <c r="D2623" s="525"/>
      <c r="E2623" s="524"/>
      <c r="F2623" s="523" t="s">
        <v>651</v>
      </c>
      <c r="G2623" s="518" t="s">
        <v>651</v>
      </c>
      <c r="H2623" s="517"/>
      <c r="I2623" s="517"/>
      <c r="J2623" s="517"/>
      <c r="K2623" s="516"/>
    </row>
    <row r="2624" spans="1:11" ht="13.7" customHeight="1">
      <c r="A2624" s="739" t="s">
        <v>835</v>
      </c>
      <c r="B2624" s="740"/>
      <c r="C2624" s="522" t="s">
        <v>697</v>
      </c>
      <c r="D2624" s="521">
        <v>17</v>
      </c>
      <c r="E2624" s="520"/>
      <c r="F2624" s="519"/>
      <c r="G2624" s="518" t="s">
        <v>651</v>
      </c>
      <c r="H2624" s="517"/>
      <c r="I2624" s="517"/>
      <c r="J2624" s="517"/>
      <c r="K2624" s="516"/>
    </row>
    <row r="2625" spans="1:11" ht="13.7" customHeight="1">
      <c r="A2625" s="741"/>
      <c r="B2625" s="742"/>
      <c r="C2625" s="515"/>
      <c r="D2625" s="514"/>
      <c r="E2625" s="513"/>
      <c r="F2625" s="512"/>
      <c r="G2625" s="511" t="s">
        <v>651</v>
      </c>
      <c r="H2625" s="510"/>
      <c r="I2625" s="510"/>
      <c r="J2625" s="510"/>
      <c r="K2625" s="509"/>
    </row>
    <row r="2626" spans="1:11" ht="13.7" customHeight="1"/>
    <row r="2627" spans="1:11" ht="13.7" customHeight="1"/>
    <row r="2628" spans="1:11" ht="6.2" customHeight="1"/>
    <row r="2629" spans="1:11" ht="14.1" customHeight="1">
      <c r="A2629" s="543" t="s">
        <v>1198</v>
      </c>
      <c r="B2629" s="540" t="s">
        <v>1197</v>
      </c>
      <c r="C2629" s="540"/>
      <c r="D2629" s="540"/>
      <c r="E2629" s="540"/>
      <c r="F2629" s="540"/>
      <c r="G2629" s="542" t="s">
        <v>617</v>
      </c>
      <c r="H2629" s="541" t="s">
        <v>893</v>
      </c>
      <c r="I2629" s="540" t="s">
        <v>1007</v>
      </c>
      <c r="J2629" s="540"/>
      <c r="K2629" s="539"/>
    </row>
    <row r="2630" spans="1:11" ht="24" customHeight="1">
      <c r="A2630" s="538" t="s">
        <v>651</v>
      </c>
      <c r="B2630" s="537" t="s">
        <v>651</v>
      </c>
      <c r="C2630" s="537"/>
      <c r="D2630" s="537"/>
      <c r="E2630" s="537"/>
      <c r="F2630" s="537"/>
      <c r="G2630" s="751">
        <v>1</v>
      </c>
      <c r="H2630" s="751"/>
      <c r="I2630" s="751"/>
      <c r="J2630" s="536" t="s">
        <v>242</v>
      </c>
      <c r="K2630" s="535" t="s">
        <v>618</v>
      </c>
    </row>
    <row r="2631" spans="1:11" ht="17.100000000000001" customHeight="1">
      <c r="A2631" s="746" t="s">
        <v>1006</v>
      </c>
      <c r="B2631" s="747"/>
      <c r="C2631" s="534" t="s">
        <v>309</v>
      </c>
      <c r="D2631" s="534" t="s">
        <v>619</v>
      </c>
      <c r="E2631" s="534" t="s">
        <v>620</v>
      </c>
      <c r="F2631" s="534" t="s">
        <v>659</v>
      </c>
      <c r="G2631" s="748" t="s">
        <v>1005</v>
      </c>
      <c r="H2631" s="749"/>
      <c r="I2631" s="749"/>
      <c r="J2631" s="749"/>
      <c r="K2631" s="750"/>
    </row>
    <row r="2632" spans="1:11" ht="13.7" customHeight="1">
      <c r="A2632" s="743" t="s">
        <v>756</v>
      </c>
      <c r="B2632" s="744"/>
      <c r="C2632" s="533"/>
      <c r="D2632" s="532"/>
      <c r="E2632" s="531"/>
      <c r="F2632" s="530"/>
      <c r="G2632" s="529" t="s">
        <v>1210</v>
      </c>
      <c r="H2632" s="528"/>
      <c r="I2632" s="528"/>
      <c r="J2632" s="528"/>
      <c r="K2632" s="527"/>
    </row>
    <row r="2633" spans="1:11" ht="13.7" customHeight="1">
      <c r="A2633" s="745"/>
      <c r="B2633" s="740"/>
      <c r="C2633" s="526"/>
      <c r="D2633" s="525"/>
      <c r="E2633" s="524"/>
      <c r="F2633" s="523" t="s">
        <v>651</v>
      </c>
      <c r="G2633" s="518" t="s">
        <v>651</v>
      </c>
      <c r="H2633" s="517"/>
      <c r="I2633" s="517"/>
      <c r="J2633" s="517"/>
      <c r="K2633" s="516"/>
    </row>
    <row r="2634" spans="1:11" ht="13.7" customHeight="1">
      <c r="A2634" s="739" t="s">
        <v>1209</v>
      </c>
      <c r="B2634" s="740"/>
      <c r="C2634" s="522" t="s">
        <v>697</v>
      </c>
      <c r="D2634" s="521">
        <v>15</v>
      </c>
      <c r="E2634" s="520"/>
      <c r="F2634" s="519"/>
      <c r="G2634" s="518" t="s">
        <v>651</v>
      </c>
      <c r="H2634" s="517"/>
      <c r="I2634" s="517"/>
      <c r="J2634" s="517"/>
      <c r="K2634" s="516"/>
    </row>
    <row r="2635" spans="1:11" ht="13.7" customHeight="1">
      <c r="A2635" s="741"/>
      <c r="B2635" s="742"/>
      <c r="C2635" s="515"/>
      <c r="D2635" s="514"/>
      <c r="E2635" s="513"/>
      <c r="F2635" s="512"/>
      <c r="G2635" s="511" t="s">
        <v>651</v>
      </c>
      <c r="H2635" s="510"/>
      <c r="I2635" s="510"/>
      <c r="J2635" s="510"/>
      <c r="K2635" s="509"/>
    </row>
    <row r="2636" spans="1:11" ht="13.7" customHeight="1">
      <c r="A2636" s="743" t="s">
        <v>793</v>
      </c>
      <c r="B2636" s="744"/>
      <c r="C2636" s="533"/>
      <c r="D2636" s="532"/>
      <c r="E2636" s="531"/>
      <c r="F2636" s="530"/>
      <c r="G2636" s="529" t="s">
        <v>1208</v>
      </c>
      <c r="H2636" s="528"/>
      <c r="I2636" s="528"/>
      <c r="J2636" s="528"/>
      <c r="K2636" s="527"/>
    </row>
    <row r="2637" spans="1:11" ht="13.7" customHeight="1">
      <c r="A2637" s="745"/>
      <c r="B2637" s="740"/>
      <c r="C2637" s="526"/>
      <c r="D2637" s="525"/>
      <c r="E2637" s="524"/>
      <c r="F2637" s="523" t="s">
        <v>651</v>
      </c>
      <c r="G2637" s="518" t="s">
        <v>651</v>
      </c>
      <c r="H2637" s="517"/>
      <c r="I2637" s="517"/>
      <c r="J2637" s="517"/>
      <c r="K2637" s="516"/>
    </row>
    <row r="2638" spans="1:11" ht="13.7" customHeight="1">
      <c r="A2638" s="739" t="s">
        <v>1207</v>
      </c>
      <c r="B2638" s="740"/>
      <c r="C2638" s="522" t="s">
        <v>697</v>
      </c>
      <c r="D2638" s="521">
        <v>1</v>
      </c>
      <c r="E2638" s="520"/>
      <c r="F2638" s="519"/>
      <c r="G2638" s="518" t="s">
        <v>651</v>
      </c>
      <c r="H2638" s="517"/>
      <c r="I2638" s="517"/>
      <c r="J2638" s="517"/>
      <c r="K2638" s="516"/>
    </row>
    <row r="2639" spans="1:11" ht="13.7" customHeight="1">
      <c r="A2639" s="741"/>
      <c r="B2639" s="742"/>
      <c r="C2639" s="515"/>
      <c r="D2639" s="514"/>
      <c r="E2639" s="513"/>
      <c r="F2639" s="512"/>
      <c r="G2639" s="511" t="s">
        <v>651</v>
      </c>
      <c r="H2639" s="510"/>
      <c r="I2639" s="510"/>
      <c r="J2639" s="510"/>
      <c r="K2639" s="509"/>
    </row>
    <row r="2640" spans="1:11" ht="13.7" customHeight="1">
      <c r="A2640" s="743" t="s">
        <v>751</v>
      </c>
      <c r="B2640" s="744"/>
      <c r="C2640" s="533"/>
      <c r="D2640" s="532"/>
      <c r="E2640" s="531"/>
      <c r="F2640" s="530"/>
      <c r="G2640" s="529" t="s">
        <v>1206</v>
      </c>
      <c r="H2640" s="528"/>
      <c r="I2640" s="528"/>
      <c r="J2640" s="528"/>
      <c r="K2640" s="527"/>
    </row>
    <row r="2641" spans="1:11" ht="13.7" customHeight="1">
      <c r="A2641" s="745"/>
      <c r="B2641" s="740"/>
      <c r="C2641" s="526"/>
      <c r="D2641" s="525"/>
      <c r="E2641" s="524"/>
      <c r="F2641" s="523" t="s">
        <v>651</v>
      </c>
      <c r="G2641" s="518" t="s">
        <v>651</v>
      </c>
      <c r="H2641" s="517"/>
      <c r="I2641" s="517"/>
      <c r="J2641" s="517"/>
      <c r="K2641" s="516"/>
    </row>
    <row r="2642" spans="1:11" ht="13.7" customHeight="1">
      <c r="A2642" s="739" t="s">
        <v>779</v>
      </c>
      <c r="B2642" s="740"/>
      <c r="C2642" s="522" t="s">
        <v>697</v>
      </c>
      <c r="D2642" s="521">
        <v>9</v>
      </c>
      <c r="E2642" s="520"/>
      <c r="F2642" s="519"/>
      <c r="G2642" s="518" t="s">
        <v>651</v>
      </c>
      <c r="H2642" s="517"/>
      <c r="I2642" s="517"/>
      <c r="J2642" s="517"/>
      <c r="K2642" s="516"/>
    </row>
    <row r="2643" spans="1:11" ht="13.7" customHeight="1">
      <c r="A2643" s="741"/>
      <c r="B2643" s="742"/>
      <c r="C2643" s="515"/>
      <c r="D2643" s="514"/>
      <c r="E2643" s="513"/>
      <c r="F2643" s="512"/>
      <c r="G2643" s="511" t="s">
        <v>651</v>
      </c>
      <c r="H2643" s="510"/>
      <c r="I2643" s="510"/>
      <c r="J2643" s="510"/>
      <c r="K2643" s="509"/>
    </row>
    <row r="2644" spans="1:11" ht="13.7" customHeight="1">
      <c r="A2644" s="743" t="s">
        <v>793</v>
      </c>
      <c r="B2644" s="744"/>
      <c r="C2644" s="533"/>
      <c r="D2644" s="532"/>
      <c r="E2644" s="531"/>
      <c r="F2644" s="530"/>
      <c r="G2644" s="529" t="s">
        <v>1205</v>
      </c>
      <c r="H2644" s="528"/>
      <c r="I2644" s="528"/>
      <c r="J2644" s="528"/>
      <c r="K2644" s="527"/>
    </row>
    <row r="2645" spans="1:11" ht="13.7" customHeight="1">
      <c r="A2645" s="745"/>
      <c r="B2645" s="740"/>
      <c r="C2645" s="526"/>
      <c r="D2645" s="525"/>
      <c r="E2645" s="524"/>
      <c r="F2645" s="523" t="s">
        <v>651</v>
      </c>
      <c r="G2645" s="518" t="s">
        <v>651</v>
      </c>
      <c r="H2645" s="517"/>
      <c r="I2645" s="517"/>
      <c r="J2645" s="517"/>
      <c r="K2645" s="516"/>
    </row>
    <row r="2646" spans="1:11" ht="13.7" customHeight="1">
      <c r="A2646" s="739" t="s">
        <v>1204</v>
      </c>
      <c r="B2646" s="740"/>
      <c r="C2646" s="522" t="s">
        <v>697</v>
      </c>
      <c r="D2646" s="521">
        <v>2</v>
      </c>
      <c r="E2646" s="520"/>
      <c r="F2646" s="519"/>
      <c r="G2646" s="518" t="s">
        <v>651</v>
      </c>
      <c r="H2646" s="517"/>
      <c r="I2646" s="517"/>
      <c r="J2646" s="517"/>
      <c r="K2646" s="516"/>
    </row>
    <row r="2647" spans="1:11" ht="13.7" customHeight="1">
      <c r="A2647" s="741"/>
      <c r="B2647" s="742"/>
      <c r="C2647" s="515"/>
      <c r="D2647" s="514"/>
      <c r="E2647" s="513"/>
      <c r="F2647" s="512"/>
      <c r="G2647" s="511" t="s">
        <v>651</v>
      </c>
      <c r="H2647" s="510"/>
      <c r="I2647" s="510"/>
      <c r="J2647" s="510"/>
      <c r="K2647" s="509"/>
    </row>
    <row r="2648" spans="1:11" ht="13.7" customHeight="1">
      <c r="A2648" s="743" t="s">
        <v>821</v>
      </c>
      <c r="B2648" s="744"/>
      <c r="C2648" s="533"/>
      <c r="D2648" s="532"/>
      <c r="E2648" s="531"/>
      <c r="F2648" s="530"/>
      <c r="G2648" s="529" t="s">
        <v>1203</v>
      </c>
      <c r="H2648" s="528"/>
      <c r="I2648" s="528"/>
      <c r="J2648" s="528"/>
      <c r="K2648" s="527"/>
    </row>
    <row r="2649" spans="1:11" ht="13.7" customHeight="1">
      <c r="A2649" s="745"/>
      <c r="B2649" s="740"/>
      <c r="C2649" s="526"/>
      <c r="D2649" s="525"/>
      <c r="E2649" s="524"/>
      <c r="F2649" s="523" t="s">
        <v>651</v>
      </c>
      <c r="G2649" s="518" t="s">
        <v>651</v>
      </c>
      <c r="H2649" s="517"/>
      <c r="I2649" s="517"/>
      <c r="J2649" s="517"/>
      <c r="K2649" s="516"/>
    </row>
    <row r="2650" spans="1:11" ht="13.7" customHeight="1">
      <c r="A2650" s="739" t="s">
        <v>816</v>
      </c>
      <c r="B2650" s="740"/>
      <c r="C2650" s="522" t="s">
        <v>697</v>
      </c>
      <c r="D2650" s="521">
        <v>2</v>
      </c>
      <c r="E2650" s="520"/>
      <c r="F2650" s="519"/>
      <c r="G2650" s="518" t="s">
        <v>651</v>
      </c>
      <c r="H2650" s="517"/>
      <c r="I2650" s="517"/>
      <c r="J2650" s="517"/>
      <c r="K2650" s="516"/>
    </row>
    <row r="2651" spans="1:11" ht="13.7" customHeight="1">
      <c r="A2651" s="741"/>
      <c r="B2651" s="742"/>
      <c r="C2651" s="515"/>
      <c r="D2651" s="514"/>
      <c r="E2651" s="513"/>
      <c r="F2651" s="512"/>
      <c r="G2651" s="511" t="s">
        <v>651</v>
      </c>
      <c r="H2651" s="510"/>
      <c r="I2651" s="510"/>
      <c r="J2651" s="510"/>
      <c r="K2651" s="509"/>
    </row>
    <row r="2652" spans="1:11" ht="13.7" customHeight="1">
      <c r="A2652" s="743" t="s">
        <v>751</v>
      </c>
      <c r="B2652" s="744"/>
      <c r="C2652" s="533"/>
      <c r="D2652" s="532"/>
      <c r="E2652" s="531"/>
      <c r="F2652" s="530"/>
      <c r="G2652" s="529" t="s">
        <v>1202</v>
      </c>
      <c r="H2652" s="528"/>
      <c r="I2652" s="528"/>
      <c r="J2652" s="528"/>
      <c r="K2652" s="527"/>
    </row>
    <row r="2653" spans="1:11" ht="13.7" customHeight="1">
      <c r="A2653" s="745"/>
      <c r="B2653" s="740"/>
      <c r="C2653" s="526"/>
      <c r="D2653" s="525"/>
      <c r="E2653" s="524"/>
      <c r="F2653" s="523" t="s">
        <v>651</v>
      </c>
      <c r="G2653" s="518" t="s">
        <v>651</v>
      </c>
      <c r="H2653" s="517"/>
      <c r="I2653" s="517"/>
      <c r="J2653" s="517"/>
      <c r="K2653" s="516"/>
    </row>
    <row r="2654" spans="1:11" ht="13.7" customHeight="1">
      <c r="A2654" s="739" t="s">
        <v>1201</v>
      </c>
      <c r="B2654" s="740"/>
      <c r="C2654" s="522" t="s">
        <v>697</v>
      </c>
      <c r="D2654" s="521">
        <v>3</v>
      </c>
      <c r="E2654" s="520"/>
      <c r="F2654" s="519"/>
      <c r="G2654" s="518" t="s">
        <v>651</v>
      </c>
      <c r="H2654" s="517"/>
      <c r="I2654" s="517"/>
      <c r="J2654" s="517"/>
      <c r="K2654" s="516"/>
    </row>
    <row r="2655" spans="1:11" ht="13.7" customHeight="1">
      <c r="A2655" s="741"/>
      <c r="B2655" s="742"/>
      <c r="C2655" s="515"/>
      <c r="D2655" s="514"/>
      <c r="E2655" s="513"/>
      <c r="F2655" s="512"/>
      <c r="G2655" s="511" t="s">
        <v>651</v>
      </c>
      <c r="H2655" s="510"/>
      <c r="I2655" s="510"/>
      <c r="J2655" s="510"/>
      <c r="K2655" s="509"/>
    </row>
    <row r="2656" spans="1:11" ht="13.7" customHeight="1">
      <c r="A2656" s="743" t="s">
        <v>1662</v>
      </c>
      <c r="B2656" s="744"/>
      <c r="C2656" s="533"/>
      <c r="D2656" s="532"/>
      <c r="E2656" s="531"/>
      <c r="F2656" s="530"/>
      <c r="G2656" s="529" t="s">
        <v>1200</v>
      </c>
      <c r="H2656" s="528"/>
      <c r="I2656" s="528"/>
      <c r="J2656" s="528"/>
      <c r="K2656" s="527"/>
    </row>
    <row r="2657" spans="1:11" ht="13.7" customHeight="1">
      <c r="A2657" s="745"/>
      <c r="B2657" s="740"/>
      <c r="C2657" s="526"/>
      <c r="D2657" s="525"/>
      <c r="E2657" s="524"/>
      <c r="F2657" s="523" t="s">
        <v>651</v>
      </c>
      <c r="G2657" s="518" t="s">
        <v>651</v>
      </c>
      <c r="H2657" s="517"/>
      <c r="I2657" s="517"/>
      <c r="J2657" s="517"/>
      <c r="K2657" s="516"/>
    </row>
    <row r="2658" spans="1:11" ht="13.7" customHeight="1">
      <c r="A2658" s="739" t="s">
        <v>1199</v>
      </c>
      <c r="B2658" s="740"/>
      <c r="C2658" s="522" t="s">
        <v>234</v>
      </c>
      <c r="D2658" s="521">
        <v>3</v>
      </c>
      <c r="E2658" s="520"/>
      <c r="F2658" s="519"/>
      <c r="G2658" s="518" t="s">
        <v>651</v>
      </c>
      <c r="H2658" s="517"/>
      <c r="I2658" s="517"/>
      <c r="J2658" s="517"/>
      <c r="K2658" s="516"/>
    </row>
    <row r="2659" spans="1:11" ht="13.7" customHeight="1">
      <c r="A2659" s="741"/>
      <c r="B2659" s="742"/>
      <c r="C2659" s="515"/>
      <c r="D2659" s="514"/>
      <c r="E2659" s="513"/>
      <c r="F2659" s="512"/>
      <c r="G2659" s="511" t="s">
        <v>651</v>
      </c>
      <c r="H2659" s="510"/>
      <c r="I2659" s="510"/>
      <c r="J2659" s="510"/>
      <c r="K2659" s="509"/>
    </row>
    <row r="2660" spans="1:11" ht="13.7" customHeight="1">
      <c r="A2660" s="743" t="s">
        <v>1066</v>
      </c>
      <c r="B2660" s="744"/>
      <c r="C2660" s="533"/>
      <c r="D2660" s="532"/>
      <c r="E2660" s="531"/>
      <c r="F2660" s="530"/>
      <c r="G2660" s="529" t="s">
        <v>1065</v>
      </c>
      <c r="H2660" s="528"/>
      <c r="I2660" s="528"/>
      <c r="J2660" s="528"/>
      <c r="K2660" s="527"/>
    </row>
    <row r="2661" spans="1:11" ht="13.7" customHeight="1">
      <c r="A2661" s="745"/>
      <c r="B2661" s="740"/>
      <c r="C2661" s="526"/>
      <c r="D2661" s="525"/>
      <c r="E2661" s="524"/>
      <c r="F2661" s="523" t="s">
        <v>651</v>
      </c>
      <c r="G2661" s="518" t="s">
        <v>651</v>
      </c>
      <c r="H2661" s="517"/>
      <c r="I2661" s="517"/>
      <c r="J2661" s="517"/>
      <c r="K2661" s="516"/>
    </row>
    <row r="2662" spans="1:11" ht="13.7" customHeight="1">
      <c r="A2662" s="739" t="s">
        <v>1064</v>
      </c>
      <c r="B2662" s="740"/>
      <c r="C2662" s="522" t="s">
        <v>194</v>
      </c>
      <c r="D2662" s="521">
        <v>0.9</v>
      </c>
      <c r="E2662" s="520"/>
      <c r="F2662" s="519"/>
      <c r="G2662" s="518" t="s">
        <v>651</v>
      </c>
      <c r="H2662" s="517"/>
      <c r="I2662" s="517"/>
      <c r="J2662" s="517"/>
      <c r="K2662" s="516"/>
    </row>
    <row r="2663" spans="1:11" ht="13.7" customHeight="1">
      <c r="A2663" s="741"/>
      <c r="B2663" s="742"/>
      <c r="C2663" s="515"/>
      <c r="D2663" s="514"/>
      <c r="E2663" s="513"/>
      <c r="F2663" s="512"/>
      <c r="G2663" s="511" t="s">
        <v>651</v>
      </c>
      <c r="H2663" s="510"/>
      <c r="I2663" s="510"/>
      <c r="J2663" s="510"/>
      <c r="K2663" s="509"/>
    </row>
    <row r="2664" spans="1:11" ht="13.7" customHeight="1"/>
    <row r="2665" spans="1:11" ht="13.7" customHeight="1"/>
    <row r="2666" spans="1:11" ht="6.2" customHeight="1"/>
    <row r="2667" spans="1:11" ht="14.1" customHeight="1">
      <c r="A2667" s="543" t="s">
        <v>1198</v>
      </c>
      <c r="B2667" s="540" t="s">
        <v>1197</v>
      </c>
      <c r="C2667" s="540"/>
      <c r="D2667" s="540"/>
      <c r="E2667" s="540"/>
      <c r="F2667" s="540"/>
      <c r="G2667" s="542" t="s">
        <v>617</v>
      </c>
      <c r="H2667" s="541" t="s">
        <v>893</v>
      </c>
      <c r="I2667" s="540" t="s">
        <v>1007</v>
      </c>
      <c r="J2667" s="540"/>
      <c r="K2667" s="539"/>
    </row>
    <row r="2668" spans="1:11" ht="24" customHeight="1">
      <c r="A2668" s="538" t="s">
        <v>651</v>
      </c>
      <c r="B2668" s="537" t="s">
        <v>651</v>
      </c>
      <c r="C2668" s="537"/>
      <c r="D2668" s="537"/>
      <c r="E2668" s="537"/>
      <c r="F2668" s="537"/>
      <c r="G2668" s="751">
        <v>1</v>
      </c>
      <c r="H2668" s="751"/>
      <c r="I2668" s="751"/>
      <c r="J2668" s="536" t="s">
        <v>242</v>
      </c>
      <c r="K2668" s="535" t="s">
        <v>618</v>
      </c>
    </row>
    <row r="2669" spans="1:11" ht="17.100000000000001" customHeight="1">
      <c r="A2669" s="746" t="s">
        <v>1006</v>
      </c>
      <c r="B2669" s="747"/>
      <c r="C2669" s="534" t="s">
        <v>309</v>
      </c>
      <c r="D2669" s="534" t="s">
        <v>619</v>
      </c>
      <c r="E2669" s="534" t="s">
        <v>620</v>
      </c>
      <c r="F2669" s="534" t="s">
        <v>659</v>
      </c>
      <c r="G2669" s="748" t="s">
        <v>1005</v>
      </c>
      <c r="H2669" s="749"/>
      <c r="I2669" s="749"/>
      <c r="J2669" s="749"/>
      <c r="K2669" s="750"/>
    </row>
    <row r="2670" spans="1:11" ht="13.7" customHeight="1">
      <c r="A2670" s="743" t="s">
        <v>815</v>
      </c>
      <c r="B2670" s="744"/>
      <c r="C2670" s="533"/>
      <c r="D2670" s="532"/>
      <c r="E2670" s="531"/>
      <c r="F2670" s="530"/>
      <c r="G2670" s="529" t="s">
        <v>1060</v>
      </c>
      <c r="H2670" s="528"/>
      <c r="I2670" s="528"/>
      <c r="J2670" s="528"/>
      <c r="K2670" s="527"/>
    </row>
    <row r="2671" spans="1:11" ht="13.7" customHeight="1">
      <c r="A2671" s="745"/>
      <c r="B2671" s="740"/>
      <c r="C2671" s="526"/>
      <c r="D2671" s="525"/>
      <c r="E2671" s="524"/>
      <c r="F2671" s="523" t="s">
        <v>651</v>
      </c>
      <c r="G2671" s="518" t="s">
        <v>651</v>
      </c>
      <c r="H2671" s="517"/>
      <c r="I2671" s="517"/>
      <c r="J2671" s="517"/>
      <c r="K2671" s="516"/>
    </row>
    <row r="2672" spans="1:11" ht="13.7" customHeight="1">
      <c r="A2672" s="739" t="s">
        <v>1059</v>
      </c>
      <c r="B2672" s="740"/>
      <c r="C2672" s="522" t="s">
        <v>246</v>
      </c>
      <c r="D2672" s="521">
        <v>3</v>
      </c>
      <c r="E2672" s="520"/>
      <c r="F2672" s="519"/>
      <c r="G2672" s="518" t="s">
        <v>651</v>
      </c>
      <c r="H2672" s="517"/>
      <c r="I2672" s="517"/>
      <c r="J2672" s="517"/>
      <c r="K2672" s="516"/>
    </row>
    <row r="2673" spans="1:11" ht="13.7" customHeight="1">
      <c r="A2673" s="741"/>
      <c r="B2673" s="742"/>
      <c r="C2673" s="515"/>
      <c r="D2673" s="514"/>
      <c r="E2673" s="513"/>
      <c r="F2673" s="512"/>
      <c r="G2673" s="511" t="s">
        <v>651</v>
      </c>
      <c r="H2673" s="510"/>
      <c r="I2673" s="510"/>
      <c r="J2673" s="510"/>
      <c r="K2673" s="509"/>
    </row>
    <row r="2674" spans="1:11" ht="13.7" customHeight="1">
      <c r="A2674" s="743" t="s">
        <v>813</v>
      </c>
      <c r="B2674" s="744"/>
      <c r="C2674" s="533"/>
      <c r="D2674" s="532"/>
      <c r="E2674" s="531"/>
      <c r="F2674" s="530"/>
      <c r="G2674" s="529" t="s">
        <v>1058</v>
      </c>
      <c r="H2674" s="528"/>
      <c r="I2674" s="528"/>
      <c r="J2674" s="528"/>
      <c r="K2674" s="527"/>
    </row>
    <row r="2675" spans="1:11" ht="13.7" customHeight="1">
      <c r="A2675" s="745"/>
      <c r="B2675" s="740"/>
      <c r="C2675" s="526"/>
      <c r="D2675" s="525"/>
      <c r="E2675" s="524"/>
      <c r="F2675" s="523" t="s">
        <v>651</v>
      </c>
      <c r="G2675" s="518" t="s">
        <v>651</v>
      </c>
      <c r="H2675" s="517"/>
      <c r="I2675" s="517"/>
      <c r="J2675" s="517"/>
      <c r="K2675" s="516"/>
    </row>
    <row r="2676" spans="1:11" ht="13.7" customHeight="1">
      <c r="A2676" s="739" t="s">
        <v>1057</v>
      </c>
      <c r="B2676" s="740"/>
      <c r="C2676" s="522" t="s">
        <v>246</v>
      </c>
      <c r="D2676" s="521">
        <v>3</v>
      </c>
      <c r="E2676" s="520"/>
      <c r="F2676" s="519"/>
      <c r="G2676" s="518" t="s">
        <v>651</v>
      </c>
      <c r="H2676" s="517"/>
      <c r="I2676" s="517"/>
      <c r="J2676" s="517"/>
      <c r="K2676" s="516"/>
    </row>
    <row r="2677" spans="1:11" ht="13.7" customHeight="1">
      <c r="A2677" s="741"/>
      <c r="B2677" s="742"/>
      <c r="C2677" s="515"/>
      <c r="D2677" s="514"/>
      <c r="E2677" s="513"/>
      <c r="F2677" s="512"/>
      <c r="G2677" s="511" t="s">
        <v>651</v>
      </c>
      <c r="H2677" s="510"/>
      <c r="I2677" s="510"/>
      <c r="J2677" s="510"/>
      <c r="K2677" s="509"/>
    </row>
    <row r="2678" spans="1:11" ht="13.7" customHeight="1">
      <c r="A2678" s="743" t="s">
        <v>811</v>
      </c>
      <c r="B2678" s="744"/>
      <c r="C2678" s="533"/>
      <c r="D2678" s="532"/>
      <c r="E2678" s="531"/>
      <c r="F2678" s="530"/>
      <c r="G2678" s="529" t="s">
        <v>1196</v>
      </c>
      <c r="H2678" s="528"/>
      <c r="I2678" s="528"/>
      <c r="J2678" s="528"/>
      <c r="K2678" s="527"/>
    </row>
    <row r="2679" spans="1:11" ht="13.7" customHeight="1">
      <c r="A2679" s="745"/>
      <c r="B2679" s="740"/>
      <c r="C2679" s="526"/>
      <c r="D2679" s="525"/>
      <c r="E2679" s="524"/>
      <c r="F2679" s="523" t="s">
        <v>651</v>
      </c>
      <c r="G2679" s="518" t="s">
        <v>651</v>
      </c>
      <c r="H2679" s="517"/>
      <c r="I2679" s="517"/>
      <c r="J2679" s="517"/>
      <c r="K2679" s="516"/>
    </row>
    <row r="2680" spans="1:11" ht="13.7" customHeight="1">
      <c r="A2680" s="739" t="s">
        <v>1195</v>
      </c>
      <c r="B2680" s="740"/>
      <c r="C2680" s="522" t="s">
        <v>246</v>
      </c>
      <c r="D2680" s="521">
        <v>2</v>
      </c>
      <c r="E2680" s="520"/>
      <c r="F2680" s="519"/>
      <c r="G2680" s="518" t="s">
        <v>651</v>
      </c>
      <c r="H2680" s="517"/>
      <c r="I2680" s="517"/>
      <c r="J2680" s="517"/>
      <c r="K2680" s="516"/>
    </row>
    <row r="2681" spans="1:11" ht="13.7" customHeight="1">
      <c r="A2681" s="741"/>
      <c r="B2681" s="742"/>
      <c r="C2681" s="515"/>
      <c r="D2681" s="514"/>
      <c r="E2681" s="513"/>
      <c r="F2681" s="512"/>
      <c r="G2681" s="511" t="s">
        <v>651</v>
      </c>
      <c r="H2681" s="510"/>
      <c r="I2681" s="510"/>
      <c r="J2681" s="510"/>
      <c r="K2681" s="509"/>
    </row>
    <row r="2682" spans="1:11" ht="13.7" customHeight="1">
      <c r="A2682" s="743" t="s">
        <v>809</v>
      </c>
      <c r="B2682" s="744"/>
      <c r="C2682" s="533"/>
      <c r="D2682" s="532"/>
      <c r="E2682" s="531"/>
      <c r="F2682" s="530"/>
      <c r="G2682" s="529" t="s">
        <v>1052</v>
      </c>
      <c r="H2682" s="528"/>
      <c r="I2682" s="528"/>
      <c r="J2682" s="528"/>
      <c r="K2682" s="527"/>
    </row>
    <row r="2683" spans="1:11" ht="13.7" customHeight="1">
      <c r="A2683" s="745"/>
      <c r="B2683" s="740"/>
      <c r="C2683" s="526"/>
      <c r="D2683" s="525"/>
      <c r="E2683" s="524"/>
      <c r="F2683" s="523" t="s">
        <v>651</v>
      </c>
      <c r="G2683" s="518" t="s">
        <v>651</v>
      </c>
      <c r="H2683" s="517"/>
      <c r="I2683" s="517"/>
      <c r="J2683" s="517"/>
      <c r="K2683" s="516"/>
    </row>
    <row r="2684" spans="1:11" ht="13.7" customHeight="1">
      <c r="A2684" s="739" t="s">
        <v>1051</v>
      </c>
      <c r="B2684" s="740"/>
      <c r="C2684" s="522" t="s">
        <v>246</v>
      </c>
      <c r="D2684" s="521">
        <v>1</v>
      </c>
      <c r="E2684" s="520"/>
      <c r="F2684" s="519"/>
      <c r="G2684" s="518" t="s">
        <v>651</v>
      </c>
      <c r="H2684" s="517"/>
      <c r="I2684" s="517"/>
      <c r="J2684" s="517"/>
      <c r="K2684" s="516"/>
    </row>
    <row r="2685" spans="1:11" ht="13.7" customHeight="1">
      <c r="A2685" s="741"/>
      <c r="B2685" s="742"/>
      <c r="C2685" s="515"/>
      <c r="D2685" s="514"/>
      <c r="E2685" s="513"/>
      <c r="F2685" s="512"/>
      <c r="G2685" s="511" t="s">
        <v>651</v>
      </c>
      <c r="H2685" s="510"/>
      <c r="I2685" s="510"/>
      <c r="J2685" s="510"/>
      <c r="K2685" s="509"/>
    </row>
    <row r="2686" spans="1:11" ht="13.7" customHeight="1">
      <c r="A2686" s="743" t="s">
        <v>807</v>
      </c>
      <c r="B2686" s="744"/>
      <c r="C2686" s="533"/>
      <c r="D2686" s="532"/>
      <c r="E2686" s="531"/>
      <c r="F2686" s="530"/>
      <c r="G2686" s="529" t="s">
        <v>1050</v>
      </c>
      <c r="H2686" s="528"/>
      <c r="I2686" s="528"/>
      <c r="J2686" s="528"/>
      <c r="K2686" s="527"/>
    </row>
    <row r="2687" spans="1:11" ht="13.7" customHeight="1">
      <c r="A2687" s="745"/>
      <c r="B2687" s="740"/>
      <c r="C2687" s="526"/>
      <c r="D2687" s="525"/>
      <c r="E2687" s="524"/>
      <c r="F2687" s="523" t="s">
        <v>651</v>
      </c>
      <c r="G2687" s="518" t="s">
        <v>651</v>
      </c>
      <c r="H2687" s="517"/>
      <c r="I2687" s="517"/>
      <c r="J2687" s="517"/>
      <c r="K2687" s="516"/>
    </row>
    <row r="2688" spans="1:11" ht="13.7" customHeight="1">
      <c r="A2688" s="739" t="s">
        <v>1049</v>
      </c>
      <c r="B2688" s="740"/>
      <c r="C2688" s="522" t="s">
        <v>246</v>
      </c>
      <c r="D2688" s="521">
        <v>3</v>
      </c>
      <c r="E2688" s="520"/>
      <c r="F2688" s="519"/>
      <c r="G2688" s="518" t="s">
        <v>651</v>
      </c>
      <c r="H2688" s="517"/>
      <c r="I2688" s="517"/>
      <c r="J2688" s="517"/>
      <c r="K2688" s="516"/>
    </row>
    <row r="2689" spans="1:11" ht="13.7" customHeight="1">
      <c r="A2689" s="741"/>
      <c r="B2689" s="742"/>
      <c r="C2689" s="515"/>
      <c r="D2689" s="514"/>
      <c r="E2689" s="513"/>
      <c r="F2689" s="512"/>
      <c r="G2689" s="511" t="s">
        <v>651</v>
      </c>
      <c r="H2689" s="510"/>
      <c r="I2689" s="510"/>
      <c r="J2689" s="510"/>
      <c r="K2689" s="509"/>
    </row>
    <row r="2690" spans="1:11" ht="13.7" customHeight="1">
      <c r="A2690" s="743" t="s">
        <v>651</v>
      </c>
      <c r="B2690" s="744"/>
      <c r="C2690" s="533"/>
      <c r="D2690" s="532"/>
      <c r="E2690" s="531"/>
      <c r="F2690" s="530"/>
      <c r="G2690" s="529" t="s">
        <v>651</v>
      </c>
      <c r="H2690" s="528"/>
      <c r="I2690" s="528"/>
      <c r="J2690" s="528"/>
      <c r="K2690" s="527"/>
    </row>
    <row r="2691" spans="1:11" ht="13.7" customHeight="1">
      <c r="A2691" s="745"/>
      <c r="B2691" s="740"/>
      <c r="C2691" s="526"/>
      <c r="D2691" s="525"/>
      <c r="E2691" s="524"/>
      <c r="F2691" s="523" t="s">
        <v>651</v>
      </c>
      <c r="G2691" s="518" t="s">
        <v>651</v>
      </c>
      <c r="H2691" s="517"/>
      <c r="I2691" s="517"/>
      <c r="J2691" s="517"/>
      <c r="K2691" s="516"/>
    </row>
    <row r="2692" spans="1:11" ht="13.7" customHeight="1">
      <c r="A2692" s="739" t="s">
        <v>652</v>
      </c>
      <c r="B2692" s="740"/>
      <c r="C2692" s="522" t="s">
        <v>242</v>
      </c>
      <c r="D2692" s="521">
        <v>1</v>
      </c>
      <c r="E2692" s="520"/>
      <c r="F2692" s="519"/>
      <c r="G2692" s="518" t="s">
        <v>651</v>
      </c>
      <c r="H2692" s="517"/>
      <c r="I2692" s="517"/>
      <c r="J2692" s="517"/>
      <c r="K2692" s="516"/>
    </row>
    <row r="2693" spans="1:11" ht="13.7" customHeight="1">
      <c r="A2693" s="741"/>
      <c r="B2693" s="742"/>
      <c r="C2693" s="515"/>
      <c r="D2693" s="514"/>
      <c r="E2693" s="513"/>
      <c r="F2693" s="512"/>
      <c r="G2693" s="511" t="s">
        <v>651</v>
      </c>
      <c r="H2693" s="510"/>
      <c r="I2693" s="510"/>
      <c r="J2693" s="510"/>
      <c r="K2693" s="509"/>
    </row>
    <row r="2694" spans="1:11" ht="13.7" customHeight="1">
      <c r="A2694" s="743" t="s">
        <v>651</v>
      </c>
      <c r="B2694" s="744"/>
      <c r="C2694" s="533"/>
      <c r="D2694" s="532"/>
      <c r="E2694" s="531"/>
      <c r="F2694" s="530"/>
      <c r="G2694" s="529" t="s">
        <v>651</v>
      </c>
      <c r="H2694" s="528"/>
      <c r="I2694" s="528"/>
      <c r="J2694" s="528"/>
      <c r="K2694" s="527"/>
    </row>
    <row r="2695" spans="1:11" ht="13.7" customHeight="1">
      <c r="A2695" s="745"/>
      <c r="B2695" s="740"/>
      <c r="C2695" s="526"/>
      <c r="D2695" s="525"/>
      <c r="E2695" s="524"/>
      <c r="F2695" s="523" t="s">
        <v>651</v>
      </c>
      <c r="G2695" s="518" t="s">
        <v>651</v>
      </c>
      <c r="H2695" s="517"/>
      <c r="I2695" s="517"/>
      <c r="J2695" s="517"/>
      <c r="K2695" s="516"/>
    </row>
    <row r="2696" spans="1:11" ht="13.7" customHeight="1">
      <c r="A2696" s="739" t="s">
        <v>681</v>
      </c>
      <c r="B2696" s="740"/>
      <c r="C2696" s="522" t="s">
        <v>242</v>
      </c>
      <c r="D2696" s="521">
        <v>1</v>
      </c>
      <c r="E2696" s="520" t="s">
        <v>1002</v>
      </c>
      <c r="F2696" s="519"/>
      <c r="G2696" s="518" t="s">
        <v>651</v>
      </c>
      <c r="H2696" s="517"/>
      <c r="I2696" s="517"/>
      <c r="J2696" s="517"/>
      <c r="K2696" s="516"/>
    </row>
    <row r="2697" spans="1:11" ht="13.7" customHeight="1">
      <c r="A2697" s="741"/>
      <c r="B2697" s="742"/>
      <c r="C2697" s="515"/>
      <c r="D2697" s="514"/>
      <c r="E2697" s="513"/>
      <c r="F2697" s="512"/>
      <c r="G2697" s="511" t="s">
        <v>651</v>
      </c>
      <c r="H2697" s="510"/>
      <c r="I2697" s="510"/>
      <c r="J2697" s="510"/>
      <c r="K2697" s="509"/>
    </row>
    <row r="2698" spans="1:11" ht="13.7" customHeight="1"/>
    <row r="2699" spans="1:11" ht="13.7" customHeight="1"/>
    <row r="2700" spans="1:11" ht="13.7" customHeight="1"/>
    <row r="2701" spans="1:11" ht="13.7" customHeight="1"/>
    <row r="2702" spans="1:11" ht="13.7" customHeight="1"/>
    <row r="2703" spans="1:11" ht="13.7" customHeight="1"/>
    <row r="2704" spans="1:11" ht="6.2" customHeight="1"/>
    <row r="2705" spans="1:11" ht="14.1" customHeight="1">
      <c r="A2705" s="543" t="s">
        <v>1194</v>
      </c>
      <c r="B2705" s="540" t="s">
        <v>1193</v>
      </c>
      <c r="C2705" s="540"/>
      <c r="D2705" s="540"/>
      <c r="E2705" s="540"/>
      <c r="F2705" s="540"/>
      <c r="G2705" s="542" t="s">
        <v>617</v>
      </c>
      <c r="H2705" s="541" t="s">
        <v>890</v>
      </c>
      <c r="I2705" s="540" t="s">
        <v>1007</v>
      </c>
      <c r="J2705" s="540"/>
      <c r="K2705" s="539"/>
    </row>
    <row r="2706" spans="1:11" ht="24" customHeight="1">
      <c r="A2706" s="538" t="s">
        <v>651</v>
      </c>
      <c r="B2706" s="537" t="s">
        <v>651</v>
      </c>
      <c r="C2706" s="537"/>
      <c r="D2706" s="537"/>
      <c r="E2706" s="537"/>
      <c r="F2706" s="537"/>
      <c r="G2706" s="751">
        <v>1</v>
      </c>
      <c r="H2706" s="751"/>
      <c r="I2706" s="751"/>
      <c r="J2706" s="536" t="s">
        <v>242</v>
      </c>
      <c r="K2706" s="535" t="s">
        <v>618</v>
      </c>
    </row>
    <row r="2707" spans="1:11" ht="17.100000000000001" customHeight="1">
      <c r="A2707" s="746" t="s">
        <v>1006</v>
      </c>
      <c r="B2707" s="747"/>
      <c r="C2707" s="534" t="s">
        <v>309</v>
      </c>
      <c r="D2707" s="534" t="s">
        <v>619</v>
      </c>
      <c r="E2707" s="534" t="s">
        <v>620</v>
      </c>
      <c r="F2707" s="534" t="s">
        <v>659</v>
      </c>
      <c r="G2707" s="748" t="s">
        <v>1005</v>
      </c>
      <c r="H2707" s="749"/>
      <c r="I2707" s="749"/>
      <c r="J2707" s="749"/>
      <c r="K2707" s="750"/>
    </row>
    <row r="2708" spans="1:11" ht="13.7" customHeight="1">
      <c r="A2708" s="743" t="s">
        <v>958</v>
      </c>
      <c r="B2708" s="744"/>
      <c r="C2708" s="533"/>
      <c r="D2708" s="532"/>
      <c r="E2708" s="531"/>
      <c r="F2708" s="530"/>
      <c r="G2708" s="529" t="s">
        <v>1016</v>
      </c>
      <c r="H2708" s="528"/>
      <c r="I2708" s="528"/>
      <c r="J2708" s="528"/>
      <c r="K2708" s="527"/>
    </row>
    <row r="2709" spans="1:11" ht="13.7" customHeight="1">
      <c r="A2709" s="745"/>
      <c r="B2709" s="740"/>
      <c r="C2709" s="526"/>
      <c r="D2709" s="525"/>
      <c r="E2709" s="524"/>
      <c r="F2709" s="523" t="s">
        <v>651</v>
      </c>
      <c r="G2709" s="518" t="s">
        <v>651</v>
      </c>
      <c r="H2709" s="517"/>
      <c r="I2709" s="517"/>
      <c r="J2709" s="517"/>
      <c r="K2709" s="516"/>
    </row>
    <row r="2710" spans="1:11" ht="13.7" customHeight="1">
      <c r="A2710" s="739" t="s">
        <v>1686</v>
      </c>
      <c r="B2710" s="740"/>
      <c r="C2710" s="522" t="s">
        <v>193</v>
      </c>
      <c r="D2710" s="521">
        <v>31</v>
      </c>
      <c r="E2710" s="520"/>
      <c r="F2710" s="519"/>
      <c r="G2710" s="518" t="s">
        <v>651</v>
      </c>
      <c r="H2710" s="517"/>
      <c r="I2710" s="517"/>
      <c r="J2710" s="517"/>
      <c r="K2710" s="516"/>
    </row>
    <row r="2711" spans="1:11" ht="13.7" customHeight="1">
      <c r="A2711" s="741"/>
      <c r="B2711" s="742"/>
      <c r="C2711" s="515"/>
      <c r="D2711" s="514"/>
      <c r="E2711" s="513"/>
      <c r="F2711" s="512"/>
      <c r="G2711" s="511" t="s">
        <v>651</v>
      </c>
      <c r="H2711" s="510"/>
      <c r="I2711" s="510"/>
      <c r="J2711" s="510"/>
      <c r="K2711" s="509"/>
    </row>
    <row r="2712" spans="1:11" ht="13.7" customHeight="1">
      <c r="A2712" s="743" t="s">
        <v>1015</v>
      </c>
      <c r="B2712" s="744"/>
      <c r="C2712" s="533"/>
      <c r="D2712" s="532"/>
      <c r="E2712" s="531"/>
      <c r="F2712" s="530"/>
      <c r="G2712" s="529" t="s">
        <v>1014</v>
      </c>
      <c r="H2712" s="528"/>
      <c r="I2712" s="528"/>
      <c r="J2712" s="528"/>
      <c r="K2712" s="527"/>
    </row>
    <row r="2713" spans="1:11" ht="13.7" customHeight="1">
      <c r="A2713" s="745"/>
      <c r="B2713" s="740"/>
      <c r="C2713" s="526"/>
      <c r="D2713" s="525"/>
      <c r="E2713" s="524"/>
      <c r="F2713" s="523" t="s">
        <v>651</v>
      </c>
      <c r="G2713" s="518" t="s">
        <v>651</v>
      </c>
      <c r="H2713" s="517"/>
      <c r="I2713" s="517"/>
      <c r="J2713" s="517"/>
      <c r="K2713" s="516"/>
    </row>
    <row r="2714" spans="1:11" ht="13.7" customHeight="1">
      <c r="A2714" s="739" t="s">
        <v>1013</v>
      </c>
      <c r="B2714" s="740"/>
      <c r="C2714" s="522" t="s">
        <v>193</v>
      </c>
      <c r="D2714" s="521">
        <v>14</v>
      </c>
      <c r="E2714" s="520"/>
      <c r="F2714" s="519"/>
      <c r="G2714" s="518" t="s">
        <v>651</v>
      </c>
      <c r="H2714" s="517"/>
      <c r="I2714" s="517"/>
      <c r="J2714" s="517"/>
      <c r="K2714" s="516"/>
    </row>
    <row r="2715" spans="1:11" ht="13.7" customHeight="1">
      <c r="A2715" s="741"/>
      <c r="B2715" s="742"/>
      <c r="C2715" s="515"/>
      <c r="D2715" s="514"/>
      <c r="E2715" s="513"/>
      <c r="F2715" s="512"/>
      <c r="G2715" s="511" t="s">
        <v>651</v>
      </c>
      <c r="H2715" s="510"/>
      <c r="I2715" s="510"/>
      <c r="J2715" s="510"/>
      <c r="K2715" s="509"/>
    </row>
    <row r="2716" spans="1:11" ht="13.7" customHeight="1">
      <c r="A2716" s="743" t="s">
        <v>951</v>
      </c>
      <c r="B2716" s="744"/>
      <c r="C2716" s="533"/>
      <c r="D2716" s="532"/>
      <c r="E2716" s="531"/>
      <c r="F2716" s="530"/>
      <c r="G2716" s="529" t="s">
        <v>1012</v>
      </c>
      <c r="H2716" s="528"/>
      <c r="I2716" s="528"/>
      <c r="J2716" s="528"/>
      <c r="K2716" s="527"/>
    </row>
    <row r="2717" spans="1:11" ht="13.7" customHeight="1">
      <c r="A2717" s="745"/>
      <c r="B2717" s="740"/>
      <c r="C2717" s="526"/>
      <c r="D2717" s="525"/>
      <c r="E2717" s="524"/>
      <c r="F2717" s="523" t="s">
        <v>651</v>
      </c>
      <c r="G2717" s="518" t="s">
        <v>651</v>
      </c>
      <c r="H2717" s="517"/>
      <c r="I2717" s="517"/>
      <c r="J2717" s="517"/>
      <c r="K2717" s="516"/>
    </row>
    <row r="2718" spans="1:11" ht="13.7" customHeight="1">
      <c r="A2718" s="739" t="s">
        <v>1686</v>
      </c>
      <c r="B2718" s="740"/>
      <c r="C2718" s="522" t="s">
        <v>193</v>
      </c>
      <c r="D2718" s="521">
        <v>14</v>
      </c>
      <c r="E2718" s="520"/>
      <c r="F2718" s="519"/>
      <c r="G2718" s="518" t="s">
        <v>651</v>
      </c>
      <c r="H2718" s="517"/>
      <c r="I2718" s="517"/>
      <c r="J2718" s="517"/>
      <c r="K2718" s="516"/>
    </row>
    <row r="2719" spans="1:11" ht="13.7" customHeight="1">
      <c r="A2719" s="741"/>
      <c r="B2719" s="742"/>
      <c r="C2719" s="515"/>
      <c r="D2719" s="514"/>
      <c r="E2719" s="513"/>
      <c r="F2719" s="512"/>
      <c r="G2719" s="511" t="s">
        <v>651</v>
      </c>
      <c r="H2719" s="510"/>
      <c r="I2719" s="510"/>
      <c r="J2719" s="510"/>
      <c r="K2719" s="509"/>
    </row>
    <row r="2720" spans="1:11" ht="13.7" customHeight="1">
      <c r="A2720" s="743" t="s">
        <v>1677</v>
      </c>
      <c r="B2720" s="744"/>
      <c r="C2720" s="533"/>
      <c r="D2720" s="532"/>
      <c r="E2720" s="531"/>
      <c r="F2720" s="530"/>
      <c r="G2720" s="529" t="s">
        <v>1011</v>
      </c>
      <c r="H2720" s="528"/>
      <c r="I2720" s="528"/>
      <c r="J2720" s="528"/>
      <c r="K2720" s="527"/>
    </row>
    <row r="2721" spans="1:11" ht="13.7" customHeight="1">
      <c r="A2721" s="745"/>
      <c r="B2721" s="740"/>
      <c r="C2721" s="526"/>
      <c r="D2721" s="525"/>
      <c r="E2721" s="524"/>
      <c r="F2721" s="523" t="s">
        <v>651</v>
      </c>
      <c r="G2721" s="518" t="s">
        <v>651</v>
      </c>
      <c r="H2721" s="517"/>
      <c r="I2721" s="517"/>
      <c r="J2721" s="517"/>
      <c r="K2721" s="516"/>
    </row>
    <row r="2722" spans="1:11" ht="13.7" customHeight="1">
      <c r="A2722" s="739" t="s">
        <v>1676</v>
      </c>
      <c r="B2722" s="740"/>
      <c r="C2722" s="522" t="s">
        <v>193</v>
      </c>
      <c r="D2722" s="521">
        <v>16</v>
      </c>
      <c r="E2722" s="520"/>
      <c r="F2722" s="519"/>
      <c r="G2722" s="518" t="s">
        <v>651</v>
      </c>
      <c r="H2722" s="517"/>
      <c r="I2722" s="517"/>
      <c r="J2722" s="517"/>
      <c r="K2722" s="516"/>
    </row>
    <row r="2723" spans="1:11" ht="13.7" customHeight="1">
      <c r="A2723" s="741"/>
      <c r="B2723" s="742"/>
      <c r="C2723" s="515"/>
      <c r="D2723" s="514"/>
      <c r="E2723" s="513"/>
      <c r="F2723" s="512"/>
      <c r="G2723" s="511" t="s">
        <v>651</v>
      </c>
      <c r="H2723" s="510"/>
      <c r="I2723" s="510"/>
      <c r="J2723" s="510"/>
      <c r="K2723" s="509"/>
    </row>
    <row r="2724" spans="1:11" ht="13.7" customHeight="1">
      <c r="A2724" s="743" t="s">
        <v>651</v>
      </c>
      <c r="B2724" s="744"/>
      <c r="C2724" s="533"/>
      <c r="D2724" s="532"/>
      <c r="E2724" s="531"/>
      <c r="F2724" s="530"/>
      <c r="G2724" s="529" t="s">
        <v>651</v>
      </c>
      <c r="H2724" s="528"/>
      <c r="I2724" s="528"/>
      <c r="J2724" s="528"/>
      <c r="K2724" s="527"/>
    </row>
    <row r="2725" spans="1:11" ht="13.7" customHeight="1">
      <c r="A2725" s="745"/>
      <c r="B2725" s="740"/>
      <c r="C2725" s="526"/>
      <c r="D2725" s="525"/>
      <c r="E2725" s="524"/>
      <c r="F2725" s="523" t="s">
        <v>651</v>
      </c>
      <c r="G2725" s="518" t="s">
        <v>651</v>
      </c>
      <c r="H2725" s="517"/>
      <c r="I2725" s="517"/>
      <c r="J2725" s="517"/>
      <c r="K2725" s="516"/>
    </row>
    <row r="2726" spans="1:11" ht="13.7" customHeight="1">
      <c r="A2726" s="739" t="s">
        <v>652</v>
      </c>
      <c r="B2726" s="740"/>
      <c r="C2726" s="522" t="s">
        <v>242</v>
      </c>
      <c r="D2726" s="521">
        <v>1</v>
      </c>
      <c r="E2726" s="520"/>
      <c r="F2726" s="519"/>
      <c r="G2726" s="518" t="s">
        <v>651</v>
      </c>
      <c r="H2726" s="517"/>
      <c r="I2726" s="517"/>
      <c r="J2726" s="517"/>
      <c r="K2726" s="516"/>
    </row>
    <row r="2727" spans="1:11" ht="13.7" customHeight="1">
      <c r="A2727" s="741"/>
      <c r="B2727" s="742"/>
      <c r="C2727" s="515"/>
      <c r="D2727" s="514"/>
      <c r="E2727" s="513"/>
      <c r="F2727" s="512"/>
      <c r="G2727" s="511" t="s">
        <v>651</v>
      </c>
      <c r="H2727" s="510"/>
      <c r="I2727" s="510"/>
      <c r="J2727" s="510"/>
      <c r="K2727" s="509"/>
    </row>
    <row r="2728" spans="1:11" ht="13.7" customHeight="1">
      <c r="A2728" s="743" t="s">
        <v>651</v>
      </c>
      <c r="B2728" s="744"/>
      <c r="C2728" s="533"/>
      <c r="D2728" s="532"/>
      <c r="E2728" s="531"/>
      <c r="F2728" s="530"/>
      <c r="G2728" s="529" t="s">
        <v>651</v>
      </c>
      <c r="H2728" s="528"/>
      <c r="I2728" s="528"/>
      <c r="J2728" s="528"/>
      <c r="K2728" s="527"/>
    </row>
    <row r="2729" spans="1:11" ht="13.7" customHeight="1">
      <c r="A2729" s="745"/>
      <c r="B2729" s="740"/>
      <c r="C2729" s="526"/>
      <c r="D2729" s="525"/>
      <c r="E2729" s="524"/>
      <c r="F2729" s="523" t="s">
        <v>651</v>
      </c>
      <c r="G2729" s="518" t="s">
        <v>651</v>
      </c>
      <c r="H2729" s="517"/>
      <c r="I2729" s="517"/>
      <c r="J2729" s="517"/>
      <c r="K2729" s="516"/>
    </row>
    <row r="2730" spans="1:11" ht="13.7" customHeight="1">
      <c r="A2730" s="739" t="s">
        <v>681</v>
      </c>
      <c r="B2730" s="740"/>
      <c r="C2730" s="522" t="s">
        <v>242</v>
      </c>
      <c r="D2730" s="521">
        <v>1</v>
      </c>
      <c r="E2730" s="520" t="s">
        <v>1002</v>
      </c>
      <c r="F2730" s="519"/>
      <c r="G2730" s="518" t="s">
        <v>651</v>
      </c>
      <c r="H2730" s="517"/>
      <c r="I2730" s="517"/>
      <c r="J2730" s="517"/>
      <c r="K2730" s="516"/>
    </row>
    <row r="2731" spans="1:11" ht="13.7" customHeight="1">
      <c r="A2731" s="741"/>
      <c r="B2731" s="742"/>
      <c r="C2731" s="515"/>
      <c r="D2731" s="514"/>
      <c r="E2731" s="513"/>
      <c r="F2731" s="512"/>
      <c r="G2731" s="511" t="s">
        <v>651</v>
      </c>
      <c r="H2731" s="510"/>
      <c r="I2731" s="510"/>
      <c r="J2731" s="510"/>
      <c r="K2731" s="509"/>
    </row>
    <row r="2732" spans="1:11" ht="13.7" customHeight="1"/>
    <row r="2733" spans="1:11" ht="13.7" customHeight="1"/>
    <row r="2734" spans="1:11" ht="13.7" customHeight="1"/>
    <row r="2735" spans="1:11" ht="13.7" customHeight="1"/>
    <row r="2736" spans="1:11" ht="13.7" customHeight="1"/>
    <row r="2737" spans="1:11" ht="13.7" customHeight="1"/>
    <row r="2738" spans="1:11" ht="13.7" customHeight="1"/>
    <row r="2739" spans="1:11" ht="13.7" customHeight="1"/>
    <row r="2740" spans="1:11" ht="13.7" customHeight="1"/>
    <row r="2741" spans="1:11" ht="13.7" customHeight="1"/>
    <row r="2742" spans="1:11" ht="6.2" customHeight="1"/>
    <row r="2743" spans="1:11" ht="14.1" customHeight="1">
      <c r="A2743" s="543" t="s">
        <v>1192</v>
      </c>
      <c r="B2743" s="540" t="s">
        <v>1191</v>
      </c>
      <c r="C2743" s="540"/>
      <c r="D2743" s="540"/>
      <c r="E2743" s="540"/>
      <c r="F2743" s="540"/>
      <c r="G2743" s="542" t="s">
        <v>617</v>
      </c>
      <c r="H2743" s="541" t="s">
        <v>883</v>
      </c>
      <c r="I2743" s="540" t="s">
        <v>1007</v>
      </c>
      <c r="J2743" s="540"/>
      <c r="K2743" s="539"/>
    </row>
    <row r="2744" spans="1:11" ht="24" customHeight="1">
      <c r="A2744" s="538" t="s">
        <v>651</v>
      </c>
      <c r="B2744" s="537" t="s">
        <v>651</v>
      </c>
      <c r="C2744" s="537"/>
      <c r="D2744" s="537"/>
      <c r="E2744" s="537"/>
      <c r="F2744" s="537"/>
      <c r="G2744" s="751">
        <v>1</v>
      </c>
      <c r="H2744" s="751"/>
      <c r="I2744" s="751"/>
      <c r="J2744" s="536" t="s">
        <v>242</v>
      </c>
      <c r="K2744" s="535" t="s">
        <v>618</v>
      </c>
    </row>
    <row r="2745" spans="1:11" ht="17.100000000000001" customHeight="1">
      <c r="A2745" s="746" t="s">
        <v>1006</v>
      </c>
      <c r="B2745" s="747"/>
      <c r="C2745" s="534" t="s">
        <v>309</v>
      </c>
      <c r="D2745" s="534" t="s">
        <v>619</v>
      </c>
      <c r="E2745" s="534" t="s">
        <v>620</v>
      </c>
      <c r="F2745" s="534" t="s">
        <v>659</v>
      </c>
      <c r="G2745" s="748" t="s">
        <v>1005</v>
      </c>
      <c r="H2745" s="749"/>
      <c r="I2745" s="749"/>
      <c r="J2745" s="749"/>
      <c r="K2745" s="750"/>
    </row>
    <row r="2746" spans="1:11" ht="13.7" customHeight="1">
      <c r="A2746" s="743" t="s">
        <v>1177</v>
      </c>
      <c r="B2746" s="744"/>
      <c r="C2746" s="533"/>
      <c r="D2746" s="532"/>
      <c r="E2746" s="531"/>
      <c r="F2746" s="530"/>
      <c r="G2746" s="529" t="s">
        <v>1190</v>
      </c>
      <c r="H2746" s="528"/>
      <c r="I2746" s="528"/>
      <c r="J2746" s="528"/>
      <c r="K2746" s="527"/>
    </row>
    <row r="2747" spans="1:11" ht="13.7" customHeight="1">
      <c r="A2747" s="745"/>
      <c r="B2747" s="740"/>
      <c r="C2747" s="526"/>
      <c r="D2747" s="525"/>
      <c r="E2747" s="524"/>
      <c r="F2747" s="523" t="s">
        <v>651</v>
      </c>
      <c r="G2747" s="518" t="s">
        <v>651</v>
      </c>
      <c r="H2747" s="517"/>
      <c r="I2747" s="517"/>
      <c r="J2747" s="517"/>
      <c r="K2747" s="516"/>
    </row>
    <row r="2748" spans="1:11" ht="13.7" customHeight="1">
      <c r="A2748" s="739" t="s">
        <v>651</v>
      </c>
      <c r="B2748" s="740"/>
      <c r="C2748" s="522" t="s">
        <v>242</v>
      </c>
      <c r="D2748" s="521">
        <v>1</v>
      </c>
      <c r="E2748" s="520"/>
      <c r="F2748" s="519"/>
      <c r="G2748" s="518" t="s">
        <v>651</v>
      </c>
      <c r="H2748" s="517"/>
      <c r="I2748" s="517"/>
      <c r="J2748" s="517"/>
      <c r="K2748" s="516"/>
    </row>
    <row r="2749" spans="1:11" ht="13.7" customHeight="1">
      <c r="A2749" s="741"/>
      <c r="B2749" s="742"/>
      <c r="C2749" s="515"/>
      <c r="D2749" s="514"/>
      <c r="E2749" s="513"/>
      <c r="F2749" s="512"/>
      <c r="G2749" s="511" t="s">
        <v>651</v>
      </c>
      <c r="H2749" s="510"/>
      <c r="I2749" s="510"/>
      <c r="J2749" s="510"/>
      <c r="K2749" s="509"/>
    </row>
    <row r="2750" spans="1:11" ht="13.7" customHeight="1">
      <c r="A2750" s="743" t="s">
        <v>1168</v>
      </c>
      <c r="B2750" s="744"/>
      <c r="C2750" s="533"/>
      <c r="D2750" s="532"/>
      <c r="E2750" s="531"/>
      <c r="F2750" s="530"/>
      <c r="G2750" s="529" t="s">
        <v>1189</v>
      </c>
      <c r="H2750" s="528"/>
      <c r="I2750" s="528"/>
      <c r="J2750" s="528"/>
      <c r="K2750" s="527"/>
    </row>
    <row r="2751" spans="1:11" ht="13.7" customHeight="1">
      <c r="A2751" s="745"/>
      <c r="B2751" s="740"/>
      <c r="C2751" s="526"/>
      <c r="D2751" s="525"/>
      <c r="E2751" s="524"/>
      <c r="F2751" s="523" t="s">
        <v>651</v>
      </c>
      <c r="G2751" s="518" t="s">
        <v>651</v>
      </c>
      <c r="H2751" s="517"/>
      <c r="I2751" s="517"/>
      <c r="J2751" s="517"/>
      <c r="K2751" s="516"/>
    </row>
    <row r="2752" spans="1:11" ht="13.7" customHeight="1">
      <c r="A2752" s="739" t="s">
        <v>651</v>
      </c>
      <c r="B2752" s="740"/>
      <c r="C2752" s="522" t="s">
        <v>242</v>
      </c>
      <c r="D2752" s="521">
        <v>1</v>
      </c>
      <c r="E2752" s="520"/>
      <c r="F2752" s="519"/>
      <c r="G2752" s="518" t="s">
        <v>651</v>
      </c>
      <c r="H2752" s="517"/>
      <c r="I2752" s="517"/>
      <c r="J2752" s="517"/>
      <c r="K2752" s="516"/>
    </row>
    <row r="2753" spans="1:11" ht="13.7" customHeight="1">
      <c r="A2753" s="741"/>
      <c r="B2753" s="742"/>
      <c r="C2753" s="515"/>
      <c r="D2753" s="514"/>
      <c r="E2753" s="513"/>
      <c r="F2753" s="512"/>
      <c r="G2753" s="511" t="s">
        <v>651</v>
      </c>
      <c r="H2753" s="510"/>
      <c r="I2753" s="510"/>
      <c r="J2753" s="510"/>
      <c r="K2753" s="509"/>
    </row>
    <row r="2754" spans="1:11" ht="13.7" customHeight="1">
      <c r="A2754" s="743" t="s">
        <v>1166</v>
      </c>
      <c r="B2754" s="744"/>
      <c r="C2754" s="533"/>
      <c r="D2754" s="532"/>
      <c r="E2754" s="531"/>
      <c r="F2754" s="530"/>
      <c r="G2754" s="529" t="s">
        <v>1188</v>
      </c>
      <c r="H2754" s="528"/>
      <c r="I2754" s="528"/>
      <c r="J2754" s="528"/>
      <c r="K2754" s="527"/>
    </row>
    <row r="2755" spans="1:11" ht="13.7" customHeight="1">
      <c r="A2755" s="745"/>
      <c r="B2755" s="740"/>
      <c r="C2755" s="526"/>
      <c r="D2755" s="525"/>
      <c r="E2755" s="524"/>
      <c r="F2755" s="523" t="s">
        <v>651</v>
      </c>
      <c r="G2755" s="518" t="s">
        <v>651</v>
      </c>
      <c r="H2755" s="517"/>
      <c r="I2755" s="517"/>
      <c r="J2755" s="517"/>
      <c r="K2755" s="516"/>
    </row>
    <row r="2756" spans="1:11" ht="13.7" customHeight="1">
      <c r="A2756" s="739" t="s">
        <v>651</v>
      </c>
      <c r="B2756" s="740"/>
      <c r="C2756" s="522" t="s">
        <v>242</v>
      </c>
      <c r="D2756" s="521">
        <v>1</v>
      </c>
      <c r="E2756" s="520"/>
      <c r="F2756" s="519"/>
      <c r="G2756" s="518" t="s">
        <v>651</v>
      </c>
      <c r="H2756" s="517"/>
      <c r="I2756" s="517"/>
      <c r="J2756" s="517"/>
      <c r="K2756" s="516"/>
    </row>
    <row r="2757" spans="1:11" ht="13.7" customHeight="1">
      <c r="A2757" s="741"/>
      <c r="B2757" s="742"/>
      <c r="C2757" s="515"/>
      <c r="D2757" s="514"/>
      <c r="E2757" s="513"/>
      <c r="F2757" s="512"/>
      <c r="G2757" s="511" t="s">
        <v>651</v>
      </c>
      <c r="H2757" s="510"/>
      <c r="I2757" s="510"/>
      <c r="J2757" s="510"/>
      <c r="K2757" s="509"/>
    </row>
    <row r="2758" spans="1:11" ht="13.7" customHeight="1">
      <c r="A2758" s="743" t="s">
        <v>651</v>
      </c>
      <c r="B2758" s="744"/>
      <c r="C2758" s="533"/>
      <c r="D2758" s="532"/>
      <c r="E2758" s="531"/>
      <c r="F2758" s="530"/>
      <c r="G2758" s="529" t="s">
        <v>651</v>
      </c>
      <c r="H2758" s="528"/>
      <c r="I2758" s="528"/>
      <c r="J2758" s="528"/>
      <c r="K2758" s="527"/>
    </row>
    <row r="2759" spans="1:11" ht="13.7" customHeight="1">
      <c r="A2759" s="745"/>
      <c r="B2759" s="740"/>
      <c r="C2759" s="526"/>
      <c r="D2759" s="525"/>
      <c r="E2759" s="524"/>
      <c r="F2759" s="523" t="s">
        <v>651</v>
      </c>
      <c r="G2759" s="518" t="s">
        <v>651</v>
      </c>
      <c r="H2759" s="517"/>
      <c r="I2759" s="517"/>
      <c r="J2759" s="517"/>
      <c r="K2759" s="516"/>
    </row>
    <row r="2760" spans="1:11" ht="13.7" customHeight="1">
      <c r="A2760" s="739" t="s">
        <v>652</v>
      </c>
      <c r="B2760" s="740"/>
      <c r="C2760" s="522" t="s">
        <v>242</v>
      </c>
      <c r="D2760" s="521">
        <v>1</v>
      </c>
      <c r="E2760" s="520"/>
      <c r="F2760" s="519"/>
      <c r="G2760" s="518" t="s">
        <v>651</v>
      </c>
      <c r="H2760" s="517"/>
      <c r="I2760" s="517"/>
      <c r="J2760" s="517"/>
      <c r="K2760" s="516"/>
    </row>
    <row r="2761" spans="1:11" ht="13.7" customHeight="1">
      <c r="A2761" s="741"/>
      <c r="B2761" s="742"/>
      <c r="C2761" s="515"/>
      <c r="D2761" s="514"/>
      <c r="E2761" s="513"/>
      <c r="F2761" s="512"/>
      <c r="G2761" s="511" t="s">
        <v>651</v>
      </c>
      <c r="H2761" s="510"/>
      <c r="I2761" s="510"/>
      <c r="J2761" s="510"/>
      <c r="K2761" s="509"/>
    </row>
    <row r="2762" spans="1:11" ht="13.7" customHeight="1">
      <c r="A2762" s="743" t="s">
        <v>651</v>
      </c>
      <c r="B2762" s="744"/>
      <c r="C2762" s="533"/>
      <c r="D2762" s="532"/>
      <c r="E2762" s="531"/>
      <c r="F2762" s="530"/>
      <c r="G2762" s="529" t="s">
        <v>651</v>
      </c>
      <c r="H2762" s="528"/>
      <c r="I2762" s="528"/>
      <c r="J2762" s="528"/>
      <c r="K2762" s="527"/>
    </row>
    <row r="2763" spans="1:11" ht="13.7" customHeight="1">
      <c r="A2763" s="745"/>
      <c r="B2763" s="740"/>
      <c r="C2763" s="526"/>
      <c r="D2763" s="525"/>
      <c r="E2763" s="524"/>
      <c r="F2763" s="523" t="s">
        <v>651</v>
      </c>
      <c r="G2763" s="518" t="s">
        <v>651</v>
      </c>
      <c r="H2763" s="517"/>
      <c r="I2763" s="517"/>
      <c r="J2763" s="517"/>
      <c r="K2763" s="516"/>
    </row>
    <row r="2764" spans="1:11" ht="13.7" customHeight="1">
      <c r="A2764" s="739" t="s">
        <v>681</v>
      </c>
      <c r="B2764" s="740"/>
      <c r="C2764" s="522" t="s">
        <v>242</v>
      </c>
      <c r="D2764" s="521">
        <v>1</v>
      </c>
      <c r="E2764" s="520" t="s">
        <v>1002</v>
      </c>
      <c r="F2764" s="519"/>
      <c r="G2764" s="518" t="s">
        <v>651</v>
      </c>
      <c r="H2764" s="517"/>
      <c r="I2764" s="517"/>
      <c r="J2764" s="517"/>
      <c r="K2764" s="516"/>
    </row>
    <row r="2765" spans="1:11" ht="13.7" customHeight="1">
      <c r="A2765" s="741"/>
      <c r="B2765" s="742"/>
      <c r="C2765" s="515"/>
      <c r="D2765" s="514"/>
      <c r="E2765" s="513"/>
      <c r="F2765" s="512"/>
      <c r="G2765" s="511" t="s">
        <v>651</v>
      </c>
      <c r="H2765" s="510"/>
      <c r="I2765" s="510"/>
      <c r="J2765" s="510"/>
      <c r="K2765" s="509"/>
    </row>
    <row r="2766" spans="1:11" ht="13.7" customHeight="1"/>
    <row r="2767" spans="1:11" ht="13.7" customHeight="1"/>
    <row r="2768" spans="1:11" ht="13.7" customHeight="1"/>
    <row r="2769" spans="1:11" ht="13.7" customHeight="1"/>
    <row r="2770" spans="1:11" ht="13.7" customHeight="1"/>
    <row r="2771" spans="1:11" ht="13.7" customHeight="1"/>
    <row r="2772" spans="1:11" ht="13.7" customHeight="1"/>
    <row r="2773" spans="1:11" ht="13.7" customHeight="1"/>
    <row r="2774" spans="1:11" ht="13.7" customHeight="1"/>
    <row r="2775" spans="1:11" ht="13.7" customHeight="1"/>
    <row r="2776" spans="1:11" ht="13.7" customHeight="1"/>
    <row r="2777" spans="1:11" ht="13.7" customHeight="1"/>
    <row r="2778" spans="1:11" ht="13.7" customHeight="1"/>
    <row r="2779" spans="1:11" ht="13.7" customHeight="1"/>
    <row r="2780" spans="1:11" ht="6.2" customHeight="1"/>
    <row r="2781" spans="1:11" ht="14.1" customHeight="1">
      <c r="A2781" s="543" t="s">
        <v>1178</v>
      </c>
      <c r="B2781" s="540" t="s">
        <v>1177</v>
      </c>
      <c r="C2781" s="540"/>
      <c r="D2781" s="540"/>
      <c r="E2781" s="540"/>
      <c r="F2781" s="540"/>
      <c r="G2781" s="542" t="s">
        <v>617</v>
      </c>
      <c r="H2781" s="541" t="s">
        <v>879</v>
      </c>
      <c r="I2781" s="540" t="s">
        <v>1007</v>
      </c>
      <c r="J2781" s="540"/>
      <c r="K2781" s="539"/>
    </row>
    <row r="2782" spans="1:11" ht="24" customHeight="1">
      <c r="A2782" s="538" t="s">
        <v>651</v>
      </c>
      <c r="B2782" s="537" t="s">
        <v>651</v>
      </c>
      <c r="C2782" s="537"/>
      <c r="D2782" s="537"/>
      <c r="E2782" s="537"/>
      <c r="F2782" s="537"/>
      <c r="G2782" s="751">
        <v>1</v>
      </c>
      <c r="H2782" s="751"/>
      <c r="I2782" s="751"/>
      <c r="J2782" s="536" t="s">
        <v>242</v>
      </c>
      <c r="K2782" s="535" t="s">
        <v>618</v>
      </c>
    </row>
    <row r="2783" spans="1:11" ht="17.100000000000001" customHeight="1">
      <c r="A2783" s="746" t="s">
        <v>1006</v>
      </c>
      <c r="B2783" s="747"/>
      <c r="C2783" s="534" t="s">
        <v>309</v>
      </c>
      <c r="D2783" s="534" t="s">
        <v>619</v>
      </c>
      <c r="E2783" s="534" t="s">
        <v>620</v>
      </c>
      <c r="F2783" s="534" t="s">
        <v>659</v>
      </c>
      <c r="G2783" s="748" t="s">
        <v>1005</v>
      </c>
      <c r="H2783" s="749"/>
      <c r="I2783" s="749"/>
      <c r="J2783" s="749"/>
      <c r="K2783" s="750"/>
    </row>
    <row r="2784" spans="1:11" ht="13.7" customHeight="1">
      <c r="A2784" s="743" t="s">
        <v>1187</v>
      </c>
      <c r="B2784" s="744"/>
      <c r="C2784" s="533"/>
      <c r="D2784" s="532"/>
      <c r="E2784" s="531"/>
      <c r="F2784" s="530"/>
      <c r="G2784" s="529" t="s">
        <v>651</v>
      </c>
      <c r="H2784" s="528"/>
      <c r="I2784" s="528"/>
      <c r="J2784" s="528"/>
      <c r="K2784" s="527"/>
    </row>
    <row r="2785" spans="1:11" ht="13.7" customHeight="1">
      <c r="A2785" s="745"/>
      <c r="B2785" s="740"/>
      <c r="C2785" s="526"/>
      <c r="D2785" s="525"/>
      <c r="E2785" s="524"/>
      <c r="F2785" s="523" t="s">
        <v>651</v>
      </c>
      <c r="G2785" s="518" t="s">
        <v>651</v>
      </c>
      <c r="H2785" s="517"/>
      <c r="I2785" s="517"/>
      <c r="J2785" s="517"/>
      <c r="K2785" s="516"/>
    </row>
    <row r="2786" spans="1:11" ht="13.7" customHeight="1">
      <c r="A2786" s="739" t="s">
        <v>1186</v>
      </c>
      <c r="B2786" s="740"/>
      <c r="C2786" s="522" t="s">
        <v>236</v>
      </c>
      <c r="D2786" s="521">
        <v>5</v>
      </c>
      <c r="E2786" s="520"/>
      <c r="F2786" s="519"/>
      <c r="G2786" s="518" t="s">
        <v>651</v>
      </c>
      <c r="H2786" s="517"/>
      <c r="I2786" s="517"/>
      <c r="J2786" s="517"/>
      <c r="K2786" s="516"/>
    </row>
    <row r="2787" spans="1:11" ht="13.7" customHeight="1">
      <c r="A2787" s="741"/>
      <c r="B2787" s="742"/>
      <c r="C2787" s="515"/>
      <c r="D2787" s="514"/>
      <c r="E2787" s="513"/>
      <c r="F2787" s="512"/>
      <c r="G2787" s="511" t="s">
        <v>651</v>
      </c>
      <c r="H2787" s="510"/>
      <c r="I2787" s="510"/>
      <c r="J2787" s="510"/>
      <c r="K2787" s="509"/>
    </row>
    <row r="2788" spans="1:11" ht="13.7" customHeight="1">
      <c r="A2788" s="743" t="s">
        <v>1185</v>
      </c>
      <c r="B2788" s="744"/>
      <c r="C2788" s="533"/>
      <c r="D2788" s="532"/>
      <c r="E2788" s="531"/>
      <c r="F2788" s="530"/>
      <c r="G2788" s="529" t="s">
        <v>651</v>
      </c>
      <c r="H2788" s="528"/>
      <c r="I2788" s="528"/>
      <c r="J2788" s="528"/>
      <c r="K2788" s="527"/>
    </row>
    <row r="2789" spans="1:11" ht="13.7" customHeight="1">
      <c r="A2789" s="745"/>
      <c r="B2789" s="740"/>
      <c r="C2789" s="526"/>
      <c r="D2789" s="525"/>
      <c r="E2789" s="524"/>
      <c r="F2789" s="523" t="s">
        <v>651</v>
      </c>
      <c r="G2789" s="518" t="s">
        <v>651</v>
      </c>
      <c r="H2789" s="517"/>
      <c r="I2789" s="517"/>
      <c r="J2789" s="517"/>
      <c r="K2789" s="516"/>
    </row>
    <row r="2790" spans="1:11" ht="13.7" customHeight="1">
      <c r="A2790" s="739" t="s">
        <v>802</v>
      </c>
      <c r="B2790" s="740"/>
      <c r="C2790" s="522" t="s">
        <v>246</v>
      </c>
      <c r="D2790" s="521">
        <v>3</v>
      </c>
      <c r="E2790" s="520"/>
      <c r="F2790" s="519"/>
      <c r="G2790" s="518" t="s">
        <v>651</v>
      </c>
      <c r="H2790" s="517"/>
      <c r="I2790" s="517"/>
      <c r="J2790" s="517"/>
      <c r="K2790" s="516"/>
    </row>
    <row r="2791" spans="1:11" ht="13.7" customHeight="1">
      <c r="A2791" s="741"/>
      <c r="B2791" s="742"/>
      <c r="C2791" s="515"/>
      <c r="D2791" s="514"/>
      <c r="E2791" s="513"/>
      <c r="F2791" s="512"/>
      <c r="G2791" s="511" t="s">
        <v>651</v>
      </c>
      <c r="H2791" s="510"/>
      <c r="I2791" s="510"/>
      <c r="J2791" s="510"/>
      <c r="K2791" s="509"/>
    </row>
    <row r="2792" spans="1:11" ht="13.7" customHeight="1">
      <c r="A2792" s="743" t="s">
        <v>1184</v>
      </c>
      <c r="B2792" s="744"/>
      <c r="C2792" s="533"/>
      <c r="D2792" s="532"/>
      <c r="E2792" s="531"/>
      <c r="F2792" s="530"/>
      <c r="G2792" s="529" t="s">
        <v>651</v>
      </c>
      <c r="H2792" s="528"/>
      <c r="I2792" s="528"/>
      <c r="J2792" s="528"/>
      <c r="K2792" s="527"/>
    </row>
    <row r="2793" spans="1:11" ht="13.7" customHeight="1">
      <c r="A2793" s="745"/>
      <c r="B2793" s="740"/>
      <c r="C2793" s="526"/>
      <c r="D2793" s="525"/>
      <c r="E2793" s="524"/>
      <c r="F2793" s="523" t="s">
        <v>651</v>
      </c>
      <c r="G2793" s="518" t="s">
        <v>651</v>
      </c>
      <c r="H2793" s="517"/>
      <c r="I2793" s="517"/>
      <c r="J2793" s="517"/>
      <c r="K2793" s="516"/>
    </row>
    <row r="2794" spans="1:11" ht="13.7" customHeight="1">
      <c r="A2794" s="739" t="s">
        <v>802</v>
      </c>
      <c r="B2794" s="740"/>
      <c r="C2794" s="522" t="s">
        <v>246</v>
      </c>
      <c r="D2794" s="521">
        <v>2</v>
      </c>
      <c r="E2794" s="520"/>
      <c r="F2794" s="519"/>
      <c r="G2794" s="518" t="s">
        <v>651</v>
      </c>
      <c r="H2794" s="517"/>
      <c r="I2794" s="517"/>
      <c r="J2794" s="517"/>
      <c r="K2794" s="516"/>
    </row>
    <row r="2795" spans="1:11" ht="13.7" customHeight="1">
      <c r="A2795" s="741"/>
      <c r="B2795" s="742"/>
      <c r="C2795" s="515"/>
      <c r="D2795" s="514"/>
      <c r="E2795" s="513"/>
      <c r="F2795" s="512"/>
      <c r="G2795" s="511" t="s">
        <v>651</v>
      </c>
      <c r="H2795" s="510"/>
      <c r="I2795" s="510"/>
      <c r="J2795" s="510"/>
      <c r="K2795" s="509"/>
    </row>
    <row r="2796" spans="1:11" ht="13.7" customHeight="1">
      <c r="A2796" s="743" t="s">
        <v>1183</v>
      </c>
      <c r="B2796" s="744"/>
      <c r="C2796" s="533"/>
      <c r="D2796" s="532"/>
      <c r="E2796" s="531"/>
      <c r="F2796" s="530"/>
      <c r="G2796" s="529" t="s">
        <v>651</v>
      </c>
      <c r="H2796" s="528"/>
      <c r="I2796" s="528"/>
      <c r="J2796" s="528"/>
      <c r="K2796" s="527"/>
    </row>
    <row r="2797" spans="1:11" ht="13.7" customHeight="1">
      <c r="A2797" s="745"/>
      <c r="B2797" s="740"/>
      <c r="C2797" s="526"/>
      <c r="D2797" s="525"/>
      <c r="E2797" s="524"/>
      <c r="F2797" s="523" t="s">
        <v>651</v>
      </c>
      <c r="G2797" s="518" t="s">
        <v>651</v>
      </c>
      <c r="H2797" s="517"/>
      <c r="I2797" s="517"/>
      <c r="J2797" s="517"/>
      <c r="K2797" s="516"/>
    </row>
    <row r="2798" spans="1:11" ht="13.7" customHeight="1">
      <c r="A2798" s="739" t="s">
        <v>802</v>
      </c>
      <c r="B2798" s="740"/>
      <c r="C2798" s="522" t="s">
        <v>246</v>
      </c>
      <c r="D2798" s="521">
        <v>6</v>
      </c>
      <c r="E2798" s="520"/>
      <c r="F2798" s="519"/>
      <c r="G2798" s="518" t="s">
        <v>651</v>
      </c>
      <c r="H2798" s="517"/>
      <c r="I2798" s="517"/>
      <c r="J2798" s="517"/>
      <c r="K2798" s="516"/>
    </row>
    <row r="2799" spans="1:11" ht="13.7" customHeight="1">
      <c r="A2799" s="741"/>
      <c r="B2799" s="742"/>
      <c r="C2799" s="515"/>
      <c r="D2799" s="514"/>
      <c r="E2799" s="513"/>
      <c r="F2799" s="512"/>
      <c r="G2799" s="511" t="s">
        <v>651</v>
      </c>
      <c r="H2799" s="510"/>
      <c r="I2799" s="510"/>
      <c r="J2799" s="510"/>
      <c r="K2799" s="509"/>
    </row>
    <row r="2800" spans="1:11" ht="13.7" customHeight="1">
      <c r="A2800" s="743" t="s">
        <v>1182</v>
      </c>
      <c r="B2800" s="744"/>
      <c r="C2800" s="533"/>
      <c r="D2800" s="532"/>
      <c r="E2800" s="531"/>
      <c r="F2800" s="530"/>
      <c r="G2800" s="529" t="s">
        <v>651</v>
      </c>
      <c r="H2800" s="528"/>
      <c r="I2800" s="528"/>
      <c r="J2800" s="528"/>
      <c r="K2800" s="527"/>
    </row>
    <row r="2801" spans="1:11" ht="13.7" customHeight="1">
      <c r="A2801" s="745"/>
      <c r="B2801" s="740"/>
      <c r="C2801" s="526"/>
      <c r="D2801" s="525"/>
      <c r="E2801" s="524"/>
      <c r="F2801" s="523" t="s">
        <v>651</v>
      </c>
      <c r="G2801" s="518" t="s">
        <v>651</v>
      </c>
      <c r="H2801" s="517"/>
      <c r="I2801" s="517"/>
      <c r="J2801" s="517"/>
      <c r="K2801" s="516"/>
    </row>
    <row r="2802" spans="1:11" ht="13.7" customHeight="1">
      <c r="A2802" s="739" t="s">
        <v>802</v>
      </c>
      <c r="B2802" s="740"/>
      <c r="C2802" s="522" t="s">
        <v>237</v>
      </c>
      <c r="D2802" s="521">
        <v>5</v>
      </c>
      <c r="E2802" s="520"/>
      <c r="F2802" s="519"/>
      <c r="G2802" s="518" t="s">
        <v>651</v>
      </c>
      <c r="H2802" s="517"/>
      <c r="I2802" s="517"/>
      <c r="J2802" s="517"/>
      <c r="K2802" s="516"/>
    </row>
    <row r="2803" spans="1:11" ht="13.7" customHeight="1">
      <c r="A2803" s="741"/>
      <c r="B2803" s="742"/>
      <c r="C2803" s="515"/>
      <c r="D2803" s="514"/>
      <c r="E2803" s="513"/>
      <c r="F2803" s="512"/>
      <c r="G2803" s="511" t="s">
        <v>651</v>
      </c>
      <c r="H2803" s="510"/>
      <c r="I2803" s="510"/>
      <c r="J2803" s="510"/>
      <c r="K2803" s="509"/>
    </row>
    <row r="2804" spans="1:11" ht="13.7" customHeight="1">
      <c r="A2804" s="743" t="s">
        <v>1181</v>
      </c>
      <c r="B2804" s="744"/>
      <c r="C2804" s="533"/>
      <c r="D2804" s="532"/>
      <c r="E2804" s="531"/>
      <c r="F2804" s="530"/>
      <c r="G2804" s="529" t="s">
        <v>651</v>
      </c>
      <c r="H2804" s="528"/>
      <c r="I2804" s="528"/>
      <c r="J2804" s="528"/>
      <c r="K2804" s="527"/>
    </row>
    <row r="2805" spans="1:11" ht="13.7" customHeight="1">
      <c r="A2805" s="745"/>
      <c r="B2805" s="740"/>
      <c r="C2805" s="526"/>
      <c r="D2805" s="525"/>
      <c r="E2805" s="524"/>
      <c r="F2805" s="523" t="s">
        <v>651</v>
      </c>
      <c r="G2805" s="518" t="s">
        <v>651</v>
      </c>
      <c r="H2805" s="517"/>
      <c r="I2805" s="517"/>
      <c r="J2805" s="517"/>
      <c r="K2805" s="516"/>
    </row>
    <row r="2806" spans="1:11" ht="13.7" customHeight="1">
      <c r="A2806" s="739" t="s">
        <v>651</v>
      </c>
      <c r="B2806" s="740"/>
      <c r="C2806" s="522" t="s">
        <v>246</v>
      </c>
      <c r="D2806" s="521">
        <v>2</v>
      </c>
      <c r="E2806" s="520"/>
      <c r="F2806" s="519"/>
      <c r="G2806" s="518" t="s">
        <v>651</v>
      </c>
      <c r="H2806" s="517"/>
      <c r="I2806" s="517"/>
      <c r="J2806" s="517"/>
      <c r="K2806" s="516"/>
    </row>
    <row r="2807" spans="1:11" ht="13.7" customHeight="1">
      <c r="A2807" s="741"/>
      <c r="B2807" s="742"/>
      <c r="C2807" s="515"/>
      <c r="D2807" s="514"/>
      <c r="E2807" s="513"/>
      <c r="F2807" s="512"/>
      <c r="G2807" s="511" t="s">
        <v>651</v>
      </c>
      <c r="H2807" s="510"/>
      <c r="I2807" s="510"/>
      <c r="J2807" s="510"/>
      <c r="K2807" s="509"/>
    </row>
    <row r="2808" spans="1:11" ht="13.7" customHeight="1">
      <c r="A2808" s="743" t="s">
        <v>1180</v>
      </c>
      <c r="B2808" s="744"/>
      <c r="C2808" s="533"/>
      <c r="D2808" s="532"/>
      <c r="E2808" s="531"/>
      <c r="F2808" s="530"/>
      <c r="G2808" s="529" t="s">
        <v>651</v>
      </c>
      <c r="H2808" s="528"/>
      <c r="I2808" s="528"/>
      <c r="J2808" s="528"/>
      <c r="K2808" s="527"/>
    </row>
    <row r="2809" spans="1:11" ht="13.7" customHeight="1">
      <c r="A2809" s="745"/>
      <c r="B2809" s="740"/>
      <c r="C2809" s="526"/>
      <c r="D2809" s="525"/>
      <c r="E2809" s="524"/>
      <c r="F2809" s="523" t="s">
        <v>651</v>
      </c>
      <c r="G2809" s="518" t="s">
        <v>651</v>
      </c>
      <c r="H2809" s="517"/>
      <c r="I2809" s="517"/>
      <c r="J2809" s="517"/>
      <c r="K2809" s="516"/>
    </row>
    <row r="2810" spans="1:11" ht="13.7" customHeight="1">
      <c r="A2810" s="739" t="s">
        <v>1179</v>
      </c>
      <c r="B2810" s="740"/>
      <c r="C2810" s="522" t="s">
        <v>246</v>
      </c>
      <c r="D2810" s="521">
        <v>2</v>
      </c>
      <c r="E2810" s="520"/>
      <c r="F2810" s="519"/>
      <c r="G2810" s="518" t="s">
        <v>651</v>
      </c>
      <c r="H2810" s="517"/>
      <c r="I2810" s="517"/>
      <c r="J2810" s="517"/>
      <c r="K2810" s="516"/>
    </row>
    <row r="2811" spans="1:11" ht="13.7" customHeight="1">
      <c r="A2811" s="741"/>
      <c r="B2811" s="742"/>
      <c r="C2811" s="515"/>
      <c r="D2811" s="514"/>
      <c r="E2811" s="513"/>
      <c r="F2811" s="512"/>
      <c r="G2811" s="511" t="s">
        <v>651</v>
      </c>
      <c r="H2811" s="510"/>
      <c r="I2811" s="510"/>
      <c r="J2811" s="510"/>
      <c r="K2811" s="509"/>
    </row>
    <row r="2812" spans="1:11" ht="13.7" customHeight="1">
      <c r="A2812" s="743" t="s">
        <v>1128</v>
      </c>
      <c r="B2812" s="744"/>
      <c r="C2812" s="533"/>
      <c r="D2812" s="532"/>
      <c r="E2812" s="531"/>
      <c r="F2812" s="530"/>
      <c r="G2812" s="529" t="s">
        <v>651</v>
      </c>
      <c r="H2812" s="528"/>
      <c r="I2812" s="528"/>
      <c r="J2812" s="528"/>
      <c r="K2812" s="527"/>
    </row>
    <row r="2813" spans="1:11" ht="13.7" customHeight="1">
      <c r="A2813" s="745"/>
      <c r="B2813" s="740"/>
      <c r="C2813" s="526"/>
      <c r="D2813" s="525"/>
      <c r="E2813" s="524"/>
      <c r="F2813" s="523" t="s">
        <v>651</v>
      </c>
      <c r="G2813" s="518" t="s">
        <v>651</v>
      </c>
      <c r="H2813" s="517"/>
      <c r="I2813" s="517"/>
      <c r="J2813" s="517"/>
      <c r="K2813" s="516"/>
    </row>
    <row r="2814" spans="1:11" ht="13.7" customHeight="1">
      <c r="A2814" s="739" t="s">
        <v>651</v>
      </c>
      <c r="B2814" s="740"/>
      <c r="C2814" s="522" t="s">
        <v>240</v>
      </c>
      <c r="D2814" s="521">
        <v>22.4</v>
      </c>
      <c r="E2814" s="520"/>
      <c r="F2814" s="519"/>
      <c r="G2814" s="518" t="s">
        <v>651</v>
      </c>
      <c r="H2814" s="517"/>
      <c r="I2814" s="517"/>
      <c r="J2814" s="517"/>
      <c r="K2814" s="516"/>
    </row>
    <row r="2815" spans="1:11" ht="13.7" customHeight="1">
      <c r="A2815" s="741"/>
      <c r="B2815" s="742"/>
      <c r="C2815" s="515"/>
      <c r="D2815" s="514"/>
      <c r="E2815" s="513"/>
      <c r="F2815" s="512"/>
      <c r="G2815" s="511" t="s">
        <v>651</v>
      </c>
      <c r="H2815" s="510"/>
      <c r="I2815" s="510"/>
      <c r="J2815" s="510"/>
      <c r="K2815" s="509"/>
    </row>
    <row r="2816" spans="1:11" ht="13.7" customHeight="1"/>
    <row r="2817" spans="1:11" ht="13.7" customHeight="1"/>
    <row r="2818" spans="1:11" ht="6.2" customHeight="1"/>
    <row r="2819" spans="1:11" ht="14.1" customHeight="1">
      <c r="A2819" s="543" t="s">
        <v>1178</v>
      </c>
      <c r="B2819" s="540" t="s">
        <v>1177</v>
      </c>
      <c r="C2819" s="540"/>
      <c r="D2819" s="540"/>
      <c r="E2819" s="540"/>
      <c r="F2819" s="540"/>
      <c r="G2819" s="542" t="s">
        <v>617</v>
      </c>
      <c r="H2819" s="541" t="s">
        <v>879</v>
      </c>
      <c r="I2819" s="540" t="s">
        <v>1007</v>
      </c>
      <c r="J2819" s="540"/>
      <c r="K2819" s="539"/>
    </row>
    <row r="2820" spans="1:11" ht="24" customHeight="1">
      <c r="A2820" s="538" t="s">
        <v>651</v>
      </c>
      <c r="B2820" s="537" t="s">
        <v>651</v>
      </c>
      <c r="C2820" s="537"/>
      <c r="D2820" s="537"/>
      <c r="E2820" s="537"/>
      <c r="F2820" s="537"/>
      <c r="G2820" s="751">
        <v>1</v>
      </c>
      <c r="H2820" s="751"/>
      <c r="I2820" s="751"/>
      <c r="J2820" s="536" t="s">
        <v>242</v>
      </c>
      <c r="K2820" s="535" t="s">
        <v>618</v>
      </c>
    </row>
    <row r="2821" spans="1:11" ht="17.100000000000001" customHeight="1">
      <c r="A2821" s="746" t="s">
        <v>1006</v>
      </c>
      <c r="B2821" s="747"/>
      <c r="C2821" s="534" t="s">
        <v>309</v>
      </c>
      <c r="D2821" s="534" t="s">
        <v>619</v>
      </c>
      <c r="E2821" s="534" t="s">
        <v>620</v>
      </c>
      <c r="F2821" s="534" t="s">
        <v>659</v>
      </c>
      <c r="G2821" s="748" t="s">
        <v>1005</v>
      </c>
      <c r="H2821" s="749"/>
      <c r="I2821" s="749"/>
      <c r="J2821" s="749"/>
      <c r="K2821" s="750"/>
    </row>
    <row r="2822" spans="1:11" ht="13.7" customHeight="1">
      <c r="A2822" s="743" t="s">
        <v>651</v>
      </c>
      <c r="B2822" s="744"/>
      <c r="C2822" s="533"/>
      <c r="D2822" s="532"/>
      <c r="E2822" s="531"/>
      <c r="F2822" s="530"/>
      <c r="G2822" s="529" t="s">
        <v>651</v>
      </c>
      <c r="H2822" s="528"/>
      <c r="I2822" s="528"/>
      <c r="J2822" s="528"/>
      <c r="K2822" s="527"/>
    </row>
    <row r="2823" spans="1:11" ht="13.7" customHeight="1">
      <c r="A2823" s="745"/>
      <c r="B2823" s="740"/>
      <c r="C2823" s="526"/>
      <c r="D2823" s="525"/>
      <c r="E2823" s="524"/>
      <c r="F2823" s="523" t="s">
        <v>651</v>
      </c>
      <c r="G2823" s="518" t="s">
        <v>651</v>
      </c>
      <c r="H2823" s="517"/>
      <c r="I2823" s="517"/>
      <c r="J2823" s="517"/>
      <c r="K2823" s="516"/>
    </row>
    <row r="2824" spans="1:11" ht="13.7" customHeight="1">
      <c r="A2824" s="739" t="s">
        <v>652</v>
      </c>
      <c r="B2824" s="740"/>
      <c r="C2824" s="522" t="s">
        <v>242</v>
      </c>
      <c r="D2824" s="521">
        <v>1</v>
      </c>
      <c r="E2824" s="520"/>
      <c r="F2824" s="519"/>
      <c r="G2824" s="518" t="s">
        <v>651</v>
      </c>
      <c r="H2824" s="517"/>
      <c r="I2824" s="517"/>
      <c r="J2824" s="517"/>
      <c r="K2824" s="516"/>
    </row>
    <row r="2825" spans="1:11" ht="13.7" customHeight="1">
      <c r="A2825" s="741"/>
      <c r="B2825" s="742"/>
      <c r="C2825" s="515"/>
      <c r="D2825" s="514"/>
      <c r="E2825" s="513"/>
      <c r="F2825" s="512"/>
      <c r="G2825" s="511" t="s">
        <v>651</v>
      </c>
      <c r="H2825" s="510"/>
      <c r="I2825" s="510"/>
      <c r="J2825" s="510"/>
      <c r="K2825" s="509"/>
    </row>
    <row r="2826" spans="1:11" ht="13.7" customHeight="1">
      <c r="A2826" s="743" t="s">
        <v>651</v>
      </c>
      <c r="B2826" s="744"/>
      <c r="C2826" s="533"/>
      <c r="D2826" s="532"/>
      <c r="E2826" s="531"/>
      <c r="F2826" s="530"/>
      <c r="G2826" s="529" t="s">
        <v>651</v>
      </c>
      <c r="H2826" s="528"/>
      <c r="I2826" s="528"/>
      <c r="J2826" s="528"/>
      <c r="K2826" s="527"/>
    </row>
    <row r="2827" spans="1:11" ht="13.7" customHeight="1">
      <c r="A2827" s="745"/>
      <c r="B2827" s="740"/>
      <c r="C2827" s="526"/>
      <c r="D2827" s="525"/>
      <c r="E2827" s="524"/>
      <c r="F2827" s="523" t="s">
        <v>651</v>
      </c>
      <c r="G2827" s="518" t="s">
        <v>651</v>
      </c>
      <c r="H2827" s="517"/>
      <c r="I2827" s="517"/>
      <c r="J2827" s="517"/>
      <c r="K2827" s="516"/>
    </row>
    <row r="2828" spans="1:11" ht="13.7" customHeight="1">
      <c r="A2828" s="739" t="s">
        <v>681</v>
      </c>
      <c r="B2828" s="740"/>
      <c r="C2828" s="522" t="s">
        <v>242</v>
      </c>
      <c r="D2828" s="521">
        <v>1</v>
      </c>
      <c r="E2828" s="520" t="s">
        <v>1002</v>
      </c>
      <c r="F2828" s="519"/>
      <c r="G2828" s="518" t="s">
        <v>651</v>
      </c>
      <c r="H2828" s="517"/>
      <c r="I2828" s="517"/>
      <c r="J2828" s="517"/>
      <c r="K2828" s="516"/>
    </row>
    <row r="2829" spans="1:11" ht="13.7" customHeight="1">
      <c r="A2829" s="741"/>
      <c r="B2829" s="742"/>
      <c r="C2829" s="515"/>
      <c r="D2829" s="514"/>
      <c r="E2829" s="513"/>
      <c r="F2829" s="512"/>
      <c r="G2829" s="511" t="s">
        <v>651</v>
      </c>
      <c r="H2829" s="510"/>
      <c r="I2829" s="510"/>
      <c r="J2829" s="510"/>
      <c r="K2829" s="509"/>
    </row>
    <row r="2830" spans="1:11" ht="13.7" customHeight="1"/>
    <row r="2831" spans="1:11" ht="13.7" customHeight="1"/>
    <row r="2832" spans="1:11" ht="13.7" customHeight="1"/>
    <row r="2833" ht="13.7" customHeight="1"/>
    <row r="2834" ht="13.7" customHeight="1"/>
    <row r="2835" ht="13.7" customHeight="1"/>
    <row r="2836" ht="13.7" customHeight="1"/>
    <row r="2837" ht="13.7" customHeight="1"/>
    <row r="2838" ht="13.7" customHeight="1"/>
    <row r="2839" ht="13.7" customHeight="1"/>
    <row r="2840" ht="13.7" customHeight="1"/>
    <row r="2841" ht="13.7" customHeight="1"/>
    <row r="2842" ht="13.7" customHeight="1"/>
    <row r="2843" ht="13.7" customHeight="1"/>
    <row r="2844" ht="13.7" customHeight="1"/>
    <row r="2845" ht="13.7" customHeight="1"/>
    <row r="2846" ht="13.7" customHeight="1"/>
    <row r="2847" ht="13.7" customHeight="1"/>
    <row r="2848" ht="13.7" customHeight="1"/>
    <row r="2849" spans="1:11" ht="13.7" customHeight="1"/>
    <row r="2850" spans="1:11" ht="13.7" customHeight="1"/>
    <row r="2851" spans="1:11" ht="13.7" customHeight="1"/>
    <row r="2852" spans="1:11" ht="13.7" customHeight="1"/>
    <row r="2853" spans="1:11" ht="13.7" customHeight="1"/>
    <row r="2854" spans="1:11" ht="13.7" customHeight="1"/>
    <row r="2855" spans="1:11" ht="13.7" customHeight="1"/>
    <row r="2856" spans="1:11" ht="6.2" customHeight="1"/>
    <row r="2857" spans="1:11" ht="14.1" customHeight="1">
      <c r="A2857" s="543" t="s">
        <v>1169</v>
      </c>
      <c r="B2857" s="540" t="s">
        <v>1168</v>
      </c>
      <c r="C2857" s="540"/>
      <c r="D2857" s="540"/>
      <c r="E2857" s="540"/>
      <c r="F2857" s="540"/>
      <c r="G2857" s="542" t="s">
        <v>617</v>
      </c>
      <c r="H2857" s="541" t="s">
        <v>878</v>
      </c>
      <c r="I2857" s="540" t="s">
        <v>1007</v>
      </c>
      <c r="J2857" s="540"/>
      <c r="K2857" s="539"/>
    </row>
    <row r="2858" spans="1:11" ht="24" customHeight="1">
      <c r="A2858" s="538" t="s">
        <v>651</v>
      </c>
      <c r="B2858" s="537" t="s">
        <v>651</v>
      </c>
      <c r="C2858" s="537"/>
      <c r="D2858" s="537"/>
      <c r="E2858" s="537"/>
      <c r="F2858" s="537"/>
      <c r="G2858" s="751">
        <v>1</v>
      </c>
      <c r="H2858" s="751"/>
      <c r="I2858" s="751"/>
      <c r="J2858" s="536" t="s">
        <v>242</v>
      </c>
      <c r="K2858" s="535" t="s">
        <v>618</v>
      </c>
    </row>
    <row r="2859" spans="1:11" ht="17.100000000000001" customHeight="1">
      <c r="A2859" s="746" t="s">
        <v>1006</v>
      </c>
      <c r="B2859" s="747"/>
      <c r="C2859" s="534" t="s">
        <v>309</v>
      </c>
      <c r="D2859" s="534" t="s">
        <v>619</v>
      </c>
      <c r="E2859" s="534" t="s">
        <v>620</v>
      </c>
      <c r="F2859" s="534" t="s">
        <v>659</v>
      </c>
      <c r="G2859" s="748" t="s">
        <v>1005</v>
      </c>
      <c r="H2859" s="749"/>
      <c r="I2859" s="749"/>
      <c r="J2859" s="749"/>
      <c r="K2859" s="750"/>
    </row>
    <row r="2860" spans="1:11" ht="13.7" customHeight="1">
      <c r="A2860" s="743" t="s">
        <v>1664</v>
      </c>
      <c r="B2860" s="744"/>
      <c r="C2860" s="533"/>
      <c r="D2860" s="532"/>
      <c r="E2860" s="531"/>
      <c r="F2860" s="530"/>
      <c r="G2860" s="529" t="s">
        <v>1176</v>
      </c>
      <c r="H2860" s="528"/>
      <c r="I2860" s="528"/>
      <c r="J2860" s="528"/>
      <c r="K2860" s="527"/>
    </row>
    <row r="2861" spans="1:11" ht="13.7" customHeight="1">
      <c r="A2861" s="745"/>
      <c r="B2861" s="740"/>
      <c r="C2861" s="526"/>
      <c r="D2861" s="525"/>
      <c r="E2861" s="524"/>
      <c r="F2861" s="523" t="s">
        <v>651</v>
      </c>
      <c r="G2861" s="518" t="s">
        <v>651</v>
      </c>
      <c r="H2861" s="517"/>
      <c r="I2861" s="517"/>
      <c r="J2861" s="517"/>
      <c r="K2861" s="516"/>
    </row>
    <row r="2862" spans="1:11" ht="13.7" customHeight="1">
      <c r="A2862" s="739" t="s">
        <v>773</v>
      </c>
      <c r="B2862" s="740"/>
      <c r="C2862" s="522" t="s">
        <v>240</v>
      </c>
      <c r="D2862" s="521">
        <v>22.4</v>
      </c>
      <c r="E2862" s="520"/>
      <c r="F2862" s="519"/>
      <c r="G2862" s="518" t="s">
        <v>651</v>
      </c>
      <c r="H2862" s="517"/>
      <c r="I2862" s="517"/>
      <c r="J2862" s="517"/>
      <c r="K2862" s="516"/>
    </row>
    <row r="2863" spans="1:11" ht="13.7" customHeight="1">
      <c r="A2863" s="741"/>
      <c r="B2863" s="742"/>
      <c r="C2863" s="515"/>
      <c r="D2863" s="514"/>
      <c r="E2863" s="513"/>
      <c r="F2863" s="512"/>
      <c r="G2863" s="511" t="s">
        <v>651</v>
      </c>
      <c r="H2863" s="510"/>
      <c r="I2863" s="510"/>
      <c r="J2863" s="510"/>
      <c r="K2863" s="509"/>
    </row>
    <row r="2864" spans="1:11" ht="13.7" customHeight="1">
      <c r="A2864" s="743" t="s">
        <v>768</v>
      </c>
      <c r="B2864" s="744"/>
      <c r="C2864" s="533"/>
      <c r="D2864" s="532"/>
      <c r="E2864" s="531"/>
      <c r="F2864" s="530"/>
      <c r="G2864" s="529" t="s">
        <v>1175</v>
      </c>
      <c r="H2864" s="528"/>
      <c r="I2864" s="528"/>
      <c r="J2864" s="528"/>
      <c r="K2864" s="527"/>
    </row>
    <row r="2865" spans="1:11" ht="13.7" customHeight="1">
      <c r="A2865" s="745"/>
      <c r="B2865" s="740"/>
      <c r="C2865" s="526"/>
      <c r="D2865" s="525"/>
      <c r="E2865" s="524"/>
      <c r="F2865" s="523" t="s">
        <v>651</v>
      </c>
      <c r="G2865" s="518" t="s">
        <v>651</v>
      </c>
      <c r="H2865" s="517"/>
      <c r="I2865" s="517"/>
      <c r="J2865" s="517"/>
      <c r="K2865" s="516"/>
    </row>
    <row r="2866" spans="1:11" ht="13.7" customHeight="1">
      <c r="A2866" s="739" t="s">
        <v>802</v>
      </c>
      <c r="B2866" s="740"/>
      <c r="C2866" s="522" t="s">
        <v>240</v>
      </c>
      <c r="D2866" s="521">
        <v>22.4</v>
      </c>
      <c r="E2866" s="520"/>
      <c r="F2866" s="519"/>
      <c r="G2866" s="518" t="s">
        <v>651</v>
      </c>
      <c r="H2866" s="517"/>
      <c r="I2866" s="517"/>
      <c r="J2866" s="517"/>
      <c r="K2866" s="516"/>
    </row>
    <row r="2867" spans="1:11" ht="13.7" customHeight="1">
      <c r="A2867" s="741"/>
      <c r="B2867" s="742"/>
      <c r="C2867" s="515"/>
      <c r="D2867" s="514"/>
      <c r="E2867" s="513"/>
      <c r="F2867" s="512"/>
      <c r="G2867" s="511" t="s">
        <v>651</v>
      </c>
      <c r="H2867" s="510"/>
      <c r="I2867" s="510"/>
      <c r="J2867" s="510"/>
      <c r="K2867" s="509"/>
    </row>
    <row r="2868" spans="1:11" ht="13.7" customHeight="1">
      <c r="A2868" s="743" t="s">
        <v>1029</v>
      </c>
      <c r="B2868" s="744"/>
      <c r="C2868" s="533"/>
      <c r="D2868" s="532"/>
      <c r="E2868" s="531"/>
      <c r="F2868" s="530"/>
      <c r="G2868" s="529" t="s">
        <v>1028</v>
      </c>
      <c r="H2868" s="528"/>
      <c r="I2868" s="528"/>
      <c r="J2868" s="528"/>
      <c r="K2868" s="527"/>
    </row>
    <row r="2869" spans="1:11" ht="13.7" customHeight="1">
      <c r="A2869" s="745"/>
      <c r="B2869" s="740"/>
      <c r="C2869" s="526"/>
      <c r="D2869" s="525"/>
      <c r="E2869" s="524"/>
      <c r="F2869" s="523" t="s">
        <v>651</v>
      </c>
      <c r="G2869" s="518" t="s">
        <v>651</v>
      </c>
      <c r="H2869" s="517"/>
      <c r="I2869" s="517"/>
      <c r="J2869" s="517"/>
      <c r="K2869" s="516"/>
    </row>
    <row r="2870" spans="1:11" ht="13.7" customHeight="1">
      <c r="A2870" s="739" t="s">
        <v>651</v>
      </c>
      <c r="B2870" s="740"/>
      <c r="C2870" s="522" t="s">
        <v>240</v>
      </c>
      <c r="D2870" s="521">
        <v>22.4</v>
      </c>
      <c r="E2870" s="520"/>
      <c r="F2870" s="519"/>
      <c r="G2870" s="518" t="s">
        <v>651</v>
      </c>
      <c r="H2870" s="517"/>
      <c r="I2870" s="517"/>
      <c r="J2870" s="517"/>
      <c r="K2870" s="516"/>
    </row>
    <row r="2871" spans="1:11" ht="13.7" customHeight="1">
      <c r="A2871" s="741"/>
      <c r="B2871" s="742"/>
      <c r="C2871" s="515"/>
      <c r="D2871" s="514"/>
      <c r="E2871" s="513"/>
      <c r="F2871" s="512"/>
      <c r="G2871" s="511" t="s">
        <v>651</v>
      </c>
      <c r="H2871" s="510"/>
      <c r="I2871" s="510"/>
      <c r="J2871" s="510"/>
      <c r="K2871" s="509"/>
    </row>
    <row r="2872" spans="1:11" ht="13.7" customHeight="1">
      <c r="A2872" s="743" t="s">
        <v>756</v>
      </c>
      <c r="B2872" s="744"/>
      <c r="C2872" s="533"/>
      <c r="D2872" s="532"/>
      <c r="E2872" s="531"/>
      <c r="F2872" s="530"/>
      <c r="G2872" s="529" t="s">
        <v>1174</v>
      </c>
      <c r="H2872" s="528"/>
      <c r="I2872" s="528"/>
      <c r="J2872" s="528"/>
      <c r="K2872" s="527"/>
    </row>
    <row r="2873" spans="1:11" ht="13.7" customHeight="1">
      <c r="A2873" s="745"/>
      <c r="B2873" s="740"/>
      <c r="C2873" s="526"/>
      <c r="D2873" s="525"/>
      <c r="E2873" s="524"/>
      <c r="F2873" s="523" t="s">
        <v>651</v>
      </c>
      <c r="G2873" s="518" t="s">
        <v>651</v>
      </c>
      <c r="H2873" s="517"/>
      <c r="I2873" s="517"/>
      <c r="J2873" s="517"/>
      <c r="K2873" s="516"/>
    </row>
    <row r="2874" spans="1:11" ht="13.7" customHeight="1">
      <c r="A2874" s="739" t="s">
        <v>800</v>
      </c>
      <c r="B2874" s="740"/>
      <c r="C2874" s="522" t="s">
        <v>697</v>
      </c>
      <c r="D2874" s="521">
        <v>3</v>
      </c>
      <c r="E2874" s="520"/>
      <c r="F2874" s="519"/>
      <c r="G2874" s="518" t="s">
        <v>651</v>
      </c>
      <c r="H2874" s="517"/>
      <c r="I2874" s="517"/>
      <c r="J2874" s="517"/>
      <c r="K2874" s="516"/>
    </row>
    <row r="2875" spans="1:11" ht="13.7" customHeight="1">
      <c r="A2875" s="741"/>
      <c r="B2875" s="742"/>
      <c r="C2875" s="515"/>
      <c r="D2875" s="514"/>
      <c r="E2875" s="513"/>
      <c r="F2875" s="512"/>
      <c r="G2875" s="511" t="s">
        <v>651</v>
      </c>
      <c r="H2875" s="510"/>
      <c r="I2875" s="510"/>
      <c r="J2875" s="510"/>
      <c r="K2875" s="509"/>
    </row>
    <row r="2876" spans="1:11" ht="13.7" customHeight="1">
      <c r="A2876" s="743" t="s">
        <v>756</v>
      </c>
      <c r="B2876" s="744"/>
      <c r="C2876" s="533"/>
      <c r="D2876" s="532"/>
      <c r="E2876" s="531"/>
      <c r="F2876" s="530"/>
      <c r="G2876" s="529" t="s">
        <v>1173</v>
      </c>
      <c r="H2876" s="528"/>
      <c r="I2876" s="528"/>
      <c r="J2876" s="528"/>
      <c r="K2876" s="527"/>
    </row>
    <row r="2877" spans="1:11" ht="13.7" customHeight="1">
      <c r="A2877" s="745"/>
      <c r="B2877" s="740"/>
      <c r="C2877" s="526"/>
      <c r="D2877" s="525"/>
      <c r="E2877" s="524"/>
      <c r="F2877" s="523" t="s">
        <v>651</v>
      </c>
      <c r="G2877" s="518" t="s">
        <v>651</v>
      </c>
      <c r="H2877" s="517"/>
      <c r="I2877" s="517"/>
      <c r="J2877" s="517"/>
      <c r="K2877" s="516"/>
    </row>
    <row r="2878" spans="1:11" ht="13.7" customHeight="1">
      <c r="A2878" s="739" t="s">
        <v>798</v>
      </c>
      <c r="B2878" s="740"/>
      <c r="C2878" s="522" t="s">
        <v>697</v>
      </c>
      <c r="D2878" s="521">
        <v>6</v>
      </c>
      <c r="E2878" s="520"/>
      <c r="F2878" s="519"/>
      <c r="G2878" s="518" t="s">
        <v>651</v>
      </c>
      <c r="H2878" s="517"/>
      <c r="I2878" s="517"/>
      <c r="J2878" s="517"/>
      <c r="K2878" s="516"/>
    </row>
    <row r="2879" spans="1:11" ht="13.7" customHeight="1">
      <c r="A2879" s="741"/>
      <c r="B2879" s="742"/>
      <c r="C2879" s="515"/>
      <c r="D2879" s="514"/>
      <c r="E2879" s="513"/>
      <c r="F2879" s="512"/>
      <c r="G2879" s="511" t="s">
        <v>651</v>
      </c>
      <c r="H2879" s="510"/>
      <c r="I2879" s="510"/>
      <c r="J2879" s="510"/>
      <c r="K2879" s="509"/>
    </row>
    <row r="2880" spans="1:11" ht="13.7" customHeight="1">
      <c r="A2880" s="743" t="s">
        <v>756</v>
      </c>
      <c r="B2880" s="744"/>
      <c r="C2880" s="533"/>
      <c r="D2880" s="532"/>
      <c r="E2880" s="531"/>
      <c r="F2880" s="530"/>
      <c r="G2880" s="529" t="s">
        <v>1172</v>
      </c>
      <c r="H2880" s="528"/>
      <c r="I2880" s="528"/>
      <c r="J2880" s="528"/>
      <c r="K2880" s="527"/>
    </row>
    <row r="2881" spans="1:11" ht="13.7" customHeight="1">
      <c r="A2881" s="745"/>
      <c r="B2881" s="740"/>
      <c r="C2881" s="526"/>
      <c r="D2881" s="525"/>
      <c r="E2881" s="524"/>
      <c r="F2881" s="523" t="s">
        <v>651</v>
      </c>
      <c r="G2881" s="518" t="s">
        <v>651</v>
      </c>
      <c r="H2881" s="517"/>
      <c r="I2881" s="517"/>
      <c r="J2881" s="517"/>
      <c r="K2881" s="516"/>
    </row>
    <row r="2882" spans="1:11" ht="13.7" customHeight="1">
      <c r="A2882" s="739" t="s">
        <v>796</v>
      </c>
      <c r="B2882" s="740"/>
      <c r="C2882" s="522" t="s">
        <v>697</v>
      </c>
      <c r="D2882" s="521">
        <v>6</v>
      </c>
      <c r="E2882" s="520"/>
      <c r="F2882" s="519"/>
      <c r="G2882" s="518" t="s">
        <v>651</v>
      </c>
      <c r="H2882" s="517"/>
      <c r="I2882" s="517"/>
      <c r="J2882" s="517"/>
      <c r="K2882" s="516"/>
    </row>
    <row r="2883" spans="1:11" ht="13.7" customHeight="1">
      <c r="A2883" s="741"/>
      <c r="B2883" s="742"/>
      <c r="C2883" s="515"/>
      <c r="D2883" s="514"/>
      <c r="E2883" s="513"/>
      <c r="F2883" s="512"/>
      <c r="G2883" s="511" t="s">
        <v>651</v>
      </c>
      <c r="H2883" s="510"/>
      <c r="I2883" s="510"/>
      <c r="J2883" s="510"/>
      <c r="K2883" s="509"/>
    </row>
    <row r="2884" spans="1:11" ht="13.7" customHeight="1">
      <c r="A2884" s="743" t="s">
        <v>792</v>
      </c>
      <c r="B2884" s="744"/>
      <c r="C2884" s="533"/>
      <c r="D2884" s="532"/>
      <c r="E2884" s="531"/>
      <c r="F2884" s="530"/>
      <c r="G2884" s="529" t="s">
        <v>1171</v>
      </c>
      <c r="H2884" s="528"/>
      <c r="I2884" s="528"/>
      <c r="J2884" s="528"/>
      <c r="K2884" s="527"/>
    </row>
    <row r="2885" spans="1:11" ht="13.7" customHeight="1">
      <c r="A2885" s="745"/>
      <c r="B2885" s="740"/>
      <c r="C2885" s="526"/>
      <c r="D2885" s="525"/>
      <c r="E2885" s="524"/>
      <c r="F2885" s="523" t="s">
        <v>651</v>
      </c>
      <c r="G2885" s="518" t="s">
        <v>651</v>
      </c>
      <c r="H2885" s="517"/>
      <c r="I2885" s="517"/>
      <c r="J2885" s="517"/>
      <c r="K2885" s="516"/>
    </row>
    <row r="2886" spans="1:11" ht="13.7" customHeight="1">
      <c r="A2886" s="739" t="s">
        <v>790</v>
      </c>
      <c r="B2886" s="740"/>
      <c r="C2886" s="522" t="s">
        <v>697</v>
      </c>
      <c r="D2886" s="521">
        <v>1</v>
      </c>
      <c r="E2886" s="520"/>
      <c r="F2886" s="519"/>
      <c r="G2886" s="518" t="s">
        <v>651</v>
      </c>
      <c r="H2886" s="517"/>
      <c r="I2886" s="517"/>
      <c r="J2886" s="517"/>
      <c r="K2886" s="516"/>
    </row>
    <row r="2887" spans="1:11" ht="13.7" customHeight="1">
      <c r="A2887" s="741"/>
      <c r="B2887" s="742"/>
      <c r="C2887" s="515"/>
      <c r="D2887" s="514"/>
      <c r="E2887" s="513"/>
      <c r="F2887" s="512"/>
      <c r="G2887" s="511" t="s">
        <v>651</v>
      </c>
      <c r="H2887" s="510"/>
      <c r="I2887" s="510"/>
      <c r="J2887" s="510"/>
      <c r="K2887" s="509"/>
    </row>
    <row r="2888" spans="1:11" ht="13.7" customHeight="1">
      <c r="A2888" s="743" t="s">
        <v>751</v>
      </c>
      <c r="B2888" s="744"/>
      <c r="C2888" s="533"/>
      <c r="D2888" s="532"/>
      <c r="E2888" s="531"/>
      <c r="F2888" s="530"/>
      <c r="G2888" s="529" t="s">
        <v>1170</v>
      </c>
      <c r="H2888" s="528"/>
      <c r="I2888" s="528"/>
      <c r="J2888" s="528"/>
      <c r="K2888" s="527"/>
    </row>
    <row r="2889" spans="1:11" ht="13.7" customHeight="1">
      <c r="A2889" s="745"/>
      <c r="B2889" s="740"/>
      <c r="C2889" s="526"/>
      <c r="D2889" s="525"/>
      <c r="E2889" s="524"/>
      <c r="F2889" s="523" t="s">
        <v>651</v>
      </c>
      <c r="G2889" s="518" t="s">
        <v>651</v>
      </c>
      <c r="H2889" s="517"/>
      <c r="I2889" s="517"/>
      <c r="J2889" s="517"/>
      <c r="K2889" s="516"/>
    </row>
    <row r="2890" spans="1:11" ht="13.7" customHeight="1">
      <c r="A2890" s="739" t="s">
        <v>779</v>
      </c>
      <c r="B2890" s="740"/>
      <c r="C2890" s="522" t="s">
        <v>697</v>
      </c>
      <c r="D2890" s="521">
        <v>5</v>
      </c>
      <c r="E2890" s="520"/>
      <c r="F2890" s="519"/>
      <c r="G2890" s="518" t="s">
        <v>651</v>
      </c>
      <c r="H2890" s="517"/>
      <c r="I2890" s="517"/>
      <c r="J2890" s="517"/>
      <c r="K2890" s="516"/>
    </row>
    <row r="2891" spans="1:11" ht="13.7" customHeight="1">
      <c r="A2891" s="741"/>
      <c r="B2891" s="742"/>
      <c r="C2891" s="515"/>
      <c r="D2891" s="514"/>
      <c r="E2891" s="513"/>
      <c r="F2891" s="512"/>
      <c r="G2891" s="511" t="s">
        <v>651</v>
      </c>
      <c r="H2891" s="510"/>
      <c r="I2891" s="510"/>
      <c r="J2891" s="510"/>
      <c r="K2891" s="509"/>
    </row>
    <row r="2892" spans="1:11" ht="13.7" customHeight="1"/>
    <row r="2893" spans="1:11" ht="13.7" customHeight="1"/>
    <row r="2894" spans="1:11" ht="6.2" customHeight="1"/>
    <row r="2895" spans="1:11" ht="14.1" customHeight="1">
      <c r="A2895" s="543" t="s">
        <v>1169</v>
      </c>
      <c r="B2895" s="540" t="s">
        <v>1168</v>
      </c>
      <c r="C2895" s="540"/>
      <c r="D2895" s="540"/>
      <c r="E2895" s="540"/>
      <c r="F2895" s="540"/>
      <c r="G2895" s="542" t="s">
        <v>617</v>
      </c>
      <c r="H2895" s="541" t="s">
        <v>878</v>
      </c>
      <c r="I2895" s="540" t="s">
        <v>1007</v>
      </c>
      <c r="J2895" s="540"/>
      <c r="K2895" s="539"/>
    </row>
    <row r="2896" spans="1:11" ht="24" customHeight="1">
      <c r="A2896" s="538" t="s">
        <v>651</v>
      </c>
      <c r="B2896" s="537" t="s">
        <v>651</v>
      </c>
      <c r="C2896" s="537"/>
      <c r="D2896" s="537"/>
      <c r="E2896" s="537"/>
      <c r="F2896" s="537"/>
      <c r="G2896" s="751">
        <v>1</v>
      </c>
      <c r="H2896" s="751"/>
      <c r="I2896" s="751"/>
      <c r="J2896" s="536" t="s">
        <v>242</v>
      </c>
      <c r="K2896" s="535" t="s">
        <v>618</v>
      </c>
    </row>
    <row r="2897" spans="1:11" ht="17.100000000000001" customHeight="1">
      <c r="A2897" s="746" t="s">
        <v>1006</v>
      </c>
      <c r="B2897" s="747"/>
      <c r="C2897" s="534" t="s">
        <v>309</v>
      </c>
      <c r="D2897" s="534" t="s">
        <v>619</v>
      </c>
      <c r="E2897" s="534" t="s">
        <v>620</v>
      </c>
      <c r="F2897" s="534" t="s">
        <v>659</v>
      </c>
      <c r="G2897" s="748" t="s">
        <v>1005</v>
      </c>
      <c r="H2897" s="749"/>
      <c r="I2897" s="749"/>
      <c r="J2897" s="749"/>
      <c r="K2897" s="750"/>
    </row>
    <row r="2898" spans="1:11" ht="13.7" customHeight="1">
      <c r="A2898" s="743" t="s">
        <v>651</v>
      </c>
      <c r="B2898" s="744"/>
      <c r="C2898" s="533"/>
      <c r="D2898" s="532"/>
      <c r="E2898" s="531"/>
      <c r="F2898" s="530"/>
      <c r="G2898" s="529" t="s">
        <v>651</v>
      </c>
      <c r="H2898" s="528"/>
      <c r="I2898" s="528"/>
      <c r="J2898" s="528"/>
      <c r="K2898" s="527"/>
    </row>
    <row r="2899" spans="1:11" ht="13.7" customHeight="1">
      <c r="A2899" s="745"/>
      <c r="B2899" s="740"/>
      <c r="C2899" s="526"/>
      <c r="D2899" s="525"/>
      <c r="E2899" s="524"/>
      <c r="F2899" s="523" t="s">
        <v>651</v>
      </c>
      <c r="G2899" s="518" t="s">
        <v>651</v>
      </c>
      <c r="H2899" s="517"/>
      <c r="I2899" s="517"/>
      <c r="J2899" s="517"/>
      <c r="K2899" s="516"/>
    </row>
    <row r="2900" spans="1:11" ht="13.7" customHeight="1">
      <c r="A2900" s="739" t="s">
        <v>652</v>
      </c>
      <c r="B2900" s="740"/>
      <c r="C2900" s="522" t="s">
        <v>242</v>
      </c>
      <c r="D2900" s="521">
        <v>1</v>
      </c>
      <c r="E2900" s="520"/>
      <c r="F2900" s="519"/>
      <c r="G2900" s="518" t="s">
        <v>651</v>
      </c>
      <c r="H2900" s="517"/>
      <c r="I2900" s="517"/>
      <c r="J2900" s="517"/>
      <c r="K2900" s="516"/>
    </row>
    <row r="2901" spans="1:11" ht="13.7" customHeight="1">
      <c r="A2901" s="741"/>
      <c r="B2901" s="742"/>
      <c r="C2901" s="515"/>
      <c r="D2901" s="514"/>
      <c r="E2901" s="513"/>
      <c r="F2901" s="512"/>
      <c r="G2901" s="511" t="s">
        <v>651</v>
      </c>
      <c r="H2901" s="510"/>
      <c r="I2901" s="510"/>
      <c r="J2901" s="510"/>
      <c r="K2901" s="509"/>
    </row>
    <row r="2902" spans="1:11" ht="13.7" customHeight="1">
      <c r="A2902" s="743" t="s">
        <v>651</v>
      </c>
      <c r="B2902" s="744"/>
      <c r="C2902" s="533"/>
      <c r="D2902" s="532"/>
      <c r="E2902" s="531"/>
      <c r="F2902" s="530"/>
      <c r="G2902" s="529" t="s">
        <v>651</v>
      </c>
      <c r="H2902" s="528"/>
      <c r="I2902" s="528"/>
      <c r="J2902" s="528"/>
      <c r="K2902" s="527"/>
    </row>
    <row r="2903" spans="1:11" ht="13.7" customHeight="1">
      <c r="A2903" s="745"/>
      <c r="B2903" s="740"/>
      <c r="C2903" s="526"/>
      <c r="D2903" s="525"/>
      <c r="E2903" s="524"/>
      <c r="F2903" s="523" t="s">
        <v>651</v>
      </c>
      <c r="G2903" s="518" t="s">
        <v>651</v>
      </c>
      <c r="H2903" s="517"/>
      <c r="I2903" s="517"/>
      <c r="J2903" s="517"/>
      <c r="K2903" s="516"/>
    </row>
    <row r="2904" spans="1:11" ht="13.7" customHeight="1">
      <c r="A2904" s="739" t="s">
        <v>681</v>
      </c>
      <c r="B2904" s="740"/>
      <c r="C2904" s="522" t="s">
        <v>242</v>
      </c>
      <c r="D2904" s="521">
        <v>1</v>
      </c>
      <c r="E2904" s="520" t="s">
        <v>1002</v>
      </c>
      <c r="F2904" s="519"/>
      <c r="G2904" s="518" t="s">
        <v>651</v>
      </c>
      <c r="H2904" s="517"/>
      <c r="I2904" s="517"/>
      <c r="J2904" s="517"/>
      <c r="K2904" s="516"/>
    </row>
    <row r="2905" spans="1:11" ht="13.7" customHeight="1">
      <c r="A2905" s="741"/>
      <c r="B2905" s="742"/>
      <c r="C2905" s="515"/>
      <c r="D2905" s="514"/>
      <c r="E2905" s="513"/>
      <c r="F2905" s="512"/>
      <c r="G2905" s="511" t="s">
        <v>651</v>
      </c>
      <c r="H2905" s="510"/>
      <c r="I2905" s="510"/>
      <c r="J2905" s="510"/>
      <c r="K2905" s="509"/>
    </row>
    <row r="2906" spans="1:11" ht="13.7" customHeight="1"/>
    <row r="2907" spans="1:11" ht="13.7" customHeight="1"/>
    <row r="2908" spans="1:11" ht="13.7" customHeight="1"/>
    <row r="2909" spans="1:11" ht="13.7" customHeight="1"/>
    <row r="2910" spans="1:11" ht="13.7" customHeight="1"/>
    <row r="2911" spans="1:11" ht="13.7" customHeight="1"/>
    <row r="2912" spans="1:11" ht="13.7" customHeight="1"/>
    <row r="2913" ht="13.7" customHeight="1"/>
    <row r="2914" ht="13.7" customHeight="1"/>
    <row r="2915" ht="13.7" customHeight="1"/>
    <row r="2916" ht="13.7" customHeight="1"/>
    <row r="2917" ht="13.7" customHeight="1"/>
    <row r="2918" ht="13.7" customHeight="1"/>
    <row r="2919" ht="13.7" customHeight="1"/>
    <row r="2920" ht="13.7" customHeight="1"/>
    <row r="2921" ht="13.7" customHeight="1"/>
    <row r="2922" ht="13.7" customHeight="1"/>
    <row r="2923" ht="13.7" customHeight="1"/>
    <row r="2924" ht="13.7" customHeight="1"/>
    <row r="2925" ht="13.7" customHeight="1"/>
    <row r="2926" ht="13.7" customHeight="1"/>
    <row r="2927" ht="13.7" customHeight="1"/>
    <row r="2928" ht="13.7" customHeight="1"/>
    <row r="2929" spans="1:11" ht="13.7" customHeight="1"/>
    <row r="2930" spans="1:11" ht="13.7" customHeight="1"/>
    <row r="2931" spans="1:11" ht="13.7" customHeight="1"/>
    <row r="2932" spans="1:11" ht="6.2" customHeight="1"/>
    <row r="2933" spans="1:11" ht="14.1" customHeight="1">
      <c r="A2933" s="543" t="s">
        <v>1167</v>
      </c>
      <c r="B2933" s="540" t="s">
        <v>1166</v>
      </c>
      <c r="C2933" s="540"/>
      <c r="D2933" s="540"/>
      <c r="E2933" s="540"/>
      <c r="F2933" s="540"/>
      <c r="G2933" s="542" t="s">
        <v>617</v>
      </c>
      <c r="H2933" s="541" t="s">
        <v>877</v>
      </c>
      <c r="I2933" s="540" t="s">
        <v>1007</v>
      </c>
      <c r="J2933" s="540"/>
      <c r="K2933" s="539"/>
    </row>
    <row r="2934" spans="1:11" ht="24" customHeight="1">
      <c r="A2934" s="538" t="s">
        <v>651</v>
      </c>
      <c r="B2934" s="537" t="s">
        <v>651</v>
      </c>
      <c r="C2934" s="537"/>
      <c r="D2934" s="537"/>
      <c r="E2934" s="537"/>
      <c r="F2934" s="537"/>
      <c r="G2934" s="751">
        <v>1</v>
      </c>
      <c r="H2934" s="751"/>
      <c r="I2934" s="751"/>
      <c r="J2934" s="536" t="s">
        <v>242</v>
      </c>
      <c r="K2934" s="535" t="s">
        <v>618</v>
      </c>
    </row>
    <row r="2935" spans="1:11" ht="17.100000000000001" customHeight="1">
      <c r="A2935" s="746" t="s">
        <v>1006</v>
      </c>
      <c r="B2935" s="747"/>
      <c r="C2935" s="534" t="s">
        <v>309</v>
      </c>
      <c r="D2935" s="534" t="s">
        <v>619</v>
      </c>
      <c r="E2935" s="534" t="s">
        <v>620</v>
      </c>
      <c r="F2935" s="534" t="s">
        <v>659</v>
      </c>
      <c r="G2935" s="748" t="s">
        <v>1005</v>
      </c>
      <c r="H2935" s="749"/>
      <c r="I2935" s="749"/>
      <c r="J2935" s="749"/>
      <c r="K2935" s="750"/>
    </row>
    <row r="2936" spans="1:11" ht="13.7" customHeight="1">
      <c r="A2936" s="743" t="s">
        <v>1024</v>
      </c>
      <c r="B2936" s="744"/>
      <c r="C2936" s="533"/>
      <c r="D2936" s="532"/>
      <c r="E2936" s="531"/>
      <c r="F2936" s="530"/>
      <c r="G2936" s="529" t="s">
        <v>1023</v>
      </c>
      <c r="H2936" s="528"/>
      <c r="I2936" s="528"/>
      <c r="J2936" s="528"/>
      <c r="K2936" s="527"/>
    </row>
    <row r="2937" spans="1:11" ht="13.7" customHeight="1">
      <c r="A2937" s="745"/>
      <c r="B2937" s="740"/>
      <c r="C2937" s="526"/>
      <c r="D2937" s="525"/>
      <c r="E2937" s="524"/>
      <c r="F2937" s="523" t="s">
        <v>651</v>
      </c>
      <c r="G2937" s="518" t="s">
        <v>651</v>
      </c>
      <c r="H2937" s="517"/>
      <c r="I2937" s="517"/>
      <c r="J2937" s="517"/>
      <c r="K2937" s="516"/>
    </row>
    <row r="2938" spans="1:11" ht="13.7" customHeight="1">
      <c r="A2938" s="739" t="s">
        <v>1022</v>
      </c>
      <c r="B2938" s="740"/>
      <c r="C2938" s="522" t="s">
        <v>240</v>
      </c>
      <c r="D2938" s="521">
        <v>25</v>
      </c>
      <c r="E2938" s="520"/>
      <c r="F2938" s="519"/>
      <c r="G2938" s="518" t="s">
        <v>651</v>
      </c>
      <c r="H2938" s="517"/>
      <c r="I2938" s="517"/>
      <c r="J2938" s="517"/>
      <c r="K2938" s="516"/>
    </row>
    <row r="2939" spans="1:11" ht="13.7" customHeight="1">
      <c r="A2939" s="741"/>
      <c r="B2939" s="742"/>
      <c r="C2939" s="515"/>
      <c r="D2939" s="514"/>
      <c r="E2939" s="513"/>
      <c r="F2939" s="512"/>
      <c r="G2939" s="511" t="s">
        <v>651</v>
      </c>
      <c r="H2939" s="510"/>
      <c r="I2939" s="510"/>
      <c r="J2939" s="510"/>
      <c r="K2939" s="509"/>
    </row>
    <row r="2940" spans="1:11" ht="13.7" customHeight="1">
      <c r="A2940" s="743" t="s">
        <v>1021</v>
      </c>
      <c r="B2940" s="744"/>
      <c r="C2940" s="533"/>
      <c r="D2940" s="532"/>
      <c r="E2940" s="531"/>
      <c r="F2940" s="530"/>
      <c r="G2940" s="529" t="s">
        <v>1020</v>
      </c>
      <c r="H2940" s="528"/>
      <c r="I2940" s="528"/>
      <c r="J2940" s="528"/>
      <c r="K2940" s="527"/>
    </row>
    <row r="2941" spans="1:11" ht="13.7" customHeight="1">
      <c r="A2941" s="745"/>
      <c r="B2941" s="740"/>
      <c r="C2941" s="526"/>
      <c r="D2941" s="525"/>
      <c r="E2941" s="524"/>
      <c r="F2941" s="523" t="s">
        <v>651</v>
      </c>
      <c r="G2941" s="518" t="s">
        <v>651</v>
      </c>
      <c r="H2941" s="517"/>
      <c r="I2941" s="517"/>
      <c r="J2941" s="517"/>
      <c r="K2941" s="516"/>
    </row>
    <row r="2942" spans="1:11" ht="13.7" customHeight="1">
      <c r="A2942" s="739" t="s">
        <v>1019</v>
      </c>
      <c r="B2942" s="740"/>
      <c r="C2942" s="522" t="s">
        <v>194</v>
      </c>
      <c r="D2942" s="521">
        <v>9</v>
      </c>
      <c r="E2942" s="520"/>
      <c r="F2942" s="519"/>
      <c r="G2942" s="518" t="s">
        <v>651</v>
      </c>
      <c r="H2942" s="517"/>
      <c r="I2942" s="517"/>
      <c r="J2942" s="517"/>
      <c r="K2942" s="516"/>
    </row>
    <row r="2943" spans="1:11" ht="13.7" customHeight="1">
      <c r="A2943" s="741"/>
      <c r="B2943" s="742"/>
      <c r="C2943" s="515"/>
      <c r="D2943" s="514"/>
      <c r="E2943" s="513"/>
      <c r="F2943" s="512"/>
      <c r="G2943" s="511" t="s">
        <v>651</v>
      </c>
      <c r="H2943" s="510"/>
      <c r="I2943" s="510"/>
      <c r="J2943" s="510"/>
      <c r="K2943" s="509"/>
    </row>
    <row r="2944" spans="1:11" ht="13.7" customHeight="1">
      <c r="A2944" s="743" t="s">
        <v>892</v>
      </c>
      <c r="B2944" s="744"/>
      <c r="C2944" s="533"/>
      <c r="D2944" s="532"/>
      <c r="E2944" s="531"/>
      <c r="F2944" s="530"/>
      <c r="G2944" s="529" t="s">
        <v>1018</v>
      </c>
      <c r="H2944" s="528"/>
      <c r="I2944" s="528"/>
      <c r="J2944" s="528"/>
      <c r="K2944" s="527"/>
    </row>
    <row r="2945" spans="1:11" ht="13.7" customHeight="1">
      <c r="A2945" s="745"/>
      <c r="B2945" s="740"/>
      <c r="C2945" s="526"/>
      <c r="D2945" s="525"/>
      <c r="E2945" s="524"/>
      <c r="F2945" s="523" t="s">
        <v>651</v>
      </c>
      <c r="G2945" s="518" t="s">
        <v>651</v>
      </c>
      <c r="H2945" s="517"/>
      <c r="I2945" s="517"/>
      <c r="J2945" s="517"/>
      <c r="K2945" s="516"/>
    </row>
    <row r="2946" spans="1:11" ht="13.7" customHeight="1">
      <c r="A2946" s="739" t="s">
        <v>1017</v>
      </c>
      <c r="B2946" s="740"/>
      <c r="C2946" s="522" t="s">
        <v>194</v>
      </c>
      <c r="D2946" s="521">
        <v>9</v>
      </c>
      <c r="E2946" s="520"/>
      <c r="F2946" s="519"/>
      <c r="G2946" s="518" t="s">
        <v>651</v>
      </c>
      <c r="H2946" s="517"/>
      <c r="I2946" s="517"/>
      <c r="J2946" s="517"/>
      <c r="K2946" s="516"/>
    </row>
    <row r="2947" spans="1:11" ht="13.7" customHeight="1">
      <c r="A2947" s="741"/>
      <c r="B2947" s="742"/>
      <c r="C2947" s="515"/>
      <c r="D2947" s="514"/>
      <c r="E2947" s="513"/>
      <c r="F2947" s="512"/>
      <c r="G2947" s="511" t="s">
        <v>651</v>
      </c>
      <c r="H2947" s="510"/>
      <c r="I2947" s="510"/>
      <c r="J2947" s="510"/>
      <c r="K2947" s="509"/>
    </row>
    <row r="2948" spans="1:11" ht="13.7" customHeight="1">
      <c r="A2948" s="743" t="s">
        <v>958</v>
      </c>
      <c r="B2948" s="744"/>
      <c r="C2948" s="533"/>
      <c r="D2948" s="532"/>
      <c r="E2948" s="531"/>
      <c r="F2948" s="530"/>
      <c r="G2948" s="529" t="s">
        <v>1016</v>
      </c>
      <c r="H2948" s="528"/>
      <c r="I2948" s="528"/>
      <c r="J2948" s="528"/>
      <c r="K2948" s="527"/>
    </row>
    <row r="2949" spans="1:11" ht="13.7" customHeight="1">
      <c r="A2949" s="745"/>
      <c r="B2949" s="740"/>
      <c r="C2949" s="526"/>
      <c r="D2949" s="525"/>
      <c r="E2949" s="524"/>
      <c r="F2949" s="523" t="s">
        <v>651</v>
      </c>
      <c r="G2949" s="518" t="s">
        <v>651</v>
      </c>
      <c r="H2949" s="517"/>
      <c r="I2949" s="517"/>
      <c r="J2949" s="517"/>
      <c r="K2949" s="516"/>
    </row>
    <row r="2950" spans="1:11" ht="13.7" customHeight="1">
      <c r="A2950" s="739" t="s">
        <v>1686</v>
      </c>
      <c r="B2950" s="740"/>
      <c r="C2950" s="522" t="s">
        <v>193</v>
      </c>
      <c r="D2950" s="521">
        <v>15</v>
      </c>
      <c r="E2950" s="520"/>
      <c r="F2950" s="519"/>
      <c r="G2950" s="518" t="s">
        <v>651</v>
      </c>
      <c r="H2950" s="517"/>
      <c r="I2950" s="517"/>
      <c r="J2950" s="517"/>
      <c r="K2950" s="516"/>
    </row>
    <row r="2951" spans="1:11" ht="13.7" customHeight="1">
      <c r="A2951" s="741"/>
      <c r="B2951" s="742"/>
      <c r="C2951" s="515"/>
      <c r="D2951" s="514"/>
      <c r="E2951" s="513"/>
      <c r="F2951" s="512"/>
      <c r="G2951" s="511" t="s">
        <v>651</v>
      </c>
      <c r="H2951" s="510"/>
      <c r="I2951" s="510"/>
      <c r="J2951" s="510"/>
      <c r="K2951" s="509"/>
    </row>
    <row r="2952" spans="1:11" ht="13.7" customHeight="1">
      <c r="A2952" s="743" t="s">
        <v>1015</v>
      </c>
      <c r="B2952" s="744"/>
      <c r="C2952" s="533"/>
      <c r="D2952" s="532"/>
      <c r="E2952" s="531"/>
      <c r="F2952" s="530"/>
      <c r="G2952" s="529" t="s">
        <v>1014</v>
      </c>
      <c r="H2952" s="528"/>
      <c r="I2952" s="528"/>
      <c r="J2952" s="528"/>
      <c r="K2952" s="527"/>
    </row>
    <row r="2953" spans="1:11" ht="13.7" customHeight="1">
      <c r="A2953" s="745"/>
      <c r="B2953" s="740"/>
      <c r="C2953" s="526"/>
      <c r="D2953" s="525"/>
      <c r="E2953" s="524"/>
      <c r="F2953" s="523" t="s">
        <v>651</v>
      </c>
      <c r="G2953" s="518" t="s">
        <v>651</v>
      </c>
      <c r="H2953" s="517"/>
      <c r="I2953" s="517"/>
      <c r="J2953" s="517"/>
      <c r="K2953" s="516"/>
    </row>
    <row r="2954" spans="1:11" ht="13.7" customHeight="1">
      <c r="A2954" s="739" t="s">
        <v>1013</v>
      </c>
      <c r="B2954" s="740"/>
      <c r="C2954" s="522" t="s">
        <v>193</v>
      </c>
      <c r="D2954" s="521">
        <v>5</v>
      </c>
      <c r="E2954" s="520"/>
      <c r="F2954" s="519"/>
      <c r="G2954" s="518" t="s">
        <v>651</v>
      </c>
      <c r="H2954" s="517"/>
      <c r="I2954" s="517"/>
      <c r="J2954" s="517"/>
      <c r="K2954" s="516"/>
    </row>
    <row r="2955" spans="1:11" ht="13.7" customHeight="1">
      <c r="A2955" s="741"/>
      <c r="B2955" s="742"/>
      <c r="C2955" s="515"/>
      <c r="D2955" s="514"/>
      <c r="E2955" s="513"/>
      <c r="F2955" s="512"/>
      <c r="G2955" s="511" t="s">
        <v>651</v>
      </c>
      <c r="H2955" s="510"/>
      <c r="I2955" s="510"/>
      <c r="J2955" s="510"/>
      <c r="K2955" s="509"/>
    </row>
    <row r="2956" spans="1:11" ht="13.7" customHeight="1">
      <c r="A2956" s="743" t="s">
        <v>951</v>
      </c>
      <c r="B2956" s="744"/>
      <c r="C2956" s="533"/>
      <c r="D2956" s="532"/>
      <c r="E2956" s="531"/>
      <c r="F2956" s="530"/>
      <c r="G2956" s="529" t="s">
        <v>1012</v>
      </c>
      <c r="H2956" s="528"/>
      <c r="I2956" s="528"/>
      <c r="J2956" s="528"/>
      <c r="K2956" s="527"/>
    </row>
    <row r="2957" spans="1:11" ht="13.7" customHeight="1">
      <c r="A2957" s="745"/>
      <c r="B2957" s="740"/>
      <c r="C2957" s="526"/>
      <c r="D2957" s="525"/>
      <c r="E2957" s="524"/>
      <c r="F2957" s="523" t="s">
        <v>651</v>
      </c>
      <c r="G2957" s="518" t="s">
        <v>651</v>
      </c>
      <c r="H2957" s="517"/>
      <c r="I2957" s="517"/>
      <c r="J2957" s="517"/>
      <c r="K2957" s="516"/>
    </row>
    <row r="2958" spans="1:11" ht="13.7" customHeight="1">
      <c r="A2958" s="739" t="s">
        <v>1686</v>
      </c>
      <c r="B2958" s="740"/>
      <c r="C2958" s="522" t="s">
        <v>193</v>
      </c>
      <c r="D2958" s="521">
        <v>5</v>
      </c>
      <c r="E2958" s="520"/>
      <c r="F2958" s="519"/>
      <c r="G2958" s="518" t="s">
        <v>651</v>
      </c>
      <c r="H2958" s="517"/>
      <c r="I2958" s="517"/>
      <c r="J2958" s="517"/>
      <c r="K2958" s="516"/>
    </row>
    <row r="2959" spans="1:11" ht="13.7" customHeight="1">
      <c r="A2959" s="741"/>
      <c r="B2959" s="742"/>
      <c r="C2959" s="515"/>
      <c r="D2959" s="514"/>
      <c r="E2959" s="513"/>
      <c r="F2959" s="512"/>
      <c r="G2959" s="511" t="s">
        <v>651</v>
      </c>
      <c r="H2959" s="510"/>
      <c r="I2959" s="510"/>
      <c r="J2959" s="510"/>
      <c r="K2959" s="509"/>
    </row>
    <row r="2960" spans="1:11" ht="13.7" customHeight="1">
      <c r="A2960" s="743" t="s">
        <v>1116</v>
      </c>
      <c r="B2960" s="744"/>
      <c r="C2960" s="533"/>
      <c r="D2960" s="532"/>
      <c r="E2960" s="531"/>
      <c r="F2960" s="530"/>
      <c r="G2960" s="529" t="s">
        <v>1115</v>
      </c>
      <c r="H2960" s="528"/>
      <c r="I2960" s="528"/>
      <c r="J2960" s="528"/>
      <c r="K2960" s="527"/>
    </row>
    <row r="2961" spans="1:11" ht="13.7" customHeight="1">
      <c r="A2961" s="745"/>
      <c r="B2961" s="740"/>
      <c r="C2961" s="526"/>
      <c r="D2961" s="525"/>
      <c r="E2961" s="524"/>
      <c r="F2961" s="523" t="s">
        <v>651</v>
      </c>
      <c r="G2961" s="518" t="s">
        <v>651</v>
      </c>
      <c r="H2961" s="517"/>
      <c r="I2961" s="517"/>
      <c r="J2961" s="517"/>
      <c r="K2961" s="516"/>
    </row>
    <row r="2962" spans="1:11" ht="13.7" customHeight="1">
      <c r="A2962" s="739" t="s">
        <v>1114</v>
      </c>
      <c r="B2962" s="740"/>
      <c r="C2962" s="522" t="s">
        <v>193</v>
      </c>
      <c r="D2962" s="521">
        <v>3</v>
      </c>
      <c r="E2962" s="520"/>
      <c r="F2962" s="519"/>
      <c r="G2962" s="518" t="s">
        <v>651</v>
      </c>
      <c r="H2962" s="517"/>
      <c r="I2962" s="517"/>
      <c r="J2962" s="517"/>
      <c r="K2962" s="516"/>
    </row>
    <row r="2963" spans="1:11" ht="13.7" customHeight="1">
      <c r="A2963" s="741"/>
      <c r="B2963" s="742"/>
      <c r="C2963" s="515"/>
      <c r="D2963" s="514"/>
      <c r="E2963" s="513"/>
      <c r="F2963" s="512"/>
      <c r="G2963" s="511" t="s">
        <v>651</v>
      </c>
      <c r="H2963" s="510"/>
      <c r="I2963" s="510"/>
      <c r="J2963" s="510"/>
      <c r="K2963" s="509"/>
    </row>
    <row r="2964" spans="1:11" ht="13.7" customHeight="1">
      <c r="A2964" s="743" t="s">
        <v>1677</v>
      </c>
      <c r="B2964" s="744"/>
      <c r="C2964" s="533"/>
      <c r="D2964" s="532"/>
      <c r="E2964" s="531"/>
      <c r="F2964" s="530"/>
      <c r="G2964" s="529" t="s">
        <v>1011</v>
      </c>
      <c r="H2964" s="528"/>
      <c r="I2964" s="528"/>
      <c r="J2964" s="528"/>
      <c r="K2964" s="527"/>
    </row>
    <row r="2965" spans="1:11" ht="13.7" customHeight="1">
      <c r="A2965" s="745"/>
      <c r="B2965" s="740"/>
      <c r="C2965" s="526"/>
      <c r="D2965" s="525"/>
      <c r="E2965" s="524"/>
      <c r="F2965" s="523" t="s">
        <v>651</v>
      </c>
      <c r="G2965" s="518" t="s">
        <v>651</v>
      </c>
      <c r="H2965" s="517"/>
      <c r="I2965" s="517"/>
      <c r="J2965" s="517"/>
      <c r="K2965" s="516"/>
    </row>
    <row r="2966" spans="1:11" ht="13.7" customHeight="1">
      <c r="A2966" s="739" t="s">
        <v>1676</v>
      </c>
      <c r="B2966" s="740"/>
      <c r="C2966" s="522" t="s">
        <v>193</v>
      </c>
      <c r="D2966" s="521">
        <v>7</v>
      </c>
      <c r="E2966" s="520"/>
      <c r="F2966" s="519"/>
      <c r="G2966" s="518" t="s">
        <v>651</v>
      </c>
      <c r="H2966" s="517"/>
      <c r="I2966" s="517"/>
      <c r="J2966" s="517"/>
      <c r="K2966" s="516"/>
    </row>
    <row r="2967" spans="1:11" ht="13.7" customHeight="1">
      <c r="A2967" s="741"/>
      <c r="B2967" s="742"/>
      <c r="C2967" s="515"/>
      <c r="D2967" s="514"/>
      <c r="E2967" s="513"/>
      <c r="F2967" s="512"/>
      <c r="G2967" s="511" t="s">
        <v>651</v>
      </c>
      <c r="H2967" s="510"/>
      <c r="I2967" s="510"/>
      <c r="J2967" s="510"/>
      <c r="K2967" s="509"/>
    </row>
    <row r="2968" spans="1:11" ht="13.7" customHeight="1"/>
    <row r="2969" spans="1:11" ht="13.7" customHeight="1"/>
    <row r="2970" spans="1:11" ht="6.2" customHeight="1"/>
    <row r="2971" spans="1:11" ht="14.1" customHeight="1">
      <c r="A2971" s="543" t="s">
        <v>1167</v>
      </c>
      <c r="B2971" s="540" t="s">
        <v>1166</v>
      </c>
      <c r="C2971" s="540"/>
      <c r="D2971" s="540"/>
      <c r="E2971" s="540"/>
      <c r="F2971" s="540"/>
      <c r="G2971" s="542" t="s">
        <v>617</v>
      </c>
      <c r="H2971" s="541" t="s">
        <v>877</v>
      </c>
      <c r="I2971" s="540" t="s">
        <v>1007</v>
      </c>
      <c r="J2971" s="540"/>
      <c r="K2971" s="539"/>
    </row>
    <row r="2972" spans="1:11" ht="24" customHeight="1">
      <c r="A2972" s="538" t="s">
        <v>651</v>
      </c>
      <c r="B2972" s="537" t="s">
        <v>651</v>
      </c>
      <c r="C2972" s="537"/>
      <c r="D2972" s="537"/>
      <c r="E2972" s="537"/>
      <c r="F2972" s="537"/>
      <c r="G2972" s="751">
        <v>1</v>
      </c>
      <c r="H2972" s="751"/>
      <c r="I2972" s="751"/>
      <c r="J2972" s="536" t="s">
        <v>242</v>
      </c>
      <c r="K2972" s="535" t="s">
        <v>618</v>
      </c>
    </row>
    <row r="2973" spans="1:11" ht="17.100000000000001" customHeight="1">
      <c r="A2973" s="746" t="s">
        <v>1006</v>
      </c>
      <c r="B2973" s="747"/>
      <c r="C2973" s="534" t="s">
        <v>309</v>
      </c>
      <c r="D2973" s="534" t="s">
        <v>619</v>
      </c>
      <c r="E2973" s="534" t="s">
        <v>620</v>
      </c>
      <c r="F2973" s="534" t="s">
        <v>659</v>
      </c>
      <c r="G2973" s="748" t="s">
        <v>1005</v>
      </c>
      <c r="H2973" s="749"/>
      <c r="I2973" s="749"/>
      <c r="J2973" s="749"/>
      <c r="K2973" s="750"/>
    </row>
    <row r="2974" spans="1:11" ht="13.7" customHeight="1">
      <c r="A2974" s="743" t="s">
        <v>1673</v>
      </c>
      <c r="B2974" s="744"/>
      <c r="C2974" s="533"/>
      <c r="D2974" s="532"/>
      <c r="E2974" s="531"/>
      <c r="F2974" s="530"/>
      <c r="G2974" s="529" t="s">
        <v>1010</v>
      </c>
      <c r="H2974" s="528"/>
      <c r="I2974" s="528"/>
      <c r="J2974" s="528"/>
      <c r="K2974" s="527"/>
    </row>
    <row r="2975" spans="1:11" ht="13.7" customHeight="1">
      <c r="A2975" s="745"/>
      <c r="B2975" s="740"/>
      <c r="C2975" s="526"/>
      <c r="D2975" s="525"/>
      <c r="E2975" s="524"/>
      <c r="F2975" s="523" t="s">
        <v>651</v>
      </c>
      <c r="G2975" s="518" t="s">
        <v>651</v>
      </c>
      <c r="H2975" s="517"/>
      <c r="I2975" s="517"/>
      <c r="J2975" s="517"/>
      <c r="K2975" s="516"/>
    </row>
    <row r="2976" spans="1:11" ht="13.7" customHeight="1">
      <c r="A2976" s="739" t="s">
        <v>1672</v>
      </c>
      <c r="B2976" s="740"/>
      <c r="C2976" s="522" t="s">
        <v>194</v>
      </c>
      <c r="D2976" s="521">
        <v>9</v>
      </c>
      <c r="E2976" s="520"/>
      <c r="F2976" s="519"/>
      <c r="G2976" s="518" t="s">
        <v>651</v>
      </c>
      <c r="H2976" s="517"/>
      <c r="I2976" s="517"/>
      <c r="J2976" s="517"/>
      <c r="K2976" s="516"/>
    </row>
    <row r="2977" spans="1:11" ht="13.7" customHeight="1">
      <c r="A2977" s="741"/>
      <c r="B2977" s="742"/>
      <c r="C2977" s="515"/>
      <c r="D2977" s="514"/>
      <c r="E2977" s="513"/>
      <c r="F2977" s="512"/>
      <c r="G2977" s="511" t="s">
        <v>651</v>
      </c>
      <c r="H2977" s="510"/>
      <c r="I2977" s="510"/>
      <c r="J2977" s="510"/>
      <c r="K2977" s="509"/>
    </row>
    <row r="2978" spans="1:11" ht="13.7" customHeight="1">
      <c r="A2978" s="743" t="s">
        <v>880</v>
      </c>
      <c r="B2978" s="744"/>
      <c r="C2978" s="533"/>
      <c r="D2978" s="532"/>
      <c r="E2978" s="531"/>
      <c r="F2978" s="530"/>
      <c r="G2978" s="529" t="s">
        <v>1004</v>
      </c>
      <c r="H2978" s="528"/>
      <c r="I2978" s="528"/>
      <c r="J2978" s="528"/>
      <c r="K2978" s="527"/>
    </row>
    <row r="2979" spans="1:11" ht="13.7" customHeight="1">
      <c r="A2979" s="745"/>
      <c r="B2979" s="740"/>
      <c r="C2979" s="526"/>
      <c r="D2979" s="525"/>
      <c r="E2979" s="524"/>
      <c r="F2979" s="523" t="s">
        <v>651</v>
      </c>
      <c r="G2979" s="518" t="s">
        <v>651</v>
      </c>
      <c r="H2979" s="517"/>
      <c r="I2979" s="517"/>
      <c r="J2979" s="517"/>
      <c r="K2979" s="516"/>
    </row>
    <row r="2980" spans="1:11" ht="13.7" customHeight="1">
      <c r="A2980" s="739" t="s">
        <v>1695</v>
      </c>
      <c r="B2980" s="740"/>
      <c r="C2980" s="522" t="s">
        <v>193</v>
      </c>
      <c r="D2980" s="521">
        <v>0.5</v>
      </c>
      <c r="E2980" s="520"/>
      <c r="F2980" s="519"/>
      <c r="G2980" s="518" t="s">
        <v>651</v>
      </c>
      <c r="H2980" s="517"/>
      <c r="I2980" s="517"/>
      <c r="J2980" s="517"/>
      <c r="K2980" s="516"/>
    </row>
    <row r="2981" spans="1:11" ht="13.7" customHeight="1">
      <c r="A2981" s="741"/>
      <c r="B2981" s="742"/>
      <c r="C2981" s="515"/>
      <c r="D2981" s="514"/>
      <c r="E2981" s="513"/>
      <c r="F2981" s="512"/>
      <c r="G2981" s="511" t="s">
        <v>651</v>
      </c>
      <c r="H2981" s="510"/>
      <c r="I2981" s="510"/>
      <c r="J2981" s="510"/>
      <c r="K2981" s="509"/>
    </row>
    <row r="2982" spans="1:11" ht="13.7" customHeight="1">
      <c r="A2982" s="743" t="s">
        <v>981</v>
      </c>
      <c r="B2982" s="744"/>
      <c r="C2982" s="533"/>
      <c r="D2982" s="532"/>
      <c r="E2982" s="531"/>
      <c r="F2982" s="530"/>
      <c r="G2982" s="529" t="s">
        <v>1003</v>
      </c>
      <c r="H2982" s="528"/>
      <c r="I2982" s="528"/>
      <c r="J2982" s="528"/>
      <c r="K2982" s="527"/>
    </row>
    <row r="2983" spans="1:11" ht="13.7" customHeight="1">
      <c r="A2983" s="745"/>
      <c r="B2983" s="740"/>
      <c r="C2983" s="526"/>
      <c r="D2983" s="525"/>
      <c r="E2983" s="524"/>
      <c r="F2983" s="523" t="s">
        <v>651</v>
      </c>
      <c r="G2983" s="518" t="s">
        <v>651</v>
      </c>
      <c r="H2983" s="517"/>
      <c r="I2983" s="517"/>
      <c r="J2983" s="517"/>
      <c r="K2983" s="516"/>
    </row>
    <row r="2984" spans="1:11" ht="13.7" customHeight="1">
      <c r="A2984" s="739" t="s">
        <v>1691</v>
      </c>
      <c r="B2984" s="740"/>
      <c r="C2984" s="522" t="s">
        <v>193</v>
      </c>
      <c r="D2984" s="521">
        <v>0.5</v>
      </c>
      <c r="E2984" s="520"/>
      <c r="F2984" s="519"/>
      <c r="G2984" s="518" t="s">
        <v>651</v>
      </c>
      <c r="H2984" s="517"/>
      <c r="I2984" s="517"/>
      <c r="J2984" s="517"/>
      <c r="K2984" s="516"/>
    </row>
    <row r="2985" spans="1:11" ht="13.7" customHeight="1">
      <c r="A2985" s="741"/>
      <c r="B2985" s="742"/>
      <c r="C2985" s="515"/>
      <c r="D2985" s="514"/>
      <c r="E2985" s="513"/>
      <c r="F2985" s="512"/>
      <c r="G2985" s="511" t="s">
        <v>651</v>
      </c>
      <c r="H2985" s="510"/>
      <c r="I2985" s="510"/>
      <c r="J2985" s="510"/>
      <c r="K2985" s="509"/>
    </row>
    <row r="2986" spans="1:11" ht="13.7" customHeight="1">
      <c r="A2986" s="743" t="s">
        <v>651</v>
      </c>
      <c r="B2986" s="744"/>
      <c r="C2986" s="533"/>
      <c r="D2986" s="532"/>
      <c r="E2986" s="531"/>
      <c r="F2986" s="530"/>
      <c r="G2986" s="529" t="s">
        <v>651</v>
      </c>
      <c r="H2986" s="528"/>
      <c r="I2986" s="528"/>
      <c r="J2986" s="528"/>
      <c r="K2986" s="527"/>
    </row>
    <row r="2987" spans="1:11" ht="13.7" customHeight="1">
      <c r="A2987" s="745"/>
      <c r="B2987" s="740"/>
      <c r="C2987" s="526"/>
      <c r="D2987" s="525"/>
      <c r="E2987" s="524"/>
      <c r="F2987" s="523" t="s">
        <v>651</v>
      </c>
      <c r="G2987" s="518" t="s">
        <v>651</v>
      </c>
      <c r="H2987" s="517"/>
      <c r="I2987" s="517"/>
      <c r="J2987" s="517"/>
      <c r="K2987" s="516"/>
    </row>
    <row r="2988" spans="1:11" ht="13.7" customHeight="1">
      <c r="A2988" s="739" t="s">
        <v>652</v>
      </c>
      <c r="B2988" s="740"/>
      <c r="C2988" s="522" t="s">
        <v>242</v>
      </c>
      <c r="D2988" s="521">
        <v>1</v>
      </c>
      <c r="E2988" s="520"/>
      <c r="F2988" s="519"/>
      <c r="G2988" s="518" t="s">
        <v>651</v>
      </c>
      <c r="H2988" s="517"/>
      <c r="I2988" s="517"/>
      <c r="J2988" s="517"/>
      <c r="K2988" s="516"/>
    </row>
    <row r="2989" spans="1:11" ht="13.7" customHeight="1">
      <c r="A2989" s="741"/>
      <c r="B2989" s="742"/>
      <c r="C2989" s="515"/>
      <c r="D2989" s="514"/>
      <c r="E2989" s="513"/>
      <c r="F2989" s="512"/>
      <c r="G2989" s="511" t="s">
        <v>651</v>
      </c>
      <c r="H2989" s="510"/>
      <c r="I2989" s="510"/>
      <c r="J2989" s="510"/>
      <c r="K2989" s="509"/>
    </row>
    <row r="2990" spans="1:11" ht="13.7" customHeight="1">
      <c r="A2990" s="743" t="s">
        <v>651</v>
      </c>
      <c r="B2990" s="744"/>
      <c r="C2990" s="533"/>
      <c r="D2990" s="532"/>
      <c r="E2990" s="531"/>
      <c r="F2990" s="530"/>
      <c r="G2990" s="529" t="s">
        <v>651</v>
      </c>
      <c r="H2990" s="528"/>
      <c r="I2990" s="528"/>
      <c r="J2990" s="528"/>
      <c r="K2990" s="527"/>
    </row>
    <row r="2991" spans="1:11" ht="13.7" customHeight="1">
      <c r="A2991" s="745"/>
      <c r="B2991" s="740"/>
      <c r="C2991" s="526"/>
      <c r="D2991" s="525"/>
      <c r="E2991" s="524"/>
      <c r="F2991" s="523" t="s">
        <v>651</v>
      </c>
      <c r="G2991" s="518" t="s">
        <v>651</v>
      </c>
      <c r="H2991" s="517"/>
      <c r="I2991" s="517"/>
      <c r="J2991" s="517"/>
      <c r="K2991" s="516"/>
    </row>
    <row r="2992" spans="1:11" ht="13.7" customHeight="1">
      <c r="A2992" s="739" t="s">
        <v>681</v>
      </c>
      <c r="B2992" s="740"/>
      <c r="C2992" s="522" t="s">
        <v>242</v>
      </c>
      <c r="D2992" s="521">
        <v>1</v>
      </c>
      <c r="E2992" s="520" t="s">
        <v>1002</v>
      </c>
      <c r="F2992" s="519"/>
      <c r="G2992" s="518" t="s">
        <v>651</v>
      </c>
      <c r="H2992" s="517"/>
      <c r="I2992" s="517"/>
      <c r="J2992" s="517"/>
      <c r="K2992" s="516"/>
    </row>
    <row r="2993" spans="1:11" ht="13.7" customHeight="1">
      <c r="A2993" s="741"/>
      <c r="B2993" s="742"/>
      <c r="C2993" s="515"/>
      <c r="D2993" s="514"/>
      <c r="E2993" s="513"/>
      <c r="F2993" s="512"/>
      <c r="G2993" s="511" t="s">
        <v>651</v>
      </c>
      <c r="H2993" s="510"/>
      <c r="I2993" s="510"/>
      <c r="J2993" s="510"/>
      <c r="K2993" s="509"/>
    </row>
    <row r="2994" spans="1:11" ht="13.7" customHeight="1"/>
    <row r="2995" spans="1:11" ht="13.7" customHeight="1"/>
    <row r="2996" spans="1:11" ht="13.7" customHeight="1"/>
    <row r="2997" spans="1:11" ht="13.7" customHeight="1"/>
    <row r="2998" spans="1:11" ht="13.7" customHeight="1"/>
    <row r="2999" spans="1:11" ht="13.7" customHeight="1"/>
    <row r="3000" spans="1:11" ht="13.7" customHeight="1"/>
    <row r="3001" spans="1:11" ht="13.7" customHeight="1"/>
    <row r="3002" spans="1:11" ht="13.7" customHeight="1"/>
    <row r="3003" spans="1:11" ht="13.7" customHeight="1"/>
    <row r="3004" spans="1:11" ht="13.7" customHeight="1"/>
    <row r="3005" spans="1:11" ht="13.7" customHeight="1"/>
    <row r="3006" spans="1:11" ht="13.7" customHeight="1"/>
    <row r="3007" spans="1:11" ht="13.7" customHeight="1"/>
    <row r="3008" spans="1:11" ht="6.2" customHeight="1"/>
    <row r="3009" spans="1:11" ht="14.1" customHeight="1">
      <c r="A3009" s="543" t="s">
        <v>1165</v>
      </c>
      <c r="B3009" s="540" t="s">
        <v>1116</v>
      </c>
      <c r="C3009" s="540"/>
      <c r="D3009" s="540"/>
      <c r="E3009" s="540"/>
      <c r="F3009" s="540"/>
      <c r="G3009" s="542" t="s">
        <v>617</v>
      </c>
      <c r="H3009" s="541" t="s">
        <v>876</v>
      </c>
      <c r="I3009" s="540" t="s">
        <v>1007</v>
      </c>
      <c r="J3009" s="540"/>
      <c r="K3009" s="539"/>
    </row>
    <row r="3010" spans="1:11" ht="24" customHeight="1">
      <c r="A3010" s="538" t="s">
        <v>651</v>
      </c>
      <c r="B3010" s="537" t="s">
        <v>1114</v>
      </c>
      <c r="C3010" s="537"/>
      <c r="D3010" s="537"/>
      <c r="E3010" s="537"/>
      <c r="F3010" s="537"/>
      <c r="G3010" s="751">
        <v>100</v>
      </c>
      <c r="H3010" s="751"/>
      <c r="I3010" s="751"/>
      <c r="J3010" s="536" t="s">
        <v>193</v>
      </c>
      <c r="K3010" s="535" t="s">
        <v>618</v>
      </c>
    </row>
    <row r="3011" spans="1:11" ht="17.100000000000001" customHeight="1">
      <c r="A3011" s="746" t="s">
        <v>1006</v>
      </c>
      <c r="B3011" s="747"/>
      <c r="C3011" s="534" t="s">
        <v>309</v>
      </c>
      <c r="D3011" s="534" t="s">
        <v>619</v>
      </c>
      <c r="E3011" s="534" t="s">
        <v>620</v>
      </c>
      <c r="F3011" s="534" t="s">
        <v>659</v>
      </c>
      <c r="G3011" s="748" t="s">
        <v>1005</v>
      </c>
      <c r="H3011" s="749"/>
      <c r="I3011" s="749"/>
      <c r="J3011" s="749"/>
      <c r="K3011" s="750"/>
    </row>
    <row r="3012" spans="1:11" ht="13.7" customHeight="1">
      <c r="A3012" s="743" t="s">
        <v>725</v>
      </c>
      <c r="B3012" s="744"/>
      <c r="C3012" s="533"/>
      <c r="D3012" s="532"/>
      <c r="E3012" s="531"/>
      <c r="F3012" s="530"/>
      <c r="G3012" s="529" t="s">
        <v>651</v>
      </c>
      <c r="H3012" s="528"/>
      <c r="I3012" s="528"/>
      <c r="J3012" s="528"/>
      <c r="K3012" s="527"/>
    </row>
    <row r="3013" spans="1:11" ht="13.7" customHeight="1">
      <c r="A3013" s="745"/>
      <c r="B3013" s="740"/>
      <c r="C3013" s="526"/>
      <c r="D3013" s="525"/>
      <c r="E3013" s="524"/>
      <c r="F3013" s="523" t="s">
        <v>651</v>
      </c>
      <c r="G3013" s="518" t="s">
        <v>651</v>
      </c>
      <c r="H3013" s="517"/>
      <c r="I3013" s="517"/>
      <c r="J3013" s="517"/>
      <c r="K3013" s="516"/>
    </row>
    <row r="3014" spans="1:11" ht="13.7" customHeight="1">
      <c r="A3014" s="739" t="s">
        <v>651</v>
      </c>
      <c r="B3014" s="740"/>
      <c r="C3014" s="522" t="s">
        <v>248</v>
      </c>
      <c r="D3014" s="521"/>
      <c r="E3014" s="520"/>
      <c r="F3014" s="519"/>
      <c r="G3014" s="518" t="s">
        <v>651</v>
      </c>
      <c r="H3014" s="517"/>
      <c r="I3014" s="517"/>
      <c r="J3014" s="517"/>
      <c r="K3014" s="516"/>
    </row>
    <row r="3015" spans="1:11" ht="13.7" customHeight="1">
      <c r="A3015" s="741"/>
      <c r="B3015" s="742"/>
      <c r="C3015" s="515"/>
      <c r="D3015" s="514"/>
      <c r="E3015" s="513"/>
      <c r="F3015" s="512"/>
      <c r="G3015" s="511" t="s">
        <v>651</v>
      </c>
      <c r="H3015" s="510"/>
      <c r="I3015" s="510"/>
      <c r="J3015" s="510"/>
      <c r="K3015" s="509"/>
    </row>
    <row r="3016" spans="1:11" ht="13.7" customHeight="1">
      <c r="A3016" s="743" t="s">
        <v>250</v>
      </c>
      <c r="B3016" s="744"/>
      <c r="C3016" s="533"/>
      <c r="D3016" s="532"/>
      <c r="E3016" s="531"/>
      <c r="F3016" s="530"/>
      <c r="G3016" s="529" t="s">
        <v>651</v>
      </c>
      <c r="H3016" s="528"/>
      <c r="I3016" s="528"/>
      <c r="J3016" s="528"/>
      <c r="K3016" s="527"/>
    </row>
    <row r="3017" spans="1:11" ht="13.7" customHeight="1">
      <c r="A3017" s="745"/>
      <c r="B3017" s="740"/>
      <c r="C3017" s="526"/>
      <c r="D3017" s="525"/>
      <c r="E3017" s="524"/>
      <c r="F3017" s="523" t="s">
        <v>651</v>
      </c>
      <c r="G3017" s="518" t="s">
        <v>651</v>
      </c>
      <c r="H3017" s="517"/>
      <c r="I3017" s="517"/>
      <c r="J3017" s="517"/>
      <c r="K3017" s="516"/>
    </row>
    <row r="3018" spans="1:11" ht="13.7" customHeight="1">
      <c r="A3018" s="739" t="s">
        <v>651</v>
      </c>
      <c r="B3018" s="740"/>
      <c r="C3018" s="522" t="s">
        <v>248</v>
      </c>
      <c r="D3018" s="521"/>
      <c r="E3018" s="520"/>
      <c r="F3018" s="519"/>
      <c r="G3018" s="518" t="s">
        <v>651</v>
      </c>
      <c r="H3018" s="517"/>
      <c r="I3018" s="517"/>
      <c r="J3018" s="517"/>
      <c r="K3018" s="516"/>
    </row>
    <row r="3019" spans="1:11" ht="13.7" customHeight="1">
      <c r="A3019" s="741"/>
      <c r="B3019" s="742"/>
      <c r="C3019" s="515"/>
      <c r="D3019" s="514"/>
      <c r="E3019" s="513"/>
      <c r="F3019" s="512"/>
      <c r="G3019" s="511" t="s">
        <v>651</v>
      </c>
      <c r="H3019" s="510"/>
      <c r="I3019" s="510"/>
      <c r="J3019" s="510"/>
      <c r="K3019" s="509"/>
    </row>
    <row r="3020" spans="1:11" ht="13.7" customHeight="1">
      <c r="A3020" s="743" t="s">
        <v>250</v>
      </c>
      <c r="B3020" s="744"/>
      <c r="C3020" s="533"/>
      <c r="D3020" s="532"/>
      <c r="E3020" s="531"/>
      <c r="F3020" s="530"/>
      <c r="G3020" s="529" t="s">
        <v>651</v>
      </c>
      <c r="H3020" s="528"/>
      <c r="I3020" s="528"/>
      <c r="J3020" s="528"/>
      <c r="K3020" s="527"/>
    </row>
    <row r="3021" spans="1:11" ht="13.7" customHeight="1">
      <c r="A3021" s="745"/>
      <c r="B3021" s="740"/>
      <c r="C3021" s="526"/>
      <c r="D3021" s="525"/>
      <c r="E3021" s="524"/>
      <c r="F3021" s="523" t="s">
        <v>651</v>
      </c>
      <c r="G3021" s="518" t="s">
        <v>651</v>
      </c>
      <c r="H3021" s="517"/>
      <c r="I3021" s="517"/>
      <c r="J3021" s="517"/>
      <c r="K3021" s="516"/>
    </row>
    <row r="3022" spans="1:11" ht="13.7" customHeight="1">
      <c r="A3022" s="739" t="s">
        <v>651</v>
      </c>
      <c r="B3022" s="740"/>
      <c r="C3022" s="522" t="s">
        <v>248</v>
      </c>
      <c r="D3022" s="521"/>
      <c r="E3022" s="520"/>
      <c r="F3022" s="519"/>
      <c r="G3022" s="518" t="s">
        <v>651</v>
      </c>
      <c r="H3022" s="517"/>
      <c r="I3022" s="517"/>
      <c r="J3022" s="517"/>
      <c r="K3022" s="516"/>
    </row>
    <row r="3023" spans="1:11" ht="13.7" customHeight="1">
      <c r="A3023" s="741"/>
      <c r="B3023" s="742"/>
      <c r="C3023" s="515"/>
      <c r="D3023" s="514"/>
      <c r="E3023" s="513"/>
      <c r="F3023" s="512"/>
      <c r="G3023" s="511" t="s">
        <v>651</v>
      </c>
      <c r="H3023" s="510"/>
      <c r="I3023" s="510"/>
      <c r="J3023" s="510"/>
      <c r="K3023" s="509"/>
    </row>
    <row r="3024" spans="1:11" ht="13.7" customHeight="1">
      <c r="A3024" s="743" t="s">
        <v>887</v>
      </c>
      <c r="B3024" s="744"/>
      <c r="C3024" s="533"/>
      <c r="D3024" s="532"/>
      <c r="E3024" s="531"/>
      <c r="F3024" s="530"/>
      <c r="G3024" s="529" t="s">
        <v>651</v>
      </c>
      <c r="H3024" s="528"/>
      <c r="I3024" s="528"/>
      <c r="J3024" s="528"/>
      <c r="K3024" s="527"/>
    </row>
    <row r="3025" spans="1:11" ht="13.7" customHeight="1">
      <c r="A3025" s="745"/>
      <c r="B3025" s="740"/>
      <c r="C3025" s="526"/>
      <c r="D3025" s="525"/>
      <c r="E3025" s="524"/>
      <c r="F3025" s="523" t="s">
        <v>651</v>
      </c>
      <c r="G3025" s="518" t="s">
        <v>651</v>
      </c>
      <c r="H3025" s="517"/>
      <c r="I3025" s="517"/>
      <c r="J3025" s="517"/>
      <c r="K3025" s="516"/>
    </row>
    <row r="3026" spans="1:11" ht="13.7" customHeight="1">
      <c r="A3026" s="739" t="s">
        <v>884</v>
      </c>
      <c r="B3026" s="740"/>
      <c r="C3026" s="522" t="s">
        <v>193</v>
      </c>
      <c r="D3026" s="521">
        <v>126</v>
      </c>
      <c r="E3026" s="520"/>
      <c r="F3026" s="519"/>
      <c r="G3026" s="518" t="s">
        <v>651</v>
      </c>
      <c r="H3026" s="517"/>
      <c r="I3026" s="517"/>
      <c r="J3026" s="517"/>
      <c r="K3026" s="516"/>
    </row>
    <row r="3027" spans="1:11" ht="13.7" customHeight="1">
      <c r="A3027" s="741"/>
      <c r="B3027" s="742"/>
      <c r="C3027" s="515"/>
      <c r="D3027" s="514"/>
      <c r="E3027" s="513"/>
      <c r="F3027" s="512"/>
      <c r="G3027" s="511" t="s">
        <v>651</v>
      </c>
      <c r="H3027" s="510"/>
      <c r="I3027" s="510"/>
      <c r="J3027" s="510"/>
      <c r="K3027" s="509"/>
    </row>
    <row r="3028" spans="1:11" ht="13.7" customHeight="1">
      <c r="A3028" s="743" t="s">
        <v>733</v>
      </c>
      <c r="B3028" s="744"/>
      <c r="C3028" s="533"/>
      <c r="D3028" s="532"/>
      <c r="E3028" s="531"/>
      <c r="F3028" s="530"/>
      <c r="G3028" s="529" t="s">
        <v>734</v>
      </c>
      <c r="H3028" s="528"/>
      <c r="I3028" s="528"/>
      <c r="J3028" s="528"/>
      <c r="K3028" s="527"/>
    </row>
    <row r="3029" spans="1:11" ht="13.7" customHeight="1">
      <c r="A3029" s="745"/>
      <c r="B3029" s="740"/>
      <c r="C3029" s="526"/>
      <c r="D3029" s="525"/>
      <c r="E3029" s="524"/>
      <c r="F3029" s="523" t="s">
        <v>651</v>
      </c>
      <c r="G3029" s="518" t="s">
        <v>651</v>
      </c>
      <c r="H3029" s="517"/>
      <c r="I3029" s="517"/>
      <c r="J3029" s="517"/>
      <c r="K3029" s="516"/>
    </row>
    <row r="3030" spans="1:11" ht="13.7" customHeight="1">
      <c r="A3030" s="739" t="s">
        <v>1661</v>
      </c>
      <c r="B3030" s="740"/>
      <c r="C3030" s="522" t="s">
        <v>731</v>
      </c>
      <c r="D3030" s="521"/>
      <c r="E3030" s="520"/>
      <c r="F3030" s="519"/>
      <c r="G3030" s="518" t="s">
        <v>651</v>
      </c>
      <c r="H3030" s="517"/>
      <c r="I3030" s="517"/>
      <c r="J3030" s="517"/>
      <c r="K3030" s="516"/>
    </row>
    <row r="3031" spans="1:11" ht="13.7" customHeight="1">
      <c r="A3031" s="741"/>
      <c r="B3031" s="742"/>
      <c r="C3031" s="515"/>
      <c r="D3031" s="514"/>
      <c r="E3031" s="513"/>
      <c r="F3031" s="512"/>
      <c r="G3031" s="511" t="s">
        <v>651</v>
      </c>
      <c r="H3031" s="510"/>
      <c r="I3031" s="510"/>
      <c r="J3031" s="510"/>
      <c r="K3031" s="509"/>
    </row>
    <row r="3032" spans="1:11" ht="13.7" customHeight="1">
      <c r="A3032" s="743" t="s">
        <v>953</v>
      </c>
      <c r="B3032" s="744"/>
      <c r="C3032" s="533"/>
      <c r="D3032" s="532"/>
      <c r="E3032" s="531"/>
      <c r="F3032" s="530"/>
      <c r="G3032" s="529" t="s">
        <v>952</v>
      </c>
      <c r="H3032" s="528"/>
      <c r="I3032" s="528"/>
      <c r="J3032" s="528"/>
      <c r="K3032" s="527"/>
    </row>
    <row r="3033" spans="1:11" ht="13.7" customHeight="1">
      <c r="A3033" s="745"/>
      <c r="B3033" s="740"/>
      <c r="C3033" s="526"/>
      <c r="D3033" s="525"/>
      <c r="E3033" s="524"/>
      <c r="F3033" s="523" t="s">
        <v>651</v>
      </c>
      <c r="G3033" s="518" t="s">
        <v>651</v>
      </c>
      <c r="H3033" s="517"/>
      <c r="I3033" s="517"/>
      <c r="J3033" s="517"/>
      <c r="K3033" s="516"/>
    </row>
    <row r="3034" spans="1:11" ht="13.7" customHeight="1">
      <c r="A3034" s="739" t="s">
        <v>651</v>
      </c>
      <c r="B3034" s="740"/>
      <c r="C3034" s="522" t="s">
        <v>193</v>
      </c>
      <c r="D3034" s="521">
        <v>100</v>
      </c>
      <c r="E3034" s="520"/>
      <c r="F3034" s="519"/>
      <c r="G3034" s="518" t="s">
        <v>651</v>
      </c>
      <c r="H3034" s="517"/>
      <c r="I3034" s="517"/>
      <c r="J3034" s="517"/>
      <c r="K3034" s="516"/>
    </row>
    <row r="3035" spans="1:11" ht="13.7" customHeight="1">
      <c r="A3035" s="741"/>
      <c r="B3035" s="742"/>
      <c r="C3035" s="515"/>
      <c r="D3035" s="514"/>
      <c r="E3035" s="513"/>
      <c r="F3035" s="512"/>
      <c r="G3035" s="511" t="s">
        <v>651</v>
      </c>
      <c r="H3035" s="510"/>
      <c r="I3035" s="510"/>
      <c r="J3035" s="510"/>
      <c r="K3035" s="509"/>
    </row>
    <row r="3036" spans="1:11" ht="13.7" customHeight="1">
      <c r="A3036" s="743" t="s">
        <v>700</v>
      </c>
      <c r="B3036" s="744"/>
      <c r="C3036" s="533"/>
      <c r="D3036" s="532"/>
      <c r="E3036" s="531"/>
      <c r="F3036" s="530"/>
      <c r="G3036" s="529" t="s">
        <v>651</v>
      </c>
      <c r="H3036" s="528"/>
      <c r="I3036" s="528"/>
      <c r="J3036" s="528"/>
      <c r="K3036" s="527"/>
    </row>
    <row r="3037" spans="1:11" ht="13.7" customHeight="1">
      <c r="A3037" s="745"/>
      <c r="B3037" s="740"/>
      <c r="C3037" s="526"/>
      <c r="D3037" s="525"/>
      <c r="E3037" s="524"/>
      <c r="F3037" s="523" t="s">
        <v>651</v>
      </c>
      <c r="G3037" s="518" t="s">
        <v>651</v>
      </c>
      <c r="H3037" s="517"/>
      <c r="I3037" s="517"/>
      <c r="J3037" s="517"/>
      <c r="K3037" s="516"/>
    </row>
    <row r="3038" spans="1:11" ht="13.7" customHeight="1">
      <c r="A3038" s="739" t="s">
        <v>651</v>
      </c>
      <c r="B3038" s="740"/>
      <c r="C3038" s="522" t="s">
        <v>242</v>
      </c>
      <c r="D3038" s="521">
        <v>1</v>
      </c>
      <c r="E3038" s="520"/>
      <c r="F3038" s="519"/>
      <c r="G3038" s="518" t="s">
        <v>651</v>
      </c>
      <c r="H3038" s="517"/>
      <c r="I3038" s="517"/>
      <c r="J3038" s="517"/>
      <c r="K3038" s="516"/>
    </row>
    <row r="3039" spans="1:11" ht="13.7" customHeight="1">
      <c r="A3039" s="741"/>
      <c r="B3039" s="742"/>
      <c r="C3039" s="515"/>
      <c r="D3039" s="514"/>
      <c r="E3039" s="513"/>
      <c r="F3039" s="512"/>
      <c r="G3039" s="511" t="s">
        <v>651</v>
      </c>
      <c r="H3039" s="510"/>
      <c r="I3039" s="510"/>
      <c r="J3039" s="510"/>
      <c r="K3039" s="509"/>
    </row>
    <row r="3040" spans="1:11" ht="13.7" customHeight="1">
      <c r="A3040" s="743" t="s">
        <v>651</v>
      </c>
      <c r="B3040" s="744"/>
      <c r="C3040" s="533"/>
      <c r="D3040" s="532"/>
      <c r="E3040" s="531"/>
      <c r="F3040" s="530"/>
      <c r="G3040" s="529" t="s">
        <v>651</v>
      </c>
      <c r="H3040" s="528"/>
      <c r="I3040" s="528"/>
      <c r="J3040" s="528"/>
      <c r="K3040" s="527"/>
    </row>
    <row r="3041" spans="1:11" ht="13.7" customHeight="1">
      <c r="A3041" s="745"/>
      <c r="B3041" s="740"/>
      <c r="C3041" s="526"/>
      <c r="D3041" s="525"/>
      <c r="E3041" s="524"/>
      <c r="F3041" s="523" t="s">
        <v>651</v>
      </c>
      <c r="G3041" s="518" t="s">
        <v>651</v>
      </c>
      <c r="H3041" s="517"/>
      <c r="I3041" s="517"/>
      <c r="J3041" s="517"/>
      <c r="K3041" s="516"/>
    </row>
    <row r="3042" spans="1:11" ht="13.7" customHeight="1">
      <c r="A3042" s="739" t="s">
        <v>652</v>
      </c>
      <c r="B3042" s="740"/>
      <c r="C3042" s="522" t="s">
        <v>193</v>
      </c>
      <c r="D3042" s="521">
        <v>100</v>
      </c>
      <c r="E3042" s="520"/>
      <c r="F3042" s="519"/>
      <c r="G3042" s="518" t="s">
        <v>651</v>
      </c>
      <c r="H3042" s="517"/>
      <c r="I3042" s="517"/>
      <c r="J3042" s="517"/>
      <c r="K3042" s="516"/>
    </row>
    <row r="3043" spans="1:11" ht="13.7" customHeight="1">
      <c r="A3043" s="741"/>
      <c r="B3043" s="742"/>
      <c r="C3043" s="515"/>
      <c r="D3043" s="514"/>
      <c r="E3043" s="513"/>
      <c r="F3043" s="512"/>
      <c r="G3043" s="511" t="s">
        <v>651</v>
      </c>
      <c r="H3043" s="510"/>
      <c r="I3043" s="510"/>
      <c r="J3043" s="510"/>
      <c r="K3043" s="509"/>
    </row>
    <row r="3044" spans="1:11" ht="13.7" customHeight="1"/>
    <row r="3045" spans="1:11" ht="13.7" customHeight="1"/>
    <row r="3046" spans="1:11" ht="6.2" customHeight="1"/>
    <row r="3047" spans="1:11" ht="14.1" customHeight="1">
      <c r="A3047" s="543" t="s">
        <v>1165</v>
      </c>
      <c r="B3047" s="540" t="s">
        <v>1116</v>
      </c>
      <c r="C3047" s="540"/>
      <c r="D3047" s="540"/>
      <c r="E3047" s="540"/>
      <c r="F3047" s="540"/>
      <c r="G3047" s="542" t="s">
        <v>617</v>
      </c>
      <c r="H3047" s="541" t="s">
        <v>876</v>
      </c>
      <c r="I3047" s="540" t="s">
        <v>1007</v>
      </c>
      <c r="J3047" s="540"/>
      <c r="K3047" s="539"/>
    </row>
    <row r="3048" spans="1:11" ht="24" customHeight="1">
      <c r="A3048" s="538" t="s">
        <v>651</v>
      </c>
      <c r="B3048" s="537" t="s">
        <v>1114</v>
      </c>
      <c r="C3048" s="537"/>
      <c r="D3048" s="537"/>
      <c r="E3048" s="537"/>
      <c r="F3048" s="537"/>
      <c r="G3048" s="751">
        <v>100</v>
      </c>
      <c r="H3048" s="751"/>
      <c r="I3048" s="751"/>
      <c r="J3048" s="536" t="s">
        <v>193</v>
      </c>
      <c r="K3048" s="535" t="s">
        <v>618</v>
      </c>
    </row>
    <row r="3049" spans="1:11" ht="17.100000000000001" customHeight="1">
      <c r="A3049" s="746" t="s">
        <v>1006</v>
      </c>
      <c r="B3049" s="747"/>
      <c r="C3049" s="534" t="s">
        <v>309</v>
      </c>
      <c r="D3049" s="534" t="s">
        <v>619</v>
      </c>
      <c r="E3049" s="534" t="s">
        <v>620</v>
      </c>
      <c r="F3049" s="534" t="s">
        <v>659</v>
      </c>
      <c r="G3049" s="748" t="s">
        <v>1005</v>
      </c>
      <c r="H3049" s="749"/>
      <c r="I3049" s="749"/>
      <c r="J3049" s="749"/>
      <c r="K3049" s="750"/>
    </row>
    <row r="3050" spans="1:11" ht="13.7" customHeight="1">
      <c r="A3050" s="743" t="s">
        <v>651</v>
      </c>
      <c r="B3050" s="744"/>
      <c r="C3050" s="533"/>
      <c r="D3050" s="532"/>
      <c r="E3050" s="531"/>
      <c r="F3050" s="530"/>
      <c r="G3050" s="529" t="s">
        <v>651</v>
      </c>
      <c r="H3050" s="528"/>
      <c r="I3050" s="528"/>
      <c r="J3050" s="528"/>
      <c r="K3050" s="527"/>
    </row>
    <row r="3051" spans="1:11" ht="13.7" customHeight="1">
      <c r="A3051" s="745"/>
      <c r="B3051" s="740"/>
      <c r="C3051" s="526"/>
      <c r="D3051" s="525"/>
      <c r="E3051" s="524"/>
      <c r="F3051" s="523" t="s">
        <v>651</v>
      </c>
      <c r="G3051" s="518" t="s">
        <v>651</v>
      </c>
      <c r="H3051" s="517"/>
      <c r="I3051" s="517"/>
      <c r="J3051" s="517"/>
      <c r="K3051" s="516"/>
    </row>
    <row r="3052" spans="1:11" ht="13.7" customHeight="1">
      <c r="A3052" s="739" t="s">
        <v>681</v>
      </c>
      <c r="B3052" s="740"/>
      <c r="C3052" s="522" t="s">
        <v>193</v>
      </c>
      <c r="D3052" s="521">
        <v>1</v>
      </c>
      <c r="E3052" s="520" t="s">
        <v>1002</v>
      </c>
      <c r="F3052" s="519"/>
      <c r="G3052" s="518" t="s">
        <v>651</v>
      </c>
      <c r="H3052" s="517"/>
      <c r="I3052" s="517"/>
      <c r="J3052" s="517"/>
      <c r="K3052" s="516"/>
    </row>
    <row r="3053" spans="1:11" ht="13.7" customHeight="1">
      <c r="A3053" s="741"/>
      <c r="B3053" s="742"/>
      <c r="C3053" s="515"/>
      <c r="D3053" s="514"/>
      <c r="E3053" s="513"/>
      <c r="F3053" s="512"/>
      <c r="G3053" s="511" t="s">
        <v>651</v>
      </c>
      <c r="H3053" s="510"/>
      <c r="I3053" s="510"/>
      <c r="J3053" s="510"/>
      <c r="K3053" s="509"/>
    </row>
    <row r="3054" spans="1:11" ht="54.95" customHeight="1"/>
    <row r="3055" spans="1:11" ht="14.1" customHeight="1">
      <c r="A3055" s="543" t="s">
        <v>1164</v>
      </c>
      <c r="B3055" s="540" t="s">
        <v>1163</v>
      </c>
      <c r="C3055" s="540"/>
      <c r="D3055" s="540"/>
      <c r="E3055" s="540"/>
      <c r="F3055" s="540"/>
      <c r="G3055" s="542" t="s">
        <v>617</v>
      </c>
      <c r="H3055" s="541" t="s">
        <v>875</v>
      </c>
      <c r="I3055" s="540" t="s">
        <v>1007</v>
      </c>
      <c r="J3055" s="540"/>
      <c r="K3055" s="539"/>
    </row>
    <row r="3056" spans="1:11" ht="24" customHeight="1">
      <c r="A3056" s="538" t="s">
        <v>651</v>
      </c>
      <c r="B3056" s="537" t="s">
        <v>651</v>
      </c>
      <c r="C3056" s="537"/>
      <c r="D3056" s="537"/>
      <c r="E3056" s="537"/>
      <c r="F3056" s="537"/>
      <c r="G3056" s="751">
        <v>1</v>
      </c>
      <c r="H3056" s="751"/>
      <c r="I3056" s="751"/>
      <c r="J3056" s="536" t="s">
        <v>242</v>
      </c>
      <c r="K3056" s="535" t="s">
        <v>618</v>
      </c>
    </row>
    <row r="3057" spans="1:11" ht="17.100000000000001" customHeight="1">
      <c r="A3057" s="746" t="s">
        <v>1006</v>
      </c>
      <c r="B3057" s="747"/>
      <c r="C3057" s="534" t="s">
        <v>309</v>
      </c>
      <c r="D3057" s="534" t="s">
        <v>619</v>
      </c>
      <c r="E3057" s="534" t="s">
        <v>620</v>
      </c>
      <c r="F3057" s="534" t="s">
        <v>659</v>
      </c>
      <c r="G3057" s="748" t="s">
        <v>1005</v>
      </c>
      <c r="H3057" s="749"/>
      <c r="I3057" s="749"/>
      <c r="J3057" s="749"/>
      <c r="K3057" s="750"/>
    </row>
    <row r="3058" spans="1:11" ht="13.7" customHeight="1">
      <c r="A3058" s="743" t="s">
        <v>1129</v>
      </c>
      <c r="B3058" s="744"/>
      <c r="C3058" s="533"/>
      <c r="D3058" s="532"/>
      <c r="E3058" s="531"/>
      <c r="F3058" s="530"/>
      <c r="G3058" s="529" t="s">
        <v>1162</v>
      </c>
      <c r="H3058" s="528"/>
      <c r="I3058" s="528"/>
      <c r="J3058" s="528"/>
      <c r="K3058" s="527"/>
    </row>
    <row r="3059" spans="1:11" ht="13.7" customHeight="1">
      <c r="A3059" s="745"/>
      <c r="B3059" s="740"/>
      <c r="C3059" s="526"/>
      <c r="D3059" s="525"/>
      <c r="E3059" s="524"/>
      <c r="F3059" s="523" t="s">
        <v>651</v>
      </c>
      <c r="G3059" s="518" t="s">
        <v>651</v>
      </c>
      <c r="H3059" s="517"/>
      <c r="I3059" s="517"/>
      <c r="J3059" s="517"/>
      <c r="K3059" s="516"/>
    </row>
    <row r="3060" spans="1:11" ht="13.7" customHeight="1">
      <c r="A3060" s="739" t="s">
        <v>651</v>
      </c>
      <c r="B3060" s="740"/>
      <c r="C3060" s="522" t="s">
        <v>242</v>
      </c>
      <c r="D3060" s="521">
        <v>1</v>
      </c>
      <c r="E3060" s="520"/>
      <c r="F3060" s="519"/>
      <c r="G3060" s="518" t="s">
        <v>651</v>
      </c>
      <c r="H3060" s="517"/>
      <c r="I3060" s="517"/>
      <c r="J3060" s="517"/>
      <c r="K3060" s="516"/>
    </row>
    <row r="3061" spans="1:11" ht="13.7" customHeight="1">
      <c r="A3061" s="741"/>
      <c r="B3061" s="742"/>
      <c r="C3061" s="515"/>
      <c r="D3061" s="514"/>
      <c r="E3061" s="513"/>
      <c r="F3061" s="512"/>
      <c r="G3061" s="511" t="s">
        <v>651</v>
      </c>
      <c r="H3061" s="510"/>
      <c r="I3061" s="510"/>
      <c r="J3061" s="510"/>
      <c r="K3061" s="509"/>
    </row>
    <row r="3062" spans="1:11" ht="13.7" customHeight="1">
      <c r="A3062" s="743" t="s">
        <v>1117</v>
      </c>
      <c r="B3062" s="744"/>
      <c r="C3062" s="533"/>
      <c r="D3062" s="532"/>
      <c r="E3062" s="531"/>
      <c r="F3062" s="530"/>
      <c r="G3062" s="529" t="s">
        <v>1161</v>
      </c>
      <c r="H3062" s="528"/>
      <c r="I3062" s="528"/>
      <c r="J3062" s="528"/>
      <c r="K3062" s="527"/>
    </row>
    <row r="3063" spans="1:11" ht="13.7" customHeight="1">
      <c r="A3063" s="745"/>
      <c r="B3063" s="740"/>
      <c r="C3063" s="526"/>
      <c r="D3063" s="525"/>
      <c r="E3063" s="524"/>
      <c r="F3063" s="523" t="s">
        <v>651</v>
      </c>
      <c r="G3063" s="518" t="s">
        <v>651</v>
      </c>
      <c r="H3063" s="517"/>
      <c r="I3063" s="517"/>
      <c r="J3063" s="517"/>
      <c r="K3063" s="516"/>
    </row>
    <row r="3064" spans="1:11" ht="13.7" customHeight="1">
      <c r="A3064" s="739" t="s">
        <v>651</v>
      </c>
      <c r="B3064" s="740"/>
      <c r="C3064" s="522" t="s">
        <v>242</v>
      </c>
      <c r="D3064" s="521">
        <v>1</v>
      </c>
      <c r="E3064" s="520"/>
      <c r="F3064" s="519"/>
      <c r="G3064" s="518" t="s">
        <v>651</v>
      </c>
      <c r="H3064" s="517"/>
      <c r="I3064" s="517"/>
      <c r="J3064" s="517"/>
      <c r="K3064" s="516"/>
    </row>
    <row r="3065" spans="1:11" ht="13.7" customHeight="1">
      <c r="A3065" s="741"/>
      <c r="B3065" s="742"/>
      <c r="C3065" s="515"/>
      <c r="D3065" s="514"/>
      <c r="E3065" s="513"/>
      <c r="F3065" s="512"/>
      <c r="G3065" s="511" t="s">
        <v>651</v>
      </c>
      <c r="H3065" s="510"/>
      <c r="I3065" s="510"/>
      <c r="J3065" s="510"/>
      <c r="K3065" s="509"/>
    </row>
    <row r="3066" spans="1:11" ht="13.7" customHeight="1">
      <c r="A3066" s="743" t="s">
        <v>1106</v>
      </c>
      <c r="B3066" s="744"/>
      <c r="C3066" s="533"/>
      <c r="D3066" s="532"/>
      <c r="E3066" s="531"/>
      <c r="F3066" s="530"/>
      <c r="G3066" s="529" t="s">
        <v>1160</v>
      </c>
      <c r="H3066" s="528"/>
      <c r="I3066" s="528"/>
      <c r="J3066" s="528"/>
      <c r="K3066" s="527"/>
    </row>
    <row r="3067" spans="1:11" ht="13.7" customHeight="1">
      <c r="A3067" s="745"/>
      <c r="B3067" s="740"/>
      <c r="C3067" s="526"/>
      <c r="D3067" s="525"/>
      <c r="E3067" s="524"/>
      <c r="F3067" s="523" t="s">
        <v>651</v>
      </c>
      <c r="G3067" s="518" t="s">
        <v>651</v>
      </c>
      <c r="H3067" s="517"/>
      <c r="I3067" s="517"/>
      <c r="J3067" s="517"/>
      <c r="K3067" s="516"/>
    </row>
    <row r="3068" spans="1:11" ht="13.7" customHeight="1">
      <c r="A3068" s="739" t="s">
        <v>651</v>
      </c>
      <c r="B3068" s="740"/>
      <c r="C3068" s="522" t="s">
        <v>242</v>
      </c>
      <c r="D3068" s="521">
        <v>1</v>
      </c>
      <c r="E3068" s="520"/>
      <c r="F3068" s="519"/>
      <c r="G3068" s="518" t="s">
        <v>651</v>
      </c>
      <c r="H3068" s="517"/>
      <c r="I3068" s="517"/>
      <c r="J3068" s="517"/>
      <c r="K3068" s="516"/>
    </row>
    <row r="3069" spans="1:11" ht="13.7" customHeight="1">
      <c r="A3069" s="741"/>
      <c r="B3069" s="742"/>
      <c r="C3069" s="515"/>
      <c r="D3069" s="514"/>
      <c r="E3069" s="513"/>
      <c r="F3069" s="512"/>
      <c r="G3069" s="511" t="s">
        <v>651</v>
      </c>
      <c r="H3069" s="510"/>
      <c r="I3069" s="510"/>
      <c r="J3069" s="510"/>
      <c r="K3069" s="509"/>
    </row>
    <row r="3070" spans="1:11" ht="13.7" customHeight="1">
      <c r="A3070" s="743" t="s">
        <v>651</v>
      </c>
      <c r="B3070" s="744"/>
      <c r="C3070" s="533"/>
      <c r="D3070" s="532"/>
      <c r="E3070" s="531"/>
      <c r="F3070" s="530"/>
      <c r="G3070" s="529" t="s">
        <v>651</v>
      </c>
      <c r="H3070" s="528"/>
      <c r="I3070" s="528"/>
      <c r="J3070" s="528"/>
      <c r="K3070" s="527"/>
    </row>
    <row r="3071" spans="1:11" ht="13.7" customHeight="1">
      <c r="A3071" s="745"/>
      <c r="B3071" s="740"/>
      <c r="C3071" s="526"/>
      <c r="D3071" s="525"/>
      <c r="E3071" s="524"/>
      <c r="F3071" s="523" t="s">
        <v>651</v>
      </c>
      <c r="G3071" s="518" t="s">
        <v>651</v>
      </c>
      <c r="H3071" s="517"/>
      <c r="I3071" s="517"/>
      <c r="J3071" s="517"/>
      <c r="K3071" s="516"/>
    </row>
    <row r="3072" spans="1:11" ht="13.7" customHeight="1">
      <c r="A3072" s="739" t="s">
        <v>652</v>
      </c>
      <c r="B3072" s="740"/>
      <c r="C3072" s="522" t="s">
        <v>242</v>
      </c>
      <c r="D3072" s="521">
        <v>1</v>
      </c>
      <c r="E3072" s="520"/>
      <c r="F3072" s="519"/>
      <c r="G3072" s="518" t="s">
        <v>651</v>
      </c>
      <c r="H3072" s="517"/>
      <c r="I3072" s="517"/>
      <c r="J3072" s="517"/>
      <c r="K3072" s="516"/>
    </row>
    <row r="3073" spans="1:11" ht="13.7" customHeight="1">
      <c r="A3073" s="741"/>
      <c r="B3073" s="742"/>
      <c r="C3073" s="515"/>
      <c r="D3073" s="514"/>
      <c r="E3073" s="513"/>
      <c r="F3073" s="512"/>
      <c r="G3073" s="511" t="s">
        <v>651</v>
      </c>
      <c r="H3073" s="510"/>
      <c r="I3073" s="510"/>
      <c r="J3073" s="510"/>
      <c r="K3073" s="509"/>
    </row>
    <row r="3074" spans="1:11" ht="13.7" customHeight="1">
      <c r="A3074" s="743" t="s">
        <v>651</v>
      </c>
      <c r="B3074" s="744"/>
      <c r="C3074" s="533"/>
      <c r="D3074" s="532"/>
      <c r="E3074" s="531"/>
      <c r="F3074" s="530"/>
      <c r="G3074" s="529" t="s">
        <v>651</v>
      </c>
      <c r="H3074" s="528"/>
      <c r="I3074" s="528"/>
      <c r="J3074" s="528"/>
      <c r="K3074" s="527"/>
    </row>
    <row r="3075" spans="1:11" ht="13.7" customHeight="1">
      <c r="A3075" s="745"/>
      <c r="B3075" s="740"/>
      <c r="C3075" s="526"/>
      <c r="D3075" s="525"/>
      <c r="E3075" s="524"/>
      <c r="F3075" s="523" t="s">
        <v>651</v>
      </c>
      <c r="G3075" s="518" t="s">
        <v>651</v>
      </c>
      <c r="H3075" s="517"/>
      <c r="I3075" s="517"/>
      <c r="J3075" s="517"/>
      <c r="K3075" s="516"/>
    </row>
    <row r="3076" spans="1:11" ht="13.7" customHeight="1">
      <c r="A3076" s="739" t="s">
        <v>681</v>
      </c>
      <c r="B3076" s="740"/>
      <c r="C3076" s="522" t="s">
        <v>242</v>
      </c>
      <c r="D3076" s="521">
        <v>1</v>
      </c>
      <c r="E3076" s="520" t="s">
        <v>1002</v>
      </c>
      <c r="F3076" s="519"/>
      <c r="G3076" s="518" t="s">
        <v>651</v>
      </c>
      <c r="H3076" s="517"/>
      <c r="I3076" s="517"/>
      <c r="J3076" s="517"/>
      <c r="K3076" s="516"/>
    </row>
    <row r="3077" spans="1:11" ht="13.7" customHeight="1">
      <c r="A3077" s="741"/>
      <c r="B3077" s="742"/>
      <c r="C3077" s="515"/>
      <c r="D3077" s="514"/>
      <c r="E3077" s="513"/>
      <c r="F3077" s="512"/>
      <c r="G3077" s="511" t="s">
        <v>651</v>
      </c>
      <c r="H3077" s="510"/>
      <c r="I3077" s="510"/>
      <c r="J3077" s="510"/>
      <c r="K3077" s="509"/>
    </row>
    <row r="3078" spans="1:11" ht="13.7" customHeight="1"/>
    <row r="3079" spans="1:11" ht="13.7" customHeight="1"/>
    <row r="3080" spans="1:11" ht="6.2" customHeight="1"/>
    <row r="3081" spans="1:11" ht="14.1" customHeight="1">
      <c r="A3081" s="543" t="s">
        <v>1130</v>
      </c>
      <c r="B3081" s="540" t="s">
        <v>1129</v>
      </c>
      <c r="C3081" s="540"/>
      <c r="D3081" s="540"/>
      <c r="E3081" s="540"/>
      <c r="F3081" s="540"/>
      <c r="G3081" s="542" t="s">
        <v>617</v>
      </c>
      <c r="H3081" s="541" t="s">
        <v>874</v>
      </c>
      <c r="I3081" s="540" t="s">
        <v>1007</v>
      </c>
      <c r="J3081" s="540"/>
      <c r="K3081" s="539"/>
    </row>
    <row r="3082" spans="1:11" ht="24" customHeight="1">
      <c r="A3082" s="538" t="s">
        <v>651</v>
      </c>
      <c r="B3082" s="537" t="s">
        <v>651</v>
      </c>
      <c r="C3082" s="537"/>
      <c r="D3082" s="537"/>
      <c r="E3082" s="537"/>
      <c r="F3082" s="537"/>
      <c r="G3082" s="751">
        <v>1</v>
      </c>
      <c r="H3082" s="751"/>
      <c r="I3082" s="751"/>
      <c r="J3082" s="536" t="s">
        <v>242</v>
      </c>
      <c r="K3082" s="535" t="s">
        <v>618</v>
      </c>
    </row>
    <row r="3083" spans="1:11" ht="17.100000000000001" customHeight="1">
      <c r="A3083" s="746" t="s">
        <v>1006</v>
      </c>
      <c r="B3083" s="747"/>
      <c r="C3083" s="534" t="s">
        <v>309</v>
      </c>
      <c r="D3083" s="534" t="s">
        <v>619</v>
      </c>
      <c r="E3083" s="534" t="s">
        <v>620</v>
      </c>
      <c r="F3083" s="534" t="s">
        <v>659</v>
      </c>
      <c r="G3083" s="748" t="s">
        <v>1005</v>
      </c>
      <c r="H3083" s="749"/>
      <c r="I3083" s="749"/>
      <c r="J3083" s="749"/>
      <c r="K3083" s="750"/>
    </row>
    <row r="3084" spans="1:11" ht="13.7" customHeight="1">
      <c r="A3084" s="743" t="s">
        <v>1159</v>
      </c>
      <c r="B3084" s="744"/>
      <c r="C3084" s="533"/>
      <c r="D3084" s="532"/>
      <c r="E3084" s="531"/>
      <c r="F3084" s="530"/>
      <c r="G3084" s="529" t="s">
        <v>651</v>
      </c>
      <c r="H3084" s="528"/>
      <c r="I3084" s="528"/>
      <c r="J3084" s="528"/>
      <c r="K3084" s="527"/>
    </row>
    <row r="3085" spans="1:11" ht="13.7" customHeight="1">
      <c r="A3085" s="745"/>
      <c r="B3085" s="740"/>
      <c r="C3085" s="526"/>
      <c r="D3085" s="525"/>
      <c r="E3085" s="524"/>
      <c r="F3085" s="523" t="s">
        <v>651</v>
      </c>
      <c r="G3085" s="518" t="s">
        <v>651</v>
      </c>
      <c r="H3085" s="517"/>
      <c r="I3085" s="517"/>
      <c r="J3085" s="517"/>
      <c r="K3085" s="516"/>
    </row>
    <row r="3086" spans="1:11" ht="13.7" customHeight="1">
      <c r="A3086" s="739" t="s">
        <v>1154</v>
      </c>
      <c r="B3086" s="740"/>
      <c r="C3086" s="522" t="s">
        <v>236</v>
      </c>
      <c r="D3086" s="521">
        <v>15</v>
      </c>
      <c r="E3086" s="520"/>
      <c r="F3086" s="519"/>
      <c r="G3086" s="518" t="s">
        <v>651</v>
      </c>
      <c r="H3086" s="517"/>
      <c r="I3086" s="517"/>
      <c r="J3086" s="517"/>
      <c r="K3086" s="516"/>
    </row>
    <row r="3087" spans="1:11" ht="13.7" customHeight="1">
      <c r="A3087" s="741"/>
      <c r="B3087" s="742"/>
      <c r="C3087" s="515"/>
      <c r="D3087" s="514"/>
      <c r="E3087" s="513"/>
      <c r="F3087" s="512"/>
      <c r="G3087" s="511" t="s">
        <v>651</v>
      </c>
      <c r="H3087" s="510"/>
      <c r="I3087" s="510"/>
      <c r="J3087" s="510"/>
      <c r="K3087" s="509"/>
    </row>
    <row r="3088" spans="1:11" ht="13.7" customHeight="1">
      <c r="A3088" s="743" t="s">
        <v>1158</v>
      </c>
      <c r="B3088" s="744"/>
      <c r="C3088" s="533"/>
      <c r="D3088" s="532"/>
      <c r="E3088" s="531"/>
      <c r="F3088" s="530"/>
      <c r="G3088" s="529" t="s">
        <v>651</v>
      </c>
      <c r="H3088" s="528"/>
      <c r="I3088" s="528"/>
      <c r="J3088" s="528"/>
      <c r="K3088" s="527"/>
    </row>
    <row r="3089" spans="1:11" ht="13.7" customHeight="1">
      <c r="A3089" s="745"/>
      <c r="B3089" s="740"/>
      <c r="C3089" s="526"/>
      <c r="D3089" s="525"/>
      <c r="E3089" s="524"/>
      <c r="F3089" s="523" t="s">
        <v>651</v>
      </c>
      <c r="G3089" s="518" t="s">
        <v>651</v>
      </c>
      <c r="H3089" s="517"/>
      <c r="I3089" s="517"/>
      <c r="J3089" s="517"/>
      <c r="K3089" s="516"/>
    </row>
    <row r="3090" spans="1:11" ht="13.7" customHeight="1">
      <c r="A3090" s="739" t="s">
        <v>1157</v>
      </c>
      <c r="B3090" s="740"/>
      <c r="C3090" s="522" t="s">
        <v>236</v>
      </c>
      <c r="D3090" s="521">
        <v>2</v>
      </c>
      <c r="E3090" s="520"/>
      <c r="F3090" s="519"/>
      <c r="G3090" s="518" t="s">
        <v>651</v>
      </c>
      <c r="H3090" s="517"/>
      <c r="I3090" s="517"/>
      <c r="J3090" s="517"/>
      <c r="K3090" s="516"/>
    </row>
    <row r="3091" spans="1:11" ht="13.7" customHeight="1">
      <c r="A3091" s="741"/>
      <c r="B3091" s="742"/>
      <c r="C3091" s="515"/>
      <c r="D3091" s="514"/>
      <c r="E3091" s="513"/>
      <c r="F3091" s="512"/>
      <c r="G3091" s="511" t="s">
        <v>651</v>
      </c>
      <c r="H3091" s="510"/>
      <c r="I3091" s="510"/>
      <c r="J3091" s="510"/>
      <c r="K3091" s="509"/>
    </row>
    <row r="3092" spans="1:11" ht="13.7" customHeight="1">
      <c r="A3092" s="743" t="s">
        <v>1156</v>
      </c>
      <c r="B3092" s="744"/>
      <c r="C3092" s="533"/>
      <c r="D3092" s="532"/>
      <c r="E3092" s="531"/>
      <c r="F3092" s="530"/>
      <c r="G3092" s="529" t="s">
        <v>651</v>
      </c>
      <c r="H3092" s="528"/>
      <c r="I3092" s="528"/>
      <c r="J3092" s="528"/>
      <c r="K3092" s="527"/>
    </row>
    <row r="3093" spans="1:11" ht="13.7" customHeight="1">
      <c r="A3093" s="745"/>
      <c r="B3093" s="740"/>
      <c r="C3093" s="526"/>
      <c r="D3093" s="525"/>
      <c r="E3093" s="524"/>
      <c r="F3093" s="523" t="s">
        <v>651</v>
      </c>
      <c r="G3093" s="518" t="s">
        <v>651</v>
      </c>
      <c r="H3093" s="517"/>
      <c r="I3093" s="517"/>
      <c r="J3093" s="517"/>
      <c r="K3093" s="516"/>
    </row>
    <row r="3094" spans="1:11" ht="13.7" customHeight="1">
      <c r="A3094" s="739" t="s">
        <v>754</v>
      </c>
      <c r="B3094" s="740"/>
      <c r="C3094" s="522" t="s">
        <v>246</v>
      </c>
      <c r="D3094" s="521">
        <v>2</v>
      </c>
      <c r="E3094" s="520"/>
      <c r="F3094" s="519"/>
      <c r="G3094" s="518" t="s">
        <v>651</v>
      </c>
      <c r="H3094" s="517"/>
      <c r="I3094" s="517"/>
      <c r="J3094" s="517"/>
      <c r="K3094" s="516"/>
    </row>
    <row r="3095" spans="1:11" ht="13.7" customHeight="1">
      <c r="A3095" s="741"/>
      <c r="B3095" s="742"/>
      <c r="C3095" s="515"/>
      <c r="D3095" s="514"/>
      <c r="E3095" s="513"/>
      <c r="F3095" s="512"/>
      <c r="G3095" s="511" t="s">
        <v>651</v>
      </c>
      <c r="H3095" s="510"/>
      <c r="I3095" s="510"/>
      <c r="J3095" s="510"/>
      <c r="K3095" s="509"/>
    </row>
    <row r="3096" spans="1:11" ht="13.7" customHeight="1">
      <c r="A3096" s="743" t="s">
        <v>1155</v>
      </c>
      <c r="B3096" s="744"/>
      <c r="C3096" s="533"/>
      <c r="D3096" s="532"/>
      <c r="E3096" s="531"/>
      <c r="F3096" s="530"/>
      <c r="G3096" s="529" t="s">
        <v>651</v>
      </c>
      <c r="H3096" s="528"/>
      <c r="I3096" s="528"/>
      <c r="J3096" s="528"/>
      <c r="K3096" s="527"/>
    </row>
    <row r="3097" spans="1:11" ht="13.7" customHeight="1">
      <c r="A3097" s="745"/>
      <c r="B3097" s="740"/>
      <c r="C3097" s="526"/>
      <c r="D3097" s="525"/>
      <c r="E3097" s="524"/>
      <c r="F3097" s="523" t="s">
        <v>651</v>
      </c>
      <c r="G3097" s="518" t="s">
        <v>651</v>
      </c>
      <c r="H3097" s="517"/>
      <c r="I3097" s="517"/>
      <c r="J3097" s="517"/>
      <c r="K3097" s="516"/>
    </row>
    <row r="3098" spans="1:11" ht="13.7" customHeight="1">
      <c r="A3098" s="739" t="s">
        <v>1154</v>
      </c>
      <c r="B3098" s="740"/>
      <c r="C3098" s="522" t="s">
        <v>236</v>
      </c>
      <c r="D3098" s="521">
        <v>3</v>
      </c>
      <c r="E3098" s="520"/>
      <c r="F3098" s="519"/>
      <c r="G3098" s="518" t="s">
        <v>651</v>
      </c>
      <c r="H3098" s="517"/>
      <c r="I3098" s="517"/>
      <c r="J3098" s="517"/>
      <c r="K3098" s="516"/>
    </row>
    <row r="3099" spans="1:11" ht="13.7" customHeight="1">
      <c r="A3099" s="741"/>
      <c r="B3099" s="742"/>
      <c r="C3099" s="515"/>
      <c r="D3099" s="514"/>
      <c r="E3099" s="513"/>
      <c r="F3099" s="512"/>
      <c r="G3099" s="511" t="s">
        <v>651</v>
      </c>
      <c r="H3099" s="510"/>
      <c r="I3099" s="510"/>
      <c r="J3099" s="510"/>
      <c r="K3099" s="509"/>
    </row>
    <row r="3100" spans="1:11" ht="13.7" customHeight="1">
      <c r="A3100" s="743" t="s">
        <v>1153</v>
      </c>
      <c r="B3100" s="744"/>
      <c r="C3100" s="533"/>
      <c r="D3100" s="532"/>
      <c r="E3100" s="531"/>
      <c r="F3100" s="530"/>
      <c r="G3100" s="529" t="s">
        <v>651</v>
      </c>
      <c r="H3100" s="528"/>
      <c r="I3100" s="528"/>
      <c r="J3100" s="528"/>
      <c r="K3100" s="527"/>
    </row>
    <row r="3101" spans="1:11" ht="13.7" customHeight="1">
      <c r="A3101" s="745"/>
      <c r="B3101" s="740"/>
      <c r="C3101" s="526"/>
      <c r="D3101" s="525"/>
      <c r="E3101" s="524"/>
      <c r="F3101" s="523" t="s">
        <v>651</v>
      </c>
      <c r="G3101" s="518" t="s">
        <v>651</v>
      </c>
      <c r="H3101" s="517"/>
      <c r="I3101" s="517"/>
      <c r="J3101" s="517"/>
      <c r="K3101" s="516"/>
    </row>
    <row r="3102" spans="1:11" ht="13.7" customHeight="1">
      <c r="A3102" s="739" t="s">
        <v>754</v>
      </c>
      <c r="B3102" s="740"/>
      <c r="C3102" s="522" t="s">
        <v>246</v>
      </c>
      <c r="D3102" s="521">
        <v>7</v>
      </c>
      <c r="E3102" s="520"/>
      <c r="F3102" s="519"/>
      <c r="G3102" s="518" t="s">
        <v>651</v>
      </c>
      <c r="H3102" s="517"/>
      <c r="I3102" s="517"/>
      <c r="J3102" s="517"/>
      <c r="K3102" s="516"/>
    </row>
    <row r="3103" spans="1:11" ht="13.7" customHeight="1">
      <c r="A3103" s="741"/>
      <c r="B3103" s="742"/>
      <c r="C3103" s="515"/>
      <c r="D3103" s="514"/>
      <c r="E3103" s="513"/>
      <c r="F3103" s="512"/>
      <c r="G3103" s="511" t="s">
        <v>651</v>
      </c>
      <c r="H3103" s="510"/>
      <c r="I3103" s="510"/>
      <c r="J3103" s="510"/>
      <c r="K3103" s="509"/>
    </row>
    <row r="3104" spans="1:11" ht="13.7" customHeight="1">
      <c r="A3104" s="743" t="s">
        <v>1152</v>
      </c>
      <c r="B3104" s="744"/>
      <c r="C3104" s="533"/>
      <c r="D3104" s="532"/>
      <c r="E3104" s="531"/>
      <c r="F3104" s="530"/>
      <c r="G3104" s="529" t="s">
        <v>651</v>
      </c>
      <c r="H3104" s="528"/>
      <c r="I3104" s="528"/>
      <c r="J3104" s="528"/>
      <c r="K3104" s="527"/>
    </row>
    <row r="3105" spans="1:11" ht="13.7" customHeight="1">
      <c r="A3105" s="745"/>
      <c r="B3105" s="740"/>
      <c r="C3105" s="526"/>
      <c r="D3105" s="525"/>
      <c r="E3105" s="524"/>
      <c r="F3105" s="523" t="s">
        <v>651</v>
      </c>
      <c r="G3105" s="518" t="s">
        <v>651</v>
      </c>
      <c r="H3105" s="517"/>
      <c r="I3105" s="517"/>
      <c r="J3105" s="517"/>
      <c r="K3105" s="516"/>
    </row>
    <row r="3106" spans="1:11" ht="13.7" customHeight="1">
      <c r="A3106" s="739" t="s">
        <v>1151</v>
      </c>
      <c r="B3106" s="740"/>
      <c r="C3106" s="522" t="s">
        <v>236</v>
      </c>
      <c r="D3106" s="521">
        <v>1</v>
      </c>
      <c r="E3106" s="520"/>
      <c r="F3106" s="519"/>
      <c r="G3106" s="518" t="s">
        <v>651</v>
      </c>
      <c r="H3106" s="517"/>
      <c r="I3106" s="517"/>
      <c r="J3106" s="517"/>
      <c r="K3106" s="516"/>
    </row>
    <row r="3107" spans="1:11" ht="13.7" customHeight="1">
      <c r="A3107" s="741"/>
      <c r="B3107" s="742"/>
      <c r="C3107" s="515"/>
      <c r="D3107" s="514"/>
      <c r="E3107" s="513"/>
      <c r="F3107" s="512"/>
      <c r="G3107" s="511" t="s">
        <v>651</v>
      </c>
      <c r="H3107" s="510"/>
      <c r="I3107" s="510"/>
      <c r="J3107" s="510"/>
      <c r="K3107" s="509"/>
    </row>
    <row r="3108" spans="1:11" ht="13.7" customHeight="1">
      <c r="A3108" s="743" t="s">
        <v>1150</v>
      </c>
      <c r="B3108" s="744"/>
      <c r="C3108" s="533"/>
      <c r="D3108" s="532"/>
      <c r="E3108" s="531"/>
      <c r="F3108" s="530"/>
      <c r="G3108" s="529" t="s">
        <v>651</v>
      </c>
      <c r="H3108" s="528"/>
      <c r="I3108" s="528"/>
      <c r="J3108" s="528"/>
      <c r="K3108" s="527"/>
    </row>
    <row r="3109" spans="1:11" ht="13.7" customHeight="1">
      <c r="A3109" s="745"/>
      <c r="B3109" s="740"/>
      <c r="C3109" s="526"/>
      <c r="D3109" s="525"/>
      <c r="E3109" s="524"/>
      <c r="F3109" s="523" t="s">
        <v>651</v>
      </c>
      <c r="G3109" s="518" t="s">
        <v>651</v>
      </c>
      <c r="H3109" s="517"/>
      <c r="I3109" s="517"/>
      <c r="J3109" s="517"/>
      <c r="K3109" s="516"/>
    </row>
    <row r="3110" spans="1:11" ht="13.7" customHeight="1">
      <c r="A3110" s="739" t="s">
        <v>1148</v>
      </c>
      <c r="B3110" s="740"/>
      <c r="C3110" s="522" t="s">
        <v>236</v>
      </c>
      <c r="D3110" s="521">
        <v>1</v>
      </c>
      <c r="E3110" s="520"/>
      <c r="F3110" s="519"/>
      <c r="G3110" s="518" t="s">
        <v>651</v>
      </c>
      <c r="H3110" s="517"/>
      <c r="I3110" s="517"/>
      <c r="J3110" s="517"/>
      <c r="K3110" s="516"/>
    </row>
    <row r="3111" spans="1:11" ht="13.7" customHeight="1">
      <c r="A3111" s="741"/>
      <c r="B3111" s="742"/>
      <c r="C3111" s="515"/>
      <c r="D3111" s="514"/>
      <c r="E3111" s="513"/>
      <c r="F3111" s="512"/>
      <c r="G3111" s="511" t="s">
        <v>651</v>
      </c>
      <c r="H3111" s="510"/>
      <c r="I3111" s="510"/>
      <c r="J3111" s="510"/>
      <c r="K3111" s="509"/>
    </row>
    <row r="3112" spans="1:11" ht="13.7" customHeight="1">
      <c r="A3112" s="743" t="s">
        <v>1149</v>
      </c>
      <c r="B3112" s="744"/>
      <c r="C3112" s="533"/>
      <c r="D3112" s="532"/>
      <c r="E3112" s="531"/>
      <c r="F3112" s="530"/>
      <c r="G3112" s="529" t="s">
        <v>651</v>
      </c>
      <c r="H3112" s="528"/>
      <c r="I3112" s="528"/>
      <c r="J3112" s="528"/>
      <c r="K3112" s="527"/>
    </row>
    <row r="3113" spans="1:11" ht="13.7" customHeight="1">
      <c r="A3113" s="745"/>
      <c r="B3113" s="740"/>
      <c r="C3113" s="526"/>
      <c r="D3113" s="525"/>
      <c r="E3113" s="524"/>
      <c r="F3113" s="523" t="s">
        <v>651</v>
      </c>
      <c r="G3113" s="518" t="s">
        <v>651</v>
      </c>
      <c r="H3113" s="517"/>
      <c r="I3113" s="517"/>
      <c r="J3113" s="517"/>
      <c r="K3113" s="516"/>
    </row>
    <row r="3114" spans="1:11" ht="13.7" customHeight="1">
      <c r="A3114" s="739" t="s">
        <v>1148</v>
      </c>
      <c r="B3114" s="740"/>
      <c r="C3114" s="522" t="s">
        <v>236</v>
      </c>
      <c r="D3114" s="521">
        <v>2</v>
      </c>
      <c r="E3114" s="520"/>
      <c r="F3114" s="519"/>
      <c r="G3114" s="518" t="s">
        <v>651</v>
      </c>
      <c r="H3114" s="517"/>
      <c r="I3114" s="517"/>
      <c r="J3114" s="517"/>
      <c r="K3114" s="516"/>
    </row>
    <row r="3115" spans="1:11" ht="13.7" customHeight="1">
      <c r="A3115" s="741"/>
      <c r="B3115" s="742"/>
      <c r="C3115" s="515"/>
      <c r="D3115" s="514"/>
      <c r="E3115" s="513"/>
      <c r="F3115" s="512"/>
      <c r="G3115" s="511" t="s">
        <v>651</v>
      </c>
      <c r="H3115" s="510"/>
      <c r="I3115" s="510"/>
      <c r="J3115" s="510"/>
      <c r="K3115" s="509"/>
    </row>
    <row r="3116" spans="1:11" ht="13.7" customHeight="1"/>
    <row r="3117" spans="1:11" ht="13.7" customHeight="1"/>
    <row r="3118" spans="1:11" ht="6.2" customHeight="1"/>
    <row r="3119" spans="1:11" ht="14.1" customHeight="1">
      <c r="A3119" s="543" t="s">
        <v>1130</v>
      </c>
      <c r="B3119" s="540" t="s">
        <v>1129</v>
      </c>
      <c r="C3119" s="540"/>
      <c r="D3119" s="540"/>
      <c r="E3119" s="540"/>
      <c r="F3119" s="540"/>
      <c r="G3119" s="542" t="s">
        <v>617</v>
      </c>
      <c r="H3119" s="541" t="s">
        <v>874</v>
      </c>
      <c r="I3119" s="540" t="s">
        <v>1007</v>
      </c>
      <c r="J3119" s="540"/>
      <c r="K3119" s="539"/>
    </row>
    <row r="3120" spans="1:11" ht="24" customHeight="1">
      <c r="A3120" s="538" t="s">
        <v>651</v>
      </c>
      <c r="B3120" s="537" t="s">
        <v>651</v>
      </c>
      <c r="C3120" s="537"/>
      <c r="D3120" s="537"/>
      <c r="E3120" s="537"/>
      <c r="F3120" s="537"/>
      <c r="G3120" s="751">
        <v>1</v>
      </c>
      <c r="H3120" s="751"/>
      <c r="I3120" s="751"/>
      <c r="J3120" s="536" t="s">
        <v>242</v>
      </c>
      <c r="K3120" s="535" t="s">
        <v>618</v>
      </c>
    </row>
    <row r="3121" spans="1:11" ht="17.100000000000001" customHeight="1">
      <c r="A3121" s="746" t="s">
        <v>1006</v>
      </c>
      <c r="B3121" s="747"/>
      <c r="C3121" s="534" t="s">
        <v>309</v>
      </c>
      <c r="D3121" s="534" t="s">
        <v>619</v>
      </c>
      <c r="E3121" s="534" t="s">
        <v>620</v>
      </c>
      <c r="F3121" s="534" t="s">
        <v>659</v>
      </c>
      <c r="G3121" s="748" t="s">
        <v>1005</v>
      </c>
      <c r="H3121" s="749"/>
      <c r="I3121" s="749"/>
      <c r="J3121" s="749"/>
      <c r="K3121" s="750"/>
    </row>
    <row r="3122" spans="1:11" ht="13.7" customHeight="1">
      <c r="A3122" s="743" t="s">
        <v>1147</v>
      </c>
      <c r="B3122" s="744"/>
      <c r="C3122" s="533"/>
      <c r="D3122" s="532"/>
      <c r="E3122" s="531"/>
      <c r="F3122" s="530"/>
      <c r="G3122" s="529" t="s">
        <v>651</v>
      </c>
      <c r="H3122" s="528"/>
      <c r="I3122" s="528"/>
      <c r="J3122" s="528"/>
      <c r="K3122" s="527"/>
    </row>
    <row r="3123" spans="1:11" ht="13.7" customHeight="1">
      <c r="A3123" s="745"/>
      <c r="B3123" s="740"/>
      <c r="C3123" s="526"/>
      <c r="D3123" s="525"/>
      <c r="E3123" s="524"/>
      <c r="F3123" s="523" t="s">
        <v>651</v>
      </c>
      <c r="G3123" s="518" t="s">
        <v>651</v>
      </c>
      <c r="H3123" s="517"/>
      <c r="I3123" s="517"/>
      <c r="J3123" s="517"/>
      <c r="K3123" s="516"/>
    </row>
    <row r="3124" spans="1:11" ht="13.7" customHeight="1">
      <c r="A3124" s="739" t="s">
        <v>754</v>
      </c>
      <c r="B3124" s="740"/>
      <c r="C3124" s="522" t="s">
        <v>236</v>
      </c>
      <c r="D3124" s="521">
        <v>2</v>
      </c>
      <c r="E3124" s="520"/>
      <c r="F3124" s="519"/>
      <c r="G3124" s="518" t="s">
        <v>651</v>
      </c>
      <c r="H3124" s="517"/>
      <c r="I3124" s="517"/>
      <c r="J3124" s="517"/>
      <c r="K3124" s="516"/>
    </row>
    <row r="3125" spans="1:11" ht="13.7" customHeight="1">
      <c r="A3125" s="741"/>
      <c r="B3125" s="742"/>
      <c r="C3125" s="515"/>
      <c r="D3125" s="514"/>
      <c r="E3125" s="513"/>
      <c r="F3125" s="512"/>
      <c r="G3125" s="511" t="s">
        <v>651</v>
      </c>
      <c r="H3125" s="510"/>
      <c r="I3125" s="510"/>
      <c r="J3125" s="510"/>
      <c r="K3125" s="509"/>
    </row>
    <row r="3126" spans="1:11" ht="13.7" customHeight="1">
      <c r="A3126" s="743" t="s">
        <v>1146</v>
      </c>
      <c r="B3126" s="744"/>
      <c r="C3126" s="533"/>
      <c r="D3126" s="532"/>
      <c r="E3126" s="531"/>
      <c r="F3126" s="530"/>
      <c r="G3126" s="529" t="s">
        <v>651</v>
      </c>
      <c r="H3126" s="528"/>
      <c r="I3126" s="528"/>
      <c r="J3126" s="528"/>
      <c r="K3126" s="527"/>
    </row>
    <row r="3127" spans="1:11" ht="13.7" customHeight="1">
      <c r="A3127" s="745"/>
      <c r="B3127" s="740"/>
      <c r="C3127" s="526"/>
      <c r="D3127" s="525"/>
      <c r="E3127" s="524"/>
      <c r="F3127" s="523" t="s">
        <v>651</v>
      </c>
      <c r="G3127" s="518" t="s">
        <v>651</v>
      </c>
      <c r="H3127" s="517"/>
      <c r="I3127" s="517"/>
      <c r="J3127" s="517"/>
      <c r="K3127" s="516"/>
    </row>
    <row r="3128" spans="1:11" ht="13.7" customHeight="1">
      <c r="A3128" s="739" t="s">
        <v>754</v>
      </c>
      <c r="B3128" s="740"/>
      <c r="C3128" s="522" t="s">
        <v>246</v>
      </c>
      <c r="D3128" s="521">
        <v>11</v>
      </c>
      <c r="E3128" s="520"/>
      <c r="F3128" s="519"/>
      <c r="G3128" s="518" t="s">
        <v>651</v>
      </c>
      <c r="H3128" s="517"/>
      <c r="I3128" s="517"/>
      <c r="J3128" s="517"/>
      <c r="K3128" s="516"/>
    </row>
    <row r="3129" spans="1:11" ht="13.7" customHeight="1">
      <c r="A3129" s="741"/>
      <c r="B3129" s="742"/>
      <c r="C3129" s="515"/>
      <c r="D3129" s="514"/>
      <c r="E3129" s="513"/>
      <c r="F3129" s="512"/>
      <c r="G3129" s="511" t="s">
        <v>651</v>
      </c>
      <c r="H3129" s="510"/>
      <c r="I3129" s="510"/>
      <c r="J3129" s="510"/>
      <c r="K3129" s="509"/>
    </row>
    <row r="3130" spans="1:11" ht="13.7" customHeight="1">
      <c r="A3130" s="743" t="s">
        <v>1145</v>
      </c>
      <c r="B3130" s="744"/>
      <c r="C3130" s="533"/>
      <c r="D3130" s="532"/>
      <c r="E3130" s="531"/>
      <c r="F3130" s="530"/>
      <c r="G3130" s="529" t="s">
        <v>651</v>
      </c>
      <c r="H3130" s="528"/>
      <c r="I3130" s="528"/>
      <c r="J3130" s="528"/>
      <c r="K3130" s="527"/>
    </row>
    <row r="3131" spans="1:11" ht="13.7" customHeight="1">
      <c r="A3131" s="745"/>
      <c r="B3131" s="740"/>
      <c r="C3131" s="526"/>
      <c r="D3131" s="525"/>
      <c r="E3131" s="524"/>
      <c r="F3131" s="523" t="s">
        <v>651</v>
      </c>
      <c r="G3131" s="518" t="s">
        <v>651</v>
      </c>
      <c r="H3131" s="517"/>
      <c r="I3131" s="517"/>
      <c r="J3131" s="517"/>
      <c r="K3131" s="516"/>
    </row>
    <row r="3132" spans="1:11" ht="13.7" customHeight="1">
      <c r="A3132" s="739" t="s">
        <v>754</v>
      </c>
      <c r="B3132" s="740"/>
      <c r="C3132" s="522" t="s">
        <v>237</v>
      </c>
      <c r="D3132" s="521">
        <v>23</v>
      </c>
      <c r="E3132" s="520"/>
      <c r="F3132" s="519"/>
      <c r="G3132" s="518" t="s">
        <v>651</v>
      </c>
      <c r="H3132" s="517"/>
      <c r="I3132" s="517"/>
      <c r="J3132" s="517"/>
      <c r="K3132" s="516"/>
    </row>
    <row r="3133" spans="1:11" ht="13.7" customHeight="1">
      <c r="A3133" s="741"/>
      <c r="B3133" s="742"/>
      <c r="C3133" s="515"/>
      <c r="D3133" s="514"/>
      <c r="E3133" s="513"/>
      <c r="F3133" s="512"/>
      <c r="G3133" s="511" t="s">
        <v>651</v>
      </c>
      <c r="H3133" s="510"/>
      <c r="I3133" s="510"/>
      <c r="J3133" s="510"/>
      <c r="K3133" s="509"/>
    </row>
    <row r="3134" spans="1:11" ht="13.7" customHeight="1">
      <c r="A3134" s="743" t="s">
        <v>1144</v>
      </c>
      <c r="B3134" s="744"/>
      <c r="C3134" s="533"/>
      <c r="D3134" s="532"/>
      <c r="E3134" s="531"/>
      <c r="F3134" s="530"/>
      <c r="G3134" s="529" t="s">
        <v>651</v>
      </c>
      <c r="H3134" s="528"/>
      <c r="I3134" s="528"/>
      <c r="J3134" s="528"/>
      <c r="K3134" s="527"/>
    </row>
    <row r="3135" spans="1:11" ht="13.7" customHeight="1">
      <c r="A3135" s="745"/>
      <c r="B3135" s="740"/>
      <c r="C3135" s="526"/>
      <c r="D3135" s="525"/>
      <c r="E3135" s="524"/>
      <c r="F3135" s="523" t="s">
        <v>651</v>
      </c>
      <c r="G3135" s="518" t="s">
        <v>651</v>
      </c>
      <c r="H3135" s="517"/>
      <c r="I3135" s="517"/>
      <c r="J3135" s="517"/>
      <c r="K3135" s="516"/>
    </row>
    <row r="3136" spans="1:11" ht="13.7" customHeight="1">
      <c r="A3136" s="739" t="s">
        <v>754</v>
      </c>
      <c r="B3136" s="740"/>
      <c r="C3136" s="522" t="s">
        <v>246</v>
      </c>
      <c r="D3136" s="521">
        <v>32</v>
      </c>
      <c r="E3136" s="520"/>
      <c r="F3136" s="519"/>
      <c r="G3136" s="518" t="s">
        <v>651</v>
      </c>
      <c r="H3136" s="517"/>
      <c r="I3136" s="517"/>
      <c r="J3136" s="517"/>
      <c r="K3136" s="516"/>
    </row>
    <row r="3137" spans="1:11" ht="13.7" customHeight="1">
      <c r="A3137" s="741"/>
      <c r="B3137" s="742"/>
      <c r="C3137" s="515"/>
      <c r="D3137" s="514"/>
      <c r="E3137" s="513"/>
      <c r="F3137" s="512"/>
      <c r="G3137" s="511" t="s">
        <v>651</v>
      </c>
      <c r="H3137" s="510"/>
      <c r="I3137" s="510"/>
      <c r="J3137" s="510"/>
      <c r="K3137" s="509"/>
    </row>
    <row r="3138" spans="1:11" ht="13.7" customHeight="1">
      <c r="A3138" s="743" t="s">
        <v>1143</v>
      </c>
      <c r="B3138" s="744"/>
      <c r="C3138" s="533"/>
      <c r="D3138" s="532"/>
      <c r="E3138" s="531"/>
      <c r="F3138" s="530"/>
      <c r="G3138" s="529" t="s">
        <v>651</v>
      </c>
      <c r="H3138" s="528"/>
      <c r="I3138" s="528"/>
      <c r="J3138" s="528"/>
      <c r="K3138" s="527"/>
    </row>
    <row r="3139" spans="1:11" ht="13.7" customHeight="1">
      <c r="A3139" s="745"/>
      <c r="B3139" s="740"/>
      <c r="C3139" s="526"/>
      <c r="D3139" s="525"/>
      <c r="E3139" s="524"/>
      <c r="F3139" s="523" t="s">
        <v>651</v>
      </c>
      <c r="G3139" s="518" t="s">
        <v>651</v>
      </c>
      <c r="H3139" s="517"/>
      <c r="I3139" s="517"/>
      <c r="J3139" s="517"/>
      <c r="K3139" s="516"/>
    </row>
    <row r="3140" spans="1:11" ht="13.7" customHeight="1">
      <c r="A3140" s="739" t="s">
        <v>1142</v>
      </c>
      <c r="B3140" s="740"/>
      <c r="C3140" s="522" t="s">
        <v>236</v>
      </c>
      <c r="D3140" s="521">
        <v>128</v>
      </c>
      <c r="E3140" s="520"/>
      <c r="F3140" s="519"/>
      <c r="G3140" s="518" t="s">
        <v>651</v>
      </c>
      <c r="H3140" s="517"/>
      <c r="I3140" s="517"/>
      <c r="J3140" s="517"/>
      <c r="K3140" s="516"/>
    </row>
    <row r="3141" spans="1:11" ht="13.7" customHeight="1">
      <c r="A3141" s="741"/>
      <c r="B3141" s="742"/>
      <c r="C3141" s="515"/>
      <c r="D3141" s="514"/>
      <c r="E3141" s="513"/>
      <c r="F3141" s="512"/>
      <c r="G3141" s="511" t="s">
        <v>651</v>
      </c>
      <c r="H3141" s="510"/>
      <c r="I3141" s="510"/>
      <c r="J3141" s="510"/>
      <c r="K3141" s="509"/>
    </row>
    <row r="3142" spans="1:11" ht="13.7" customHeight="1">
      <c r="A3142" s="743" t="s">
        <v>1141</v>
      </c>
      <c r="B3142" s="744"/>
      <c r="C3142" s="533"/>
      <c r="D3142" s="532"/>
      <c r="E3142" s="531"/>
      <c r="F3142" s="530"/>
      <c r="G3142" s="529" t="s">
        <v>651</v>
      </c>
      <c r="H3142" s="528"/>
      <c r="I3142" s="528"/>
      <c r="J3142" s="528"/>
      <c r="K3142" s="527"/>
    </row>
    <row r="3143" spans="1:11" ht="13.7" customHeight="1">
      <c r="A3143" s="745"/>
      <c r="B3143" s="740"/>
      <c r="C3143" s="526"/>
      <c r="D3143" s="525"/>
      <c r="E3143" s="524"/>
      <c r="F3143" s="523" t="s">
        <v>651</v>
      </c>
      <c r="G3143" s="518" t="s">
        <v>651</v>
      </c>
      <c r="H3143" s="517"/>
      <c r="I3143" s="517"/>
      <c r="J3143" s="517"/>
      <c r="K3143" s="516"/>
    </row>
    <row r="3144" spans="1:11" ht="13.7" customHeight="1">
      <c r="A3144" s="739" t="s">
        <v>1140</v>
      </c>
      <c r="B3144" s="740"/>
      <c r="C3144" s="522" t="s">
        <v>246</v>
      </c>
      <c r="D3144" s="521">
        <v>1</v>
      </c>
      <c r="E3144" s="520"/>
      <c r="F3144" s="519"/>
      <c r="G3144" s="518" t="s">
        <v>651</v>
      </c>
      <c r="H3144" s="517"/>
      <c r="I3144" s="517"/>
      <c r="J3144" s="517"/>
      <c r="K3144" s="516"/>
    </row>
    <row r="3145" spans="1:11" ht="13.7" customHeight="1">
      <c r="A3145" s="741"/>
      <c r="B3145" s="742"/>
      <c r="C3145" s="515"/>
      <c r="D3145" s="514"/>
      <c r="E3145" s="513"/>
      <c r="F3145" s="512"/>
      <c r="G3145" s="511" t="s">
        <v>651</v>
      </c>
      <c r="H3145" s="510"/>
      <c r="I3145" s="510"/>
      <c r="J3145" s="510"/>
      <c r="K3145" s="509"/>
    </row>
    <row r="3146" spans="1:11" ht="13.7" customHeight="1">
      <c r="A3146" s="743" t="s">
        <v>1139</v>
      </c>
      <c r="B3146" s="744"/>
      <c r="C3146" s="533"/>
      <c r="D3146" s="532"/>
      <c r="E3146" s="531"/>
      <c r="F3146" s="530"/>
      <c r="G3146" s="529" t="s">
        <v>651</v>
      </c>
      <c r="H3146" s="528"/>
      <c r="I3146" s="528"/>
      <c r="J3146" s="528"/>
      <c r="K3146" s="527"/>
    </row>
    <row r="3147" spans="1:11" ht="13.7" customHeight="1">
      <c r="A3147" s="745"/>
      <c r="B3147" s="740"/>
      <c r="C3147" s="526"/>
      <c r="D3147" s="525"/>
      <c r="E3147" s="524"/>
      <c r="F3147" s="523" t="s">
        <v>651</v>
      </c>
      <c r="G3147" s="518" t="s">
        <v>651</v>
      </c>
      <c r="H3147" s="517"/>
      <c r="I3147" s="517"/>
      <c r="J3147" s="517"/>
      <c r="K3147" s="516"/>
    </row>
    <row r="3148" spans="1:11" ht="13.7" customHeight="1">
      <c r="A3148" s="739" t="s">
        <v>754</v>
      </c>
      <c r="B3148" s="740"/>
      <c r="C3148" s="522" t="s">
        <v>246</v>
      </c>
      <c r="D3148" s="521">
        <v>1</v>
      </c>
      <c r="E3148" s="520"/>
      <c r="F3148" s="519"/>
      <c r="G3148" s="518" t="s">
        <v>651</v>
      </c>
      <c r="H3148" s="517"/>
      <c r="I3148" s="517"/>
      <c r="J3148" s="517"/>
      <c r="K3148" s="516"/>
    </row>
    <row r="3149" spans="1:11" ht="13.7" customHeight="1">
      <c r="A3149" s="741"/>
      <c r="B3149" s="742"/>
      <c r="C3149" s="515"/>
      <c r="D3149" s="514"/>
      <c r="E3149" s="513"/>
      <c r="F3149" s="512"/>
      <c r="G3149" s="511" t="s">
        <v>651</v>
      </c>
      <c r="H3149" s="510"/>
      <c r="I3149" s="510"/>
      <c r="J3149" s="510"/>
      <c r="K3149" s="509"/>
    </row>
    <row r="3150" spans="1:11" ht="13.7" customHeight="1">
      <c r="A3150" s="743" t="s">
        <v>1138</v>
      </c>
      <c r="B3150" s="744"/>
      <c r="C3150" s="533"/>
      <c r="D3150" s="532"/>
      <c r="E3150" s="531"/>
      <c r="F3150" s="530"/>
      <c r="G3150" s="529" t="s">
        <v>651</v>
      </c>
      <c r="H3150" s="528"/>
      <c r="I3150" s="528"/>
      <c r="J3150" s="528"/>
      <c r="K3150" s="527"/>
    </row>
    <row r="3151" spans="1:11" ht="13.7" customHeight="1">
      <c r="A3151" s="745"/>
      <c r="B3151" s="740"/>
      <c r="C3151" s="526"/>
      <c r="D3151" s="525"/>
      <c r="E3151" s="524"/>
      <c r="F3151" s="523" t="s">
        <v>651</v>
      </c>
      <c r="G3151" s="518" t="s">
        <v>651</v>
      </c>
      <c r="H3151" s="517"/>
      <c r="I3151" s="517"/>
      <c r="J3151" s="517"/>
      <c r="K3151" s="516"/>
    </row>
    <row r="3152" spans="1:11" ht="13.7" customHeight="1">
      <c r="A3152" s="739" t="s">
        <v>754</v>
      </c>
      <c r="B3152" s="740"/>
      <c r="C3152" s="522" t="s">
        <v>281</v>
      </c>
      <c r="D3152" s="521">
        <v>6</v>
      </c>
      <c r="E3152" s="520"/>
      <c r="F3152" s="519"/>
      <c r="G3152" s="518" t="s">
        <v>651</v>
      </c>
      <c r="H3152" s="517"/>
      <c r="I3152" s="517"/>
      <c r="J3152" s="517"/>
      <c r="K3152" s="516"/>
    </row>
    <row r="3153" spans="1:11" ht="13.7" customHeight="1">
      <c r="A3153" s="741"/>
      <c r="B3153" s="742"/>
      <c r="C3153" s="515"/>
      <c r="D3153" s="514"/>
      <c r="E3153" s="513"/>
      <c r="F3153" s="512"/>
      <c r="G3153" s="511" t="s">
        <v>651</v>
      </c>
      <c r="H3153" s="510"/>
      <c r="I3153" s="510"/>
      <c r="J3153" s="510"/>
      <c r="K3153" s="509"/>
    </row>
    <row r="3154" spans="1:11" ht="13.7" customHeight="1"/>
    <row r="3155" spans="1:11" ht="13.7" customHeight="1"/>
    <row r="3156" spans="1:11" ht="6.2" customHeight="1"/>
    <row r="3157" spans="1:11" ht="14.1" customHeight="1">
      <c r="A3157" s="543" t="s">
        <v>1130</v>
      </c>
      <c r="B3157" s="540" t="s">
        <v>1129</v>
      </c>
      <c r="C3157" s="540"/>
      <c r="D3157" s="540"/>
      <c r="E3157" s="540"/>
      <c r="F3157" s="540"/>
      <c r="G3157" s="542" t="s">
        <v>617</v>
      </c>
      <c r="H3157" s="541" t="s">
        <v>874</v>
      </c>
      <c r="I3157" s="540" t="s">
        <v>1007</v>
      </c>
      <c r="J3157" s="540"/>
      <c r="K3157" s="539"/>
    </row>
    <row r="3158" spans="1:11" ht="24" customHeight="1">
      <c r="A3158" s="538" t="s">
        <v>651</v>
      </c>
      <c r="B3158" s="537" t="s">
        <v>651</v>
      </c>
      <c r="C3158" s="537"/>
      <c r="D3158" s="537"/>
      <c r="E3158" s="537"/>
      <c r="F3158" s="537"/>
      <c r="G3158" s="751">
        <v>1</v>
      </c>
      <c r="H3158" s="751"/>
      <c r="I3158" s="751"/>
      <c r="J3158" s="536" t="s">
        <v>242</v>
      </c>
      <c r="K3158" s="535" t="s">
        <v>618</v>
      </c>
    </row>
    <row r="3159" spans="1:11" ht="17.100000000000001" customHeight="1">
      <c r="A3159" s="746" t="s">
        <v>1006</v>
      </c>
      <c r="B3159" s="747"/>
      <c r="C3159" s="534" t="s">
        <v>309</v>
      </c>
      <c r="D3159" s="534" t="s">
        <v>619</v>
      </c>
      <c r="E3159" s="534" t="s">
        <v>620</v>
      </c>
      <c r="F3159" s="534" t="s">
        <v>659</v>
      </c>
      <c r="G3159" s="748" t="s">
        <v>1005</v>
      </c>
      <c r="H3159" s="749"/>
      <c r="I3159" s="749"/>
      <c r="J3159" s="749"/>
      <c r="K3159" s="750"/>
    </row>
    <row r="3160" spans="1:11" ht="13.7" customHeight="1">
      <c r="A3160" s="743" t="s">
        <v>1137</v>
      </c>
      <c r="B3160" s="744"/>
      <c r="C3160" s="533"/>
      <c r="D3160" s="532"/>
      <c r="E3160" s="531"/>
      <c r="F3160" s="530"/>
      <c r="G3160" s="529" t="s">
        <v>651</v>
      </c>
      <c r="H3160" s="528"/>
      <c r="I3160" s="528"/>
      <c r="J3160" s="528"/>
      <c r="K3160" s="527"/>
    </row>
    <row r="3161" spans="1:11" ht="13.7" customHeight="1">
      <c r="A3161" s="745"/>
      <c r="B3161" s="740"/>
      <c r="C3161" s="526"/>
      <c r="D3161" s="525"/>
      <c r="E3161" s="524"/>
      <c r="F3161" s="523" t="s">
        <v>651</v>
      </c>
      <c r="G3161" s="518" t="s">
        <v>651</v>
      </c>
      <c r="H3161" s="517"/>
      <c r="I3161" s="517"/>
      <c r="J3161" s="517"/>
      <c r="K3161" s="516"/>
    </row>
    <row r="3162" spans="1:11" ht="13.7" customHeight="1">
      <c r="A3162" s="739" t="s">
        <v>1136</v>
      </c>
      <c r="B3162" s="740"/>
      <c r="C3162" s="522" t="s">
        <v>236</v>
      </c>
      <c r="D3162" s="521">
        <v>24</v>
      </c>
      <c r="E3162" s="520"/>
      <c r="F3162" s="519"/>
      <c r="G3162" s="518" t="s">
        <v>651</v>
      </c>
      <c r="H3162" s="517"/>
      <c r="I3162" s="517"/>
      <c r="J3162" s="517"/>
      <c r="K3162" s="516"/>
    </row>
    <row r="3163" spans="1:11" ht="13.7" customHeight="1">
      <c r="A3163" s="741"/>
      <c r="B3163" s="742"/>
      <c r="C3163" s="515"/>
      <c r="D3163" s="514"/>
      <c r="E3163" s="513"/>
      <c r="F3163" s="512"/>
      <c r="G3163" s="511" t="s">
        <v>651</v>
      </c>
      <c r="H3163" s="510"/>
      <c r="I3163" s="510"/>
      <c r="J3163" s="510"/>
      <c r="K3163" s="509"/>
    </row>
    <row r="3164" spans="1:11" ht="13.7" customHeight="1">
      <c r="A3164" s="743" t="s">
        <v>1135</v>
      </c>
      <c r="B3164" s="744"/>
      <c r="C3164" s="533"/>
      <c r="D3164" s="532"/>
      <c r="E3164" s="531"/>
      <c r="F3164" s="530"/>
      <c r="G3164" s="529" t="s">
        <v>651</v>
      </c>
      <c r="H3164" s="528"/>
      <c r="I3164" s="528"/>
      <c r="J3164" s="528"/>
      <c r="K3164" s="527"/>
    </row>
    <row r="3165" spans="1:11" ht="13.7" customHeight="1">
      <c r="A3165" s="745"/>
      <c r="B3165" s="740"/>
      <c r="C3165" s="526"/>
      <c r="D3165" s="525"/>
      <c r="E3165" s="524"/>
      <c r="F3165" s="523" t="s">
        <v>651</v>
      </c>
      <c r="G3165" s="518" t="s">
        <v>651</v>
      </c>
      <c r="H3165" s="517"/>
      <c r="I3165" s="517"/>
      <c r="J3165" s="517"/>
      <c r="K3165" s="516"/>
    </row>
    <row r="3166" spans="1:11" ht="13.7" customHeight="1">
      <c r="A3166" s="739" t="s">
        <v>1134</v>
      </c>
      <c r="B3166" s="740"/>
      <c r="C3166" s="522" t="s">
        <v>234</v>
      </c>
      <c r="D3166" s="521">
        <v>3</v>
      </c>
      <c r="E3166" s="520"/>
      <c r="F3166" s="519"/>
      <c r="G3166" s="518" t="s">
        <v>651</v>
      </c>
      <c r="H3166" s="517"/>
      <c r="I3166" s="517"/>
      <c r="J3166" s="517"/>
      <c r="K3166" s="516"/>
    </row>
    <row r="3167" spans="1:11" ht="13.7" customHeight="1">
      <c r="A3167" s="741"/>
      <c r="B3167" s="742"/>
      <c r="C3167" s="515"/>
      <c r="D3167" s="514"/>
      <c r="E3167" s="513"/>
      <c r="F3167" s="512"/>
      <c r="G3167" s="511" t="s">
        <v>651</v>
      </c>
      <c r="H3167" s="510"/>
      <c r="I3167" s="510"/>
      <c r="J3167" s="510"/>
      <c r="K3167" s="509"/>
    </row>
    <row r="3168" spans="1:11" ht="13.7" customHeight="1">
      <c r="A3168" s="743" t="s">
        <v>1087</v>
      </c>
      <c r="B3168" s="744"/>
      <c r="C3168" s="533"/>
      <c r="D3168" s="532"/>
      <c r="E3168" s="531"/>
      <c r="F3168" s="530"/>
      <c r="G3168" s="529" t="s">
        <v>651</v>
      </c>
      <c r="H3168" s="528"/>
      <c r="I3168" s="528"/>
      <c r="J3168" s="528"/>
      <c r="K3168" s="527"/>
    </row>
    <row r="3169" spans="1:11" ht="13.7" customHeight="1">
      <c r="A3169" s="745"/>
      <c r="B3169" s="740"/>
      <c r="C3169" s="526"/>
      <c r="D3169" s="525"/>
      <c r="E3169" s="524"/>
      <c r="F3169" s="523" t="s">
        <v>651</v>
      </c>
      <c r="G3169" s="518" t="s">
        <v>651</v>
      </c>
      <c r="H3169" s="517"/>
      <c r="I3169" s="517"/>
      <c r="J3169" s="517"/>
      <c r="K3169" s="516"/>
    </row>
    <row r="3170" spans="1:11" ht="13.7" customHeight="1">
      <c r="A3170" s="739" t="s">
        <v>1086</v>
      </c>
      <c r="B3170" s="740"/>
      <c r="C3170" s="522" t="s">
        <v>246</v>
      </c>
      <c r="D3170" s="521">
        <v>3</v>
      </c>
      <c r="E3170" s="520"/>
      <c r="F3170" s="519"/>
      <c r="G3170" s="518" t="s">
        <v>651</v>
      </c>
      <c r="H3170" s="517"/>
      <c r="I3170" s="517"/>
      <c r="J3170" s="517"/>
      <c r="K3170" s="516"/>
    </row>
    <row r="3171" spans="1:11" ht="13.7" customHeight="1">
      <c r="A3171" s="741"/>
      <c r="B3171" s="742"/>
      <c r="C3171" s="515"/>
      <c r="D3171" s="514"/>
      <c r="E3171" s="513"/>
      <c r="F3171" s="512"/>
      <c r="G3171" s="511" t="s">
        <v>651</v>
      </c>
      <c r="H3171" s="510"/>
      <c r="I3171" s="510"/>
      <c r="J3171" s="510"/>
      <c r="K3171" s="509"/>
    </row>
    <row r="3172" spans="1:11" ht="13.7" customHeight="1">
      <c r="A3172" s="743" t="s">
        <v>1085</v>
      </c>
      <c r="B3172" s="744"/>
      <c r="C3172" s="533"/>
      <c r="D3172" s="532"/>
      <c r="E3172" s="531"/>
      <c r="F3172" s="530"/>
      <c r="G3172" s="529" t="s">
        <v>651</v>
      </c>
      <c r="H3172" s="528"/>
      <c r="I3172" s="528"/>
      <c r="J3172" s="528"/>
      <c r="K3172" s="527"/>
    </row>
    <row r="3173" spans="1:11" ht="13.7" customHeight="1">
      <c r="A3173" s="745"/>
      <c r="B3173" s="740"/>
      <c r="C3173" s="526"/>
      <c r="D3173" s="525"/>
      <c r="E3173" s="524"/>
      <c r="F3173" s="523" t="s">
        <v>651</v>
      </c>
      <c r="G3173" s="518" t="s">
        <v>651</v>
      </c>
      <c r="H3173" s="517"/>
      <c r="I3173" s="517"/>
      <c r="J3173" s="517"/>
      <c r="K3173" s="516"/>
    </row>
    <row r="3174" spans="1:11" ht="13.7" customHeight="1">
      <c r="A3174" s="739" t="s">
        <v>1084</v>
      </c>
      <c r="B3174" s="740"/>
      <c r="C3174" s="522" t="s">
        <v>246</v>
      </c>
      <c r="D3174" s="521">
        <v>3</v>
      </c>
      <c r="E3174" s="520"/>
      <c r="F3174" s="519"/>
      <c r="G3174" s="518" t="s">
        <v>651</v>
      </c>
      <c r="H3174" s="517"/>
      <c r="I3174" s="517"/>
      <c r="J3174" s="517"/>
      <c r="K3174" s="516"/>
    </row>
    <row r="3175" spans="1:11" ht="13.7" customHeight="1">
      <c r="A3175" s="741"/>
      <c r="B3175" s="742"/>
      <c r="C3175" s="515"/>
      <c r="D3175" s="514"/>
      <c r="E3175" s="513"/>
      <c r="F3175" s="512"/>
      <c r="G3175" s="511" t="s">
        <v>651</v>
      </c>
      <c r="H3175" s="510"/>
      <c r="I3175" s="510"/>
      <c r="J3175" s="510"/>
      <c r="K3175" s="509"/>
    </row>
    <row r="3176" spans="1:11" ht="13.7" customHeight="1">
      <c r="A3176" s="743" t="s">
        <v>1080</v>
      </c>
      <c r="B3176" s="744"/>
      <c r="C3176" s="533"/>
      <c r="D3176" s="532"/>
      <c r="E3176" s="531"/>
      <c r="F3176" s="530"/>
      <c r="G3176" s="529" t="s">
        <v>651</v>
      </c>
      <c r="H3176" s="528"/>
      <c r="I3176" s="528"/>
      <c r="J3176" s="528"/>
      <c r="K3176" s="527"/>
    </row>
    <row r="3177" spans="1:11" ht="13.7" customHeight="1">
      <c r="A3177" s="745"/>
      <c r="B3177" s="740"/>
      <c r="C3177" s="526"/>
      <c r="D3177" s="525"/>
      <c r="E3177" s="524"/>
      <c r="F3177" s="523" t="s">
        <v>651</v>
      </c>
      <c r="G3177" s="518" t="s">
        <v>651</v>
      </c>
      <c r="H3177" s="517"/>
      <c r="I3177" s="517"/>
      <c r="J3177" s="517"/>
      <c r="K3177" s="516"/>
    </row>
    <row r="3178" spans="1:11" ht="13.7" customHeight="1">
      <c r="A3178" s="739" t="s">
        <v>1133</v>
      </c>
      <c r="B3178" s="740"/>
      <c r="C3178" s="522" t="s">
        <v>246</v>
      </c>
      <c r="D3178" s="521">
        <v>3</v>
      </c>
      <c r="E3178" s="520"/>
      <c r="F3178" s="519"/>
      <c r="G3178" s="518" t="s">
        <v>651</v>
      </c>
      <c r="H3178" s="517"/>
      <c r="I3178" s="517"/>
      <c r="J3178" s="517"/>
      <c r="K3178" s="516"/>
    </row>
    <row r="3179" spans="1:11" ht="13.7" customHeight="1">
      <c r="A3179" s="741"/>
      <c r="B3179" s="742"/>
      <c r="C3179" s="515"/>
      <c r="D3179" s="514"/>
      <c r="E3179" s="513"/>
      <c r="F3179" s="512"/>
      <c r="G3179" s="511" t="s">
        <v>651</v>
      </c>
      <c r="H3179" s="510"/>
      <c r="I3179" s="510"/>
      <c r="J3179" s="510"/>
      <c r="K3179" s="509"/>
    </row>
    <row r="3180" spans="1:11" ht="13.7" customHeight="1">
      <c r="A3180" s="743" t="s">
        <v>1080</v>
      </c>
      <c r="B3180" s="744"/>
      <c r="C3180" s="533"/>
      <c r="D3180" s="532"/>
      <c r="E3180" s="531"/>
      <c r="F3180" s="530"/>
      <c r="G3180" s="529" t="s">
        <v>651</v>
      </c>
      <c r="H3180" s="528"/>
      <c r="I3180" s="528"/>
      <c r="J3180" s="528"/>
      <c r="K3180" s="527"/>
    </row>
    <row r="3181" spans="1:11" ht="13.7" customHeight="1">
      <c r="A3181" s="745"/>
      <c r="B3181" s="740"/>
      <c r="C3181" s="526"/>
      <c r="D3181" s="525"/>
      <c r="E3181" s="524"/>
      <c r="F3181" s="523" t="s">
        <v>651</v>
      </c>
      <c r="G3181" s="518" t="s">
        <v>651</v>
      </c>
      <c r="H3181" s="517"/>
      <c r="I3181" s="517"/>
      <c r="J3181" s="517"/>
      <c r="K3181" s="516"/>
    </row>
    <row r="3182" spans="1:11" ht="13.7" customHeight="1">
      <c r="A3182" s="739" t="s">
        <v>1132</v>
      </c>
      <c r="B3182" s="740"/>
      <c r="C3182" s="522" t="s">
        <v>246</v>
      </c>
      <c r="D3182" s="521">
        <v>1</v>
      </c>
      <c r="E3182" s="520"/>
      <c r="F3182" s="519"/>
      <c r="G3182" s="518" t="s">
        <v>651</v>
      </c>
      <c r="H3182" s="517"/>
      <c r="I3182" s="517"/>
      <c r="J3182" s="517"/>
      <c r="K3182" s="516"/>
    </row>
    <row r="3183" spans="1:11" ht="13.7" customHeight="1">
      <c r="A3183" s="741"/>
      <c r="B3183" s="742"/>
      <c r="C3183" s="515"/>
      <c r="D3183" s="514"/>
      <c r="E3183" s="513"/>
      <c r="F3183" s="512"/>
      <c r="G3183" s="511" t="s">
        <v>651</v>
      </c>
      <c r="H3183" s="510"/>
      <c r="I3183" s="510"/>
      <c r="J3183" s="510"/>
      <c r="K3183" s="509"/>
    </row>
    <row r="3184" spans="1:11" ht="13.7" customHeight="1">
      <c r="A3184" s="743" t="s">
        <v>1080</v>
      </c>
      <c r="B3184" s="744"/>
      <c r="C3184" s="533"/>
      <c r="D3184" s="532"/>
      <c r="E3184" s="531"/>
      <c r="F3184" s="530"/>
      <c r="G3184" s="529" t="s">
        <v>651</v>
      </c>
      <c r="H3184" s="528"/>
      <c r="I3184" s="528"/>
      <c r="J3184" s="528"/>
      <c r="K3184" s="527"/>
    </row>
    <row r="3185" spans="1:11" ht="13.7" customHeight="1">
      <c r="A3185" s="745"/>
      <c r="B3185" s="740"/>
      <c r="C3185" s="526"/>
      <c r="D3185" s="525"/>
      <c r="E3185" s="524"/>
      <c r="F3185" s="523" t="s">
        <v>651</v>
      </c>
      <c r="G3185" s="518" t="s">
        <v>651</v>
      </c>
      <c r="H3185" s="517"/>
      <c r="I3185" s="517"/>
      <c r="J3185" s="517"/>
      <c r="K3185" s="516"/>
    </row>
    <row r="3186" spans="1:11" ht="13.7" customHeight="1">
      <c r="A3186" s="739" t="s">
        <v>1131</v>
      </c>
      <c r="B3186" s="740"/>
      <c r="C3186" s="522" t="s">
        <v>246</v>
      </c>
      <c r="D3186" s="521">
        <v>3</v>
      </c>
      <c r="E3186" s="520"/>
      <c r="F3186" s="519"/>
      <c r="G3186" s="518" t="s">
        <v>651</v>
      </c>
      <c r="H3186" s="517"/>
      <c r="I3186" s="517"/>
      <c r="J3186" s="517"/>
      <c r="K3186" s="516"/>
    </row>
    <row r="3187" spans="1:11" ht="13.7" customHeight="1">
      <c r="A3187" s="741"/>
      <c r="B3187" s="742"/>
      <c r="C3187" s="515"/>
      <c r="D3187" s="514"/>
      <c r="E3187" s="513"/>
      <c r="F3187" s="512"/>
      <c r="G3187" s="511" t="s">
        <v>651</v>
      </c>
      <c r="H3187" s="510"/>
      <c r="I3187" s="510"/>
      <c r="J3187" s="510"/>
      <c r="K3187" s="509"/>
    </row>
    <row r="3188" spans="1:11" ht="13.7" customHeight="1">
      <c r="A3188" s="743" t="s">
        <v>1080</v>
      </c>
      <c r="B3188" s="744"/>
      <c r="C3188" s="533"/>
      <c r="D3188" s="532"/>
      <c r="E3188" s="531"/>
      <c r="F3188" s="530"/>
      <c r="G3188" s="529" t="s">
        <v>651</v>
      </c>
      <c r="H3188" s="528"/>
      <c r="I3188" s="528"/>
      <c r="J3188" s="528"/>
      <c r="K3188" s="527"/>
    </row>
    <row r="3189" spans="1:11" ht="13.7" customHeight="1">
      <c r="A3189" s="745"/>
      <c r="B3189" s="740"/>
      <c r="C3189" s="526"/>
      <c r="D3189" s="525"/>
      <c r="E3189" s="524"/>
      <c r="F3189" s="523" t="s">
        <v>651</v>
      </c>
      <c r="G3189" s="518" t="s">
        <v>651</v>
      </c>
      <c r="H3189" s="517"/>
      <c r="I3189" s="517"/>
      <c r="J3189" s="517"/>
      <c r="K3189" s="516"/>
    </row>
    <row r="3190" spans="1:11" ht="13.7" customHeight="1">
      <c r="A3190" s="739" t="s">
        <v>1079</v>
      </c>
      <c r="B3190" s="740"/>
      <c r="C3190" s="522" t="s">
        <v>246</v>
      </c>
      <c r="D3190" s="521">
        <v>3</v>
      </c>
      <c r="E3190" s="520"/>
      <c r="F3190" s="519"/>
      <c r="G3190" s="518" t="s">
        <v>651</v>
      </c>
      <c r="H3190" s="517"/>
      <c r="I3190" s="517"/>
      <c r="J3190" s="517"/>
      <c r="K3190" s="516"/>
    </row>
    <row r="3191" spans="1:11" ht="13.7" customHeight="1">
      <c r="A3191" s="741"/>
      <c r="B3191" s="742"/>
      <c r="C3191" s="515"/>
      <c r="D3191" s="514"/>
      <c r="E3191" s="513"/>
      <c r="F3191" s="512"/>
      <c r="G3191" s="511" t="s">
        <v>651</v>
      </c>
      <c r="H3191" s="510"/>
      <c r="I3191" s="510"/>
      <c r="J3191" s="510"/>
      <c r="K3191" s="509"/>
    </row>
    <row r="3192" spans="1:11" ht="13.7" customHeight="1"/>
    <row r="3193" spans="1:11" ht="13.7" customHeight="1"/>
    <row r="3194" spans="1:11" ht="6.2" customHeight="1"/>
    <row r="3195" spans="1:11" ht="14.1" customHeight="1">
      <c r="A3195" s="543" t="s">
        <v>1130</v>
      </c>
      <c r="B3195" s="540" t="s">
        <v>1129</v>
      </c>
      <c r="C3195" s="540"/>
      <c r="D3195" s="540"/>
      <c r="E3195" s="540"/>
      <c r="F3195" s="540"/>
      <c r="G3195" s="542" t="s">
        <v>617</v>
      </c>
      <c r="H3195" s="541" t="s">
        <v>874</v>
      </c>
      <c r="I3195" s="540" t="s">
        <v>1007</v>
      </c>
      <c r="J3195" s="540"/>
      <c r="K3195" s="539"/>
    </row>
    <row r="3196" spans="1:11" ht="24" customHeight="1">
      <c r="A3196" s="538" t="s">
        <v>651</v>
      </c>
      <c r="B3196" s="537" t="s">
        <v>651</v>
      </c>
      <c r="C3196" s="537"/>
      <c r="D3196" s="537"/>
      <c r="E3196" s="537"/>
      <c r="F3196" s="537"/>
      <c r="G3196" s="751">
        <v>1</v>
      </c>
      <c r="H3196" s="751"/>
      <c r="I3196" s="751"/>
      <c r="J3196" s="536" t="s">
        <v>242</v>
      </c>
      <c r="K3196" s="535" t="s">
        <v>618</v>
      </c>
    </row>
    <row r="3197" spans="1:11" ht="17.100000000000001" customHeight="1">
      <c r="A3197" s="746" t="s">
        <v>1006</v>
      </c>
      <c r="B3197" s="747"/>
      <c r="C3197" s="534" t="s">
        <v>309</v>
      </c>
      <c r="D3197" s="534" t="s">
        <v>619</v>
      </c>
      <c r="E3197" s="534" t="s">
        <v>620</v>
      </c>
      <c r="F3197" s="534" t="s">
        <v>659</v>
      </c>
      <c r="G3197" s="748" t="s">
        <v>1005</v>
      </c>
      <c r="H3197" s="749"/>
      <c r="I3197" s="749"/>
      <c r="J3197" s="749"/>
      <c r="K3197" s="750"/>
    </row>
    <row r="3198" spans="1:11" ht="13.7" customHeight="1">
      <c r="A3198" s="743" t="s">
        <v>1078</v>
      </c>
      <c r="B3198" s="744"/>
      <c r="C3198" s="533"/>
      <c r="D3198" s="532"/>
      <c r="E3198" s="531"/>
      <c r="F3198" s="530"/>
      <c r="G3198" s="529" t="s">
        <v>651</v>
      </c>
      <c r="H3198" s="528"/>
      <c r="I3198" s="528"/>
      <c r="J3198" s="528"/>
      <c r="K3198" s="527"/>
    </row>
    <row r="3199" spans="1:11" ht="13.7" customHeight="1">
      <c r="A3199" s="745"/>
      <c r="B3199" s="740"/>
      <c r="C3199" s="526"/>
      <c r="D3199" s="525"/>
      <c r="E3199" s="524"/>
      <c r="F3199" s="523" t="s">
        <v>651</v>
      </c>
      <c r="G3199" s="518" t="s">
        <v>651</v>
      </c>
      <c r="H3199" s="517"/>
      <c r="I3199" s="517"/>
      <c r="J3199" s="517"/>
      <c r="K3199" s="516"/>
    </row>
    <row r="3200" spans="1:11" ht="13.7" customHeight="1">
      <c r="A3200" s="739" t="s">
        <v>1077</v>
      </c>
      <c r="B3200" s="740"/>
      <c r="C3200" s="522" t="s">
        <v>237</v>
      </c>
      <c r="D3200" s="521">
        <v>3</v>
      </c>
      <c r="E3200" s="520"/>
      <c r="F3200" s="519"/>
      <c r="G3200" s="518" t="s">
        <v>651</v>
      </c>
      <c r="H3200" s="517"/>
      <c r="I3200" s="517"/>
      <c r="J3200" s="517"/>
      <c r="K3200" s="516"/>
    </row>
    <row r="3201" spans="1:11" ht="13.7" customHeight="1">
      <c r="A3201" s="741"/>
      <c r="B3201" s="742"/>
      <c r="C3201" s="515"/>
      <c r="D3201" s="514"/>
      <c r="E3201" s="513"/>
      <c r="F3201" s="512"/>
      <c r="G3201" s="511" t="s">
        <v>651</v>
      </c>
      <c r="H3201" s="510"/>
      <c r="I3201" s="510"/>
      <c r="J3201" s="510"/>
      <c r="K3201" s="509"/>
    </row>
    <row r="3202" spans="1:11" ht="13.7" customHeight="1">
      <c r="A3202" s="743" t="s">
        <v>1076</v>
      </c>
      <c r="B3202" s="744"/>
      <c r="C3202" s="533"/>
      <c r="D3202" s="532"/>
      <c r="E3202" s="531"/>
      <c r="F3202" s="530"/>
      <c r="G3202" s="529" t="s">
        <v>651</v>
      </c>
      <c r="H3202" s="528"/>
      <c r="I3202" s="528"/>
      <c r="J3202" s="528"/>
      <c r="K3202" s="527"/>
    </row>
    <row r="3203" spans="1:11" ht="13.7" customHeight="1">
      <c r="A3203" s="745"/>
      <c r="B3203" s="740"/>
      <c r="C3203" s="526"/>
      <c r="D3203" s="525"/>
      <c r="E3203" s="524"/>
      <c r="F3203" s="523" t="s">
        <v>651</v>
      </c>
      <c r="G3203" s="518" t="s">
        <v>651</v>
      </c>
      <c r="H3203" s="517"/>
      <c r="I3203" s="517"/>
      <c r="J3203" s="517"/>
      <c r="K3203" s="516"/>
    </row>
    <row r="3204" spans="1:11" ht="13.7" customHeight="1">
      <c r="A3204" s="739" t="s">
        <v>651</v>
      </c>
      <c r="B3204" s="740"/>
      <c r="C3204" s="522" t="s">
        <v>1075</v>
      </c>
      <c r="D3204" s="521">
        <v>3</v>
      </c>
      <c r="E3204" s="520"/>
      <c r="F3204" s="519"/>
      <c r="G3204" s="518" t="s">
        <v>651</v>
      </c>
      <c r="H3204" s="517"/>
      <c r="I3204" s="517"/>
      <c r="J3204" s="517"/>
      <c r="K3204" s="516"/>
    </row>
    <row r="3205" spans="1:11" ht="13.7" customHeight="1">
      <c r="A3205" s="741"/>
      <c r="B3205" s="742"/>
      <c r="C3205" s="515"/>
      <c r="D3205" s="514"/>
      <c r="E3205" s="513"/>
      <c r="F3205" s="512"/>
      <c r="G3205" s="511" t="s">
        <v>651</v>
      </c>
      <c r="H3205" s="510"/>
      <c r="I3205" s="510"/>
      <c r="J3205" s="510"/>
      <c r="K3205" s="509"/>
    </row>
    <row r="3206" spans="1:11" ht="13.7" customHeight="1">
      <c r="A3206" s="743" t="s">
        <v>1074</v>
      </c>
      <c r="B3206" s="744"/>
      <c r="C3206" s="533"/>
      <c r="D3206" s="532"/>
      <c r="E3206" s="531"/>
      <c r="F3206" s="530"/>
      <c r="G3206" s="529" t="s">
        <v>651</v>
      </c>
      <c r="H3206" s="528"/>
      <c r="I3206" s="528"/>
      <c r="J3206" s="528"/>
      <c r="K3206" s="527"/>
    </row>
    <row r="3207" spans="1:11" ht="13.7" customHeight="1">
      <c r="A3207" s="745"/>
      <c r="B3207" s="740"/>
      <c r="C3207" s="526"/>
      <c r="D3207" s="525"/>
      <c r="E3207" s="524"/>
      <c r="F3207" s="523" t="s">
        <v>651</v>
      </c>
      <c r="G3207" s="518" t="s">
        <v>651</v>
      </c>
      <c r="H3207" s="517"/>
      <c r="I3207" s="517"/>
      <c r="J3207" s="517"/>
      <c r="K3207" s="516"/>
    </row>
    <row r="3208" spans="1:11" ht="13.7" customHeight="1">
      <c r="A3208" s="739" t="s">
        <v>651</v>
      </c>
      <c r="B3208" s="740"/>
      <c r="C3208" s="522" t="s">
        <v>246</v>
      </c>
      <c r="D3208" s="521">
        <v>3</v>
      </c>
      <c r="E3208" s="520"/>
      <c r="F3208" s="519"/>
      <c r="G3208" s="518" t="s">
        <v>651</v>
      </c>
      <c r="H3208" s="517"/>
      <c r="I3208" s="517"/>
      <c r="J3208" s="517"/>
      <c r="K3208" s="516"/>
    </row>
    <row r="3209" spans="1:11" ht="13.7" customHeight="1">
      <c r="A3209" s="741"/>
      <c r="B3209" s="742"/>
      <c r="C3209" s="515"/>
      <c r="D3209" s="514"/>
      <c r="E3209" s="513"/>
      <c r="F3209" s="512"/>
      <c r="G3209" s="511" t="s">
        <v>651</v>
      </c>
      <c r="H3209" s="510"/>
      <c r="I3209" s="510"/>
      <c r="J3209" s="510"/>
      <c r="K3209" s="509"/>
    </row>
    <row r="3210" spans="1:11" ht="13.7" customHeight="1">
      <c r="A3210" s="743" t="s">
        <v>1128</v>
      </c>
      <c r="B3210" s="744"/>
      <c r="C3210" s="533"/>
      <c r="D3210" s="532"/>
      <c r="E3210" s="531"/>
      <c r="F3210" s="530"/>
      <c r="G3210" s="529" t="s">
        <v>651</v>
      </c>
      <c r="H3210" s="528"/>
      <c r="I3210" s="528"/>
      <c r="J3210" s="528"/>
      <c r="K3210" s="527"/>
    </row>
    <row r="3211" spans="1:11" ht="13.7" customHeight="1">
      <c r="A3211" s="745"/>
      <c r="B3211" s="740"/>
      <c r="C3211" s="526"/>
      <c r="D3211" s="525"/>
      <c r="E3211" s="524"/>
      <c r="F3211" s="523" t="s">
        <v>651</v>
      </c>
      <c r="G3211" s="518" t="s">
        <v>651</v>
      </c>
      <c r="H3211" s="517"/>
      <c r="I3211" s="517"/>
      <c r="J3211" s="517"/>
      <c r="K3211" s="516"/>
    </row>
    <row r="3212" spans="1:11" ht="13.7" customHeight="1">
      <c r="A3212" s="739" t="s">
        <v>651</v>
      </c>
      <c r="B3212" s="740"/>
      <c r="C3212" s="522" t="s">
        <v>240</v>
      </c>
      <c r="D3212" s="521">
        <v>69.400000000000006</v>
      </c>
      <c r="E3212" s="520"/>
      <c r="F3212" s="519"/>
      <c r="G3212" s="518" t="s">
        <v>651</v>
      </c>
      <c r="H3212" s="517"/>
      <c r="I3212" s="517"/>
      <c r="J3212" s="517"/>
      <c r="K3212" s="516"/>
    </row>
    <row r="3213" spans="1:11" ht="13.7" customHeight="1">
      <c r="A3213" s="741"/>
      <c r="B3213" s="742"/>
      <c r="C3213" s="515"/>
      <c r="D3213" s="514"/>
      <c r="E3213" s="513"/>
      <c r="F3213" s="512"/>
      <c r="G3213" s="511" t="s">
        <v>651</v>
      </c>
      <c r="H3213" s="510"/>
      <c r="I3213" s="510"/>
      <c r="J3213" s="510"/>
      <c r="K3213" s="509"/>
    </row>
    <row r="3214" spans="1:11" ht="13.7" customHeight="1">
      <c r="A3214" s="743" t="s">
        <v>651</v>
      </c>
      <c r="B3214" s="744"/>
      <c r="C3214" s="533"/>
      <c r="D3214" s="532"/>
      <c r="E3214" s="531"/>
      <c r="F3214" s="530"/>
      <c r="G3214" s="529" t="s">
        <v>651</v>
      </c>
      <c r="H3214" s="528"/>
      <c r="I3214" s="528"/>
      <c r="J3214" s="528"/>
      <c r="K3214" s="527"/>
    </row>
    <row r="3215" spans="1:11" ht="13.7" customHeight="1">
      <c r="A3215" s="745"/>
      <c r="B3215" s="740"/>
      <c r="C3215" s="526"/>
      <c r="D3215" s="525"/>
      <c r="E3215" s="524"/>
      <c r="F3215" s="523" t="s">
        <v>651</v>
      </c>
      <c r="G3215" s="518" t="s">
        <v>651</v>
      </c>
      <c r="H3215" s="517"/>
      <c r="I3215" s="517"/>
      <c r="J3215" s="517"/>
      <c r="K3215" s="516"/>
    </row>
    <row r="3216" spans="1:11" ht="13.7" customHeight="1">
      <c r="A3216" s="739" t="s">
        <v>652</v>
      </c>
      <c r="B3216" s="740"/>
      <c r="C3216" s="522" t="s">
        <v>242</v>
      </c>
      <c r="D3216" s="521">
        <v>1</v>
      </c>
      <c r="E3216" s="520"/>
      <c r="F3216" s="519"/>
      <c r="G3216" s="518" t="s">
        <v>651</v>
      </c>
      <c r="H3216" s="517"/>
      <c r="I3216" s="517"/>
      <c r="J3216" s="517"/>
      <c r="K3216" s="516"/>
    </row>
    <row r="3217" spans="1:11" ht="13.7" customHeight="1">
      <c r="A3217" s="741"/>
      <c r="B3217" s="742"/>
      <c r="C3217" s="515"/>
      <c r="D3217" s="514"/>
      <c r="E3217" s="513"/>
      <c r="F3217" s="512"/>
      <c r="G3217" s="511" t="s">
        <v>651</v>
      </c>
      <c r="H3217" s="510"/>
      <c r="I3217" s="510"/>
      <c r="J3217" s="510"/>
      <c r="K3217" s="509"/>
    </row>
    <row r="3218" spans="1:11" ht="13.7" customHeight="1">
      <c r="A3218" s="743" t="s">
        <v>651</v>
      </c>
      <c r="B3218" s="744"/>
      <c r="C3218" s="533"/>
      <c r="D3218" s="532"/>
      <c r="E3218" s="531"/>
      <c r="F3218" s="530"/>
      <c r="G3218" s="529" t="s">
        <v>651</v>
      </c>
      <c r="H3218" s="528"/>
      <c r="I3218" s="528"/>
      <c r="J3218" s="528"/>
      <c r="K3218" s="527"/>
    </row>
    <row r="3219" spans="1:11" ht="13.7" customHeight="1">
      <c r="A3219" s="745"/>
      <c r="B3219" s="740"/>
      <c r="C3219" s="526"/>
      <c r="D3219" s="525"/>
      <c r="E3219" s="524"/>
      <c r="F3219" s="523" t="s">
        <v>651</v>
      </c>
      <c r="G3219" s="518" t="s">
        <v>651</v>
      </c>
      <c r="H3219" s="517"/>
      <c r="I3219" s="517"/>
      <c r="J3219" s="517"/>
      <c r="K3219" s="516"/>
    </row>
    <row r="3220" spans="1:11" ht="13.7" customHeight="1">
      <c r="A3220" s="739" t="s">
        <v>681</v>
      </c>
      <c r="B3220" s="740"/>
      <c r="C3220" s="522" t="s">
        <v>242</v>
      </c>
      <c r="D3220" s="521">
        <v>1</v>
      </c>
      <c r="E3220" s="520" t="s">
        <v>1002</v>
      </c>
      <c r="F3220" s="519"/>
      <c r="G3220" s="518" t="s">
        <v>651</v>
      </c>
      <c r="H3220" s="517"/>
      <c r="I3220" s="517"/>
      <c r="J3220" s="517"/>
      <c r="K3220" s="516"/>
    </row>
    <row r="3221" spans="1:11" ht="13.7" customHeight="1">
      <c r="A3221" s="741"/>
      <c r="B3221" s="742"/>
      <c r="C3221" s="515"/>
      <c r="D3221" s="514"/>
      <c r="E3221" s="513"/>
      <c r="F3221" s="512"/>
      <c r="G3221" s="511" t="s">
        <v>651</v>
      </c>
      <c r="H3221" s="510"/>
      <c r="I3221" s="510"/>
      <c r="J3221" s="510"/>
      <c r="K3221" s="509"/>
    </row>
    <row r="3222" spans="1:11" ht="13.7" customHeight="1"/>
    <row r="3223" spans="1:11" ht="13.7" customHeight="1"/>
    <row r="3224" spans="1:11" ht="13.7" customHeight="1"/>
    <row r="3225" spans="1:11" ht="13.7" customHeight="1"/>
    <row r="3226" spans="1:11" ht="13.7" customHeight="1"/>
    <row r="3227" spans="1:11" ht="13.7" customHeight="1"/>
    <row r="3228" spans="1:11" ht="13.7" customHeight="1"/>
    <row r="3229" spans="1:11" ht="13.7" customHeight="1"/>
    <row r="3230" spans="1:11" ht="13.7" customHeight="1"/>
    <row r="3231" spans="1:11" ht="13.7" customHeight="1"/>
    <row r="3232" spans="1:11" ht="6.2" customHeight="1"/>
    <row r="3233" spans="1:11" ht="14.1" customHeight="1">
      <c r="A3233" s="543" t="s">
        <v>1118</v>
      </c>
      <c r="B3233" s="540" t="s">
        <v>1117</v>
      </c>
      <c r="C3233" s="540"/>
      <c r="D3233" s="540"/>
      <c r="E3233" s="540"/>
      <c r="F3233" s="540"/>
      <c r="G3233" s="542" t="s">
        <v>617</v>
      </c>
      <c r="H3233" s="541" t="s">
        <v>872</v>
      </c>
      <c r="I3233" s="540" t="s">
        <v>1007</v>
      </c>
      <c r="J3233" s="540"/>
      <c r="K3233" s="539"/>
    </row>
    <row r="3234" spans="1:11" ht="24" customHeight="1">
      <c r="A3234" s="538" t="s">
        <v>651</v>
      </c>
      <c r="B3234" s="537" t="s">
        <v>651</v>
      </c>
      <c r="C3234" s="537"/>
      <c r="D3234" s="537"/>
      <c r="E3234" s="537"/>
      <c r="F3234" s="537"/>
      <c r="G3234" s="751">
        <v>1</v>
      </c>
      <c r="H3234" s="751"/>
      <c r="I3234" s="751"/>
      <c r="J3234" s="536" t="s">
        <v>242</v>
      </c>
      <c r="K3234" s="535" t="s">
        <v>618</v>
      </c>
    </row>
    <row r="3235" spans="1:11" ht="17.100000000000001" customHeight="1">
      <c r="A3235" s="746" t="s">
        <v>1006</v>
      </c>
      <c r="B3235" s="747"/>
      <c r="C3235" s="534" t="s">
        <v>309</v>
      </c>
      <c r="D3235" s="534" t="s">
        <v>619</v>
      </c>
      <c r="E3235" s="534" t="s">
        <v>620</v>
      </c>
      <c r="F3235" s="534" t="s">
        <v>659</v>
      </c>
      <c r="G3235" s="748" t="s">
        <v>1005</v>
      </c>
      <c r="H3235" s="749"/>
      <c r="I3235" s="749"/>
      <c r="J3235" s="749"/>
      <c r="K3235" s="750"/>
    </row>
    <row r="3236" spans="1:11" ht="13.7" customHeight="1">
      <c r="A3236" s="743" t="s">
        <v>1664</v>
      </c>
      <c r="B3236" s="744"/>
      <c r="C3236" s="533"/>
      <c r="D3236" s="532"/>
      <c r="E3236" s="531"/>
      <c r="F3236" s="530"/>
      <c r="G3236" s="529" t="s">
        <v>1127</v>
      </c>
      <c r="H3236" s="528"/>
      <c r="I3236" s="528"/>
      <c r="J3236" s="528"/>
      <c r="K3236" s="527"/>
    </row>
    <row r="3237" spans="1:11" ht="13.7" customHeight="1">
      <c r="A3237" s="745"/>
      <c r="B3237" s="740"/>
      <c r="C3237" s="526"/>
      <c r="D3237" s="525"/>
      <c r="E3237" s="524"/>
      <c r="F3237" s="523" t="s">
        <v>651</v>
      </c>
      <c r="G3237" s="518" t="s">
        <v>651</v>
      </c>
      <c r="H3237" s="517"/>
      <c r="I3237" s="517"/>
      <c r="J3237" s="517"/>
      <c r="K3237" s="516"/>
    </row>
    <row r="3238" spans="1:11" ht="13.7" customHeight="1">
      <c r="A3238" s="739" t="s">
        <v>745</v>
      </c>
      <c r="B3238" s="740"/>
      <c r="C3238" s="522" t="s">
        <v>240</v>
      </c>
      <c r="D3238" s="521">
        <v>69.400000000000006</v>
      </c>
      <c r="E3238" s="520"/>
      <c r="F3238" s="519"/>
      <c r="G3238" s="518" t="s">
        <v>651</v>
      </c>
      <c r="H3238" s="517"/>
      <c r="I3238" s="517"/>
      <c r="J3238" s="517"/>
      <c r="K3238" s="516"/>
    </row>
    <row r="3239" spans="1:11" ht="13.7" customHeight="1">
      <c r="A3239" s="741"/>
      <c r="B3239" s="742"/>
      <c r="C3239" s="515"/>
      <c r="D3239" s="514"/>
      <c r="E3239" s="513"/>
      <c r="F3239" s="512"/>
      <c r="G3239" s="511" t="s">
        <v>651</v>
      </c>
      <c r="H3239" s="510"/>
      <c r="I3239" s="510"/>
      <c r="J3239" s="510"/>
      <c r="K3239" s="509"/>
    </row>
    <row r="3240" spans="1:11" ht="13.7" customHeight="1">
      <c r="A3240" s="743" t="s">
        <v>768</v>
      </c>
      <c r="B3240" s="744"/>
      <c r="C3240" s="533"/>
      <c r="D3240" s="532"/>
      <c r="E3240" s="531"/>
      <c r="F3240" s="530"/>
      <c r="G3240" s="529" t="s">
        <v>1126</v>
      </c>
      <c r="H3240" s="528"/>
      <c r="I3240" s="528"/>
      <c r="J3240" s="528"/>
      <c r="K3240" s="527"/>
    </row>
    <row r="3241" spans="1:11" ht="13.7" customHeight="1">
      <c r="A3241" s="745"/>
      <c r="B3241" s="740"/>
      <c r="C3241" s="526"/>
      <c r="D3241" s="525"/>
      <c r="E3241" s="524"/>
      <c r="F3241" s="523" t="s">
        <v>651</v>
      </c>
      <c r="G3241" s="518" t="s">
        <v>651</v>
      </c>
      <c r="H3241" s="517"/>
      <c r="I3241" s="517"/>
      <c r="J3241" s="517"/>
      <c r="K3241" s="516"/>
    </row>
    <row r="3242" spans="1:11" ht="13.7" customHeight="1">
      <c r="A3242" s="739" t="s">
        <v>754</v>
      </c>
      <c r="B3242" s="740"/>
      <c r="C3242" s="522" t="s">
        <v>240</v>
      </c>
      <c r="D3242" s="521">
        <v>70.099999999999994</v>
      </c>
      <c r="E3242" s="520"/>
      <c r="F3242" s="519"/>
      <c r="G3242" s="518" t="s">
        <v>651</v>
      </c>
      <c r="H3242" s="517"/>
      <c r="I3242" s="517"/>
      <c r="J3242" s="517"/>
      <c r="K3242" s="516"/>
    </row>
    <row r="3243" spans="1:11" ht="13.7" customHeight="1">
      <c r="A3243" s="741"/>
      <c r="B3243" s="742"/>
      <c r="C3243" s="515"/>
      <c r="D3243" s="514"/>
      <c r="E3243" s="513"/>
      <c r="F3243" s="512"/>
      <c r="G3243" s="511" t="s">
        <v>651</v>
      </c>
      <c r="H3243" s="510"/>
      <c r="I3243" s="510"/>
      <c r="J3243" s="510"/>
      <c r="K3243" s="509"/>
    </row>
    <row r="3244" spans="1:11" ht="13.7" customHeight="1">
      <c r="A3244" s="743" t="s">
        <v>1029</v>
      </c>
      <c r="B3244" s="744"/>
      <c r="C3244" s="533"/>
      <c r="D3244" s="532"/>
      <c r="E3244" s="531"/>
      <c r="F3244" s="530"/>
      <c r="G3244" s="529" t="s">
        <v>1028</v>
      </c>
      <c r="H3244" s="528"/>
      <c r="I3244" s="528"/>
      <c r="J3244" s="528"/>
      <c r="K3244" s="527"/>
    </row>
    <row r="3245" spans="1:11" ht="13.7" customHeight="1">
      <c r="A3245" s="745"/>
      <c r="B3245" s="740"/>
      <c r="C3245" s="526"/>
      <c r="D3245" s="525"/>
      <c r="E3245" s="524"/>
      <c r="F3245" s="523" t="s">
        <v>651</v>
      </c>
      <c r="G3245" s="518" t="s">
        <v>651</v>
      </c>
      <c r="H3245" s="517"/>
      <c r="I3245" s="517"/>
      <c r="J3245" s="517"/>
      <c r="K3245" s="516"/>
    </row>
    <row r="3246" spans="1:11" ht="13.7" customHeight="1">
      <c r="A3246" s="739" t="s">
        <v>651</v>
      </c>
      <c r="B3246" s="740"/>
      <c r="C3246" s="522" t="s">
        <v>240</v>
      </c>
      <c r="D3246" s="521">
        <v>69.400000000000006</v>
      </c>
      <c r="E3246" s="520"/>
      <c r="F3246" s="519"/>
      <c r="G3246" s="518" t="s">
        <v>651</v>
      </c>
      <c r="H3246" s="517"/>
      <c r="I3246" s="517"/>
      <c r="J3246" s="517"/>
      <c r="K3246" s="516"/>
    </row>
    <row r="3247" spans="1:11" ht="13.7" customHeight="1">
      <c r="A3247" s="741"/>
      <c r="B3247" s="742"/>
      <c r="C3247" s="515"/>
      <c r="D3247" s="514"/>
      <c r="E3247" s="513"/>
      <c r="F3247" s="512"/>
      <c r="G3247" s="511" t="s">
        <v>651</v>
      </c>
      <c r="H3247" s="510"/>
      <c r="I3247" s="510"/>
      <c r="J3247" s="510"/>
      <c r="K3247" s="509"/>
    </row>
    <row r="3248" spans="1:11" ht="13.7" customHeight="1">
      <c r="A3248" s="743" t="s">
        <v>764</v>
      </c>
      <c r="B3248" s="744"/>
      <c r="C3248" s="533"/>
      <c r="D3248" s="532"/>
      <c r="E3248" s="531"/>
      <c r="F3248" s="530"/>
      <c r="G3248" s="529" t="s">
        <v>1125</v>
      </c>
      <c r="H3248" s="528"/>
      <c r="I3248" s="528"/>
      <c r="J3248" s="528"/>
      <c r="K3248" s="527"/>
    </row>
    <row r="3249" spans="1:11" ht="13.7" customHeight="1">
      <c r="A3249" s="745"/>
      <c r="B3249" s="740"/>
      <c r="C3249" s="526"/>
      <c r="D3249" s="525"/>
      <c r="E3249" s="524"/>
      <c r="F3249" s="523" t="s">
        <v>651</v>
      </c>
      <c r="G3249" s="518" t="s">
        <v>651</v>
      </c>
      <c r="H3249" s="517"/>
      <c r="I3249" s="517"/>
      <c r="J3249" s="517"/>
      <c r="K3249" s="516"/>
    </row>
    <row r="3250" spans="1:11" ht="13.7" customHeight="1">
      <c r="A3250" s="739" t="s">
        <v>765</v>
      </c>
      <c r="B3250" s="740"/>
      <c r="C3250" s="522" t="s">
        <v>697</v>
      </c>
      <c r="D3250" s="521">
        <v>6</v>
      </c>
      <c r="E3250" s="520"/>
      <c r="F3250" s="519"/>
      <c r="G3250" s="518" t="s">
        <v>651</v>
      </c>
      <c r="H3250" s="517"/>
      <c r="I3250" s="517"/>
      <c r="J3250" s="517"/>
      <c r="K3250" s="516"/>
    </row>
    <row r="3251" spans="1:11" ht="13.7" customHeight="1">
      <c r="A3251" s="741"/>
      <c r="B3251" s="742"/>
      <c r="C3251" s="515"/>
      <c r="D3251" s="514"/>
      <c r="E3251" s="513"/>
      <c r="F3251" s="512"/>
      <c r="G3251" s="511" t="s">
        <v>651</v>
      </c>
      <c r="H3251" s="510"/>
      <c r="I3251" s="510"/>
      <c r="J3251" s="510"/>
      <c r="K3251" s="509"/>
    </row>
    <row r="3252" spans="1:11" ht="13.7" customHeight="1">
      <c r="A3252" s="743" t="s">
        <v>696</v>
      </c>
      <c r="B3252" s="744"/>
      <c r="C3252" s="533"/>
      <c r="D3252" s="532"/>
      <c r="E3252" s="531"/>
      <c r="F3252" s="530"/>
      <c r="G3252" s="529" t="s">
        <v>1124</v>
      </c>
      <c r="H3252" s="528"/>
      <c r="I3252" s="528"/>
      <c r="J3252" s="528"/>
      <c r="K3252" s="527"/>
    </row>
    <row r="3253" spans="1:11" ht="13.7" customHeight="1">
      <c r="A3253" s="745"/>
      <c r="B3253" s="740"/>
      <c r="C3253" s="526"/>
      <c r="D3253" s="525"/>
      <c r="E3253" s="524"/>
      <c r="F3253" s="523" t="s">
        <v>651</v>
      </c>
      <c r="G3253" s="518" t="s">
        <v>651</v>
      </c>
      <c r="H3253" s="517"/>
      <c r="I3253" s="517"/>
      <c r="J3253" s="517"/>
      <c r="K3253" s="516"/>
    </row>
    <row r="3254" spans="1:11" ht="13.7" customHeight="1">
      <c r="A3254" s="739" t="s">
        <v>762</v>
      </c>
      <c r="B3254" s="740"/>
      <c r="C3254" s="522" t="s">
        <v>697</v>
      </c>
      <c r="D3254" s="521">
        <v>11</v>
      </c>
      <c r="E3254" s="520"/>
      <c r="F3254" s="519"/>
      <c r="G3254" s="518" t="s">
        <v>651</v>
      </c>
      <c r="H3254" s="517"/>
      <c r="I3254" s="517"/>
      <c r="J3254" s="517"/>
      <c r="K3254" s="516"/>
    </row>
    <row r="3255" spans="1:11" ht="13.7" customHeight="1">
      <c r="A3255" s="741"/>
      <c r="B3255" s="742"/>
      <c r="C3255" s="515"/>
      <c r="D3255" s="514"/>
      <c r="E3255" s="513"/>
      <c r="F3255" s="512"/>
      <c r="G3255" s="511" t="s">
        <v>651</v>
      </c>
      <c r="H3255" s="510"/>
      <c r="I3255" s="510"/>
      <c r="J3255" s="510"/>
      <c r="K3255" s="509"/>
    </row>
    <row r="3256" spans="1:11" ht="13.7" customHeight="1">
      <c r="A3256" s="743" t="s">
        <v>761</v>
      </c>
      <c r="B3256" s="744"/>
      <c r="C3256" s="533"/>
      <c r="D3256" s="532"/>
      <c r="E3256" s="531"/>
      <c r="F3256" s="530"/>
      <c r="G3256" s="529" t="s">
        <v>1123</v>
      </c>
      <c r="H3256" s="528"/>
      <c r="I3256" s="528"/>
      <c r="J3256" s="528"/>
      <c r="K3256" s="527"/>
    </row>
    <row r="3257" spans="1:11" ht="13.7" customHeight="1">
      <c r="A3257" s="745"/>
      <c r="B3257" s="740"/>
      <c r="C3257" s="526"/>
      <c r="D3257" s="525"/>
      <c r="E3257" s="524"/>
      <c r="F3257" s="523" t="s">
        <v>651</v>
      </c>
      <c r="G3257" s="518" t="s">
        <v>651</v>
      </c>
      <c r="H3257" s="517"/>
      <c r="I3257" s="517"/>
      <c r="J3257" s="517"/>
      <c r="K3257" s="516"/>
    </row>
    <row r="3258" spans="1:11" ht="13.7" customHeight="1">
      <c r="A3258" s="739" t="s">
        <v>759</v>
      </c>
      <c r="B3258" s="740"/>
      <c r="C3258" s="522" t="s">
        <v>697</v>
      </c>
      <c r="D3258" s="521">
        <v>23</v>
      </c>
      <c r="E3258" s="520"/>
      <c r="F3258" s="519"/>
      <c r="G3258" s="518" t="s">
        <v>651</v>
      </c>
      <c r="H3258" s="517"/>
      <c r="I3258" s="517"/>
      <c r="J3258" s="517"/>
      <c r="K3258" s="516"/>
    </row>
    <row r="3259" spans="1:11" ht="13.7" customHeight="1">
      <c r="A3259" s="741"/>
      <c r="B3259" s="742"/>
      <c r="C3259" s="515"/>
      <c r="D3259" s="514"/>
      <c r="E3259" s="513"/>
      <c r="F3259" s="512"/>
      <c r="G3259" s="511" t="s">
        <v>651</v>
      </c>
      <c r="H3259" s="510"/>
      <c r="I3259" s="510"/>
      <c r="J3259" s="510"/>
      <c r="K3259" s="509"/>
    </row>
    <row r="3260" spans="1:11" ht="13.7" customHeight="1">
      <c r="A3260" s="743" t="s">
        <v>756</v>
      </c>
      <c r="B3260" s="744"/>
      <c r="C3260" s="533"/>
      <c r="D3260" s="532"/>
      <c r="E3260" s="531"/>
      <c r="F3260" s="530"/>
      <c r="G3260" s="529" t="s">
        <v>1122</v>
      </c>
      <c r="H3260" s="528"/>
      <c r="I3260" s="528"/>
      <c r="J3260" s="528"/>
      <c r="K3260" s="527"/>
    </row>
    <row r="3261" spans="1:11" ht="13.7" customHeight="1">
      <c r="A3261" s="745"/>
      <c r="B3261" s="740"/>
      <c r="C3261" s="526"/>
      <c r="D3261" s="525"/>
      <c r="E3261" s="524"/>
      <c r="F3261" s="523" t="s">
        <v>651</v>
      </c>
      <c r="G3261" s="518" t="s">
        <v>651</v>
      </c>
      <c r="H3261" s="517"/>
      <c r="I3261" s="517"/>
      <c r="J3261" s="517"/>
      <c r="K3261" s="516"/>
    </row>
    <row r="3262" spans="1:11" ht="13.7" customHeight="1">
      <c r="A3262" s="739" t="s">
        <v>757</v>
      </c>
      <c r="B3262" s="740"/>
      <c r="C3262" s="522" t="s">
        <v>697</v>
      </c>
      <c r="D3262" s="521">
        <v>1</v>
      </c>
      <c r="E3262" s="520"/>
      <c r="F3262" s="519"/>
      <c r="G3262" s="518" t="s">
        <v>651</v>
      </c>
      <c r="H3262" s="517"/>
      <c r="I3262" s="517"/>
      <c r="J3262" s="517"/>
      <c r="K3262" s="516"/>
    </row>
    <row r="3263" spans="1:11" ht="13.7" customHeight="1">
      <c r="A3263" s="741"/>
      <c r="B3263" s="742"/>
      <c r="C3263" s="515"/>
      <c r="D3263" s="514"/>
      <c r="E3263" s="513"/>
      <c r="F3263" s="512"/>
      <c r="G3263" s="511" t="s">
        <v>651</v>
      </c>
      <c r="H3263" s="510"/>
      <c r="I3263" s="510"/>
      <c r="J3263" s="510"/>
      <c r="K3263" s="509"/>
    </row>
    <row r="3264" spans="1:11" ht="13.7" customHeight="1">
      <c r="A3264" s="743" t="s">
        <v>753</v>
      </c>
      <c r="B3264" s="744"/>
      <c r="C3264" s="533"/>
      <c r="D3264" s="532"/>
      <c r="E3264" s="531"/>
      <c r="F3264" s="530"/>
      <c r="G3264" s="529" t="s">
        <v>1121</v>
      </c>
      <c r="H3264" s="528"/>
      <c r="I3264" s="528"/>
      <c r="J3264" s="528"/>
      <c r="K3264" s="527"/>
    </row>
    <row r="3265" spans="1:11" ht="13.7" customHeight="1">
      <c r="A3265" s="745"/>
      <c r="B3265" s="740"/>
      <c r="C3265" s="526"/>
      <c r="D3265" s="525"/>
      <c r="E3265" s="524"/>
      <c r="F3265" s="523" t="s">
        <v>651</v>
      </c>
      <c r="G3265" s="518" t="s">
        <v>651</v>
      </c>
      <c r="H3265" s="517"/>
      <c r="I3265" s="517"/>
      <c r="J3265" s="517"/>
      <c r="K3265" s="516"/>
    </row>
    <row r="3266" spans="1:11" ht="13.7" customHeight="1">
      <c r="A3266" s="739" t="s">
        <v>754</v>
      </c>
      <c r="B3266" s="740"/>
      <c r="C3266" s="522" t="s">
        <v>697</v>
      </c>
      <c r="D3266" s="521">
        <v>1</v>
      </c>
      <c r="E3266" s="520"/>
      <c r="F3266" s="519"/>
      <c r="G3266" s="518" t="s">
        <v>651</v>
      </c>
      <c r="H3266" s="517"/>
      <c r="I3266" s="517"/>
      <c r="J3266" s="517"/>
      <c r="K3266" s="516"/>
    </row>
    <row r="3267" spans="1:11" ht="13.7" customHeight="1">
      <c r="A3267" s="741"/>
      <c r="B3267" s="742"/>
      <c r="C3267" s="515"/>
      <c r="D3267" s="514"/>
      <c r="E3267" s="513"/>
      <c r="F3267" s="512"/>
      <c r="G3267" s="511" t="s">
        <v>651</v>
      </c>
      <c r="H3267" s="510"/>
      <c r="I3267" s="510"/>
      <c r="J3267" s="510"/>
      <c r="K3267" s="509"/>
    </row>
    <row r="3268" spans="1:11" ht="13.7" customHeight="1"/>
    <row r="3269" spans="1:11" ht="13.7" customHeight="1"/>
    <row r="3270" spans="1:11" ht="6.2" customHeight="1"/>
    <row r="3271" spans="1:11" ht="14.1" customHeight="1">
      <c r="A3271" s="543" t="s">
        <v>1118</v>
      </c>
      <c r="B3271" s="540" t="s">
        <v>1117</v>
      </c>
      <c r="C3271" s="540"/>
      <c r="D3271" s="540"/>
      <c r="E3271" s="540"/>
      <c r="F3271" s="540"/>
      <c r="G3271" s="542" t="s">
        <v>617</v>
      </c>
      <c r="H3271" s="541" t="s">
        <v>872</v>
      </c>
      <c r="I3271" s="540" t="s">
        <v>1007</v>
      </c>
      <c r="J3271" s="540"/>
      <c r="K3271" s="539"/>
    </row>
    <row r="3272" spans="1:11" ht="24" customHeight="1">
      <c r="A3272" s="538" t="s">
        <v>651</v>
      </c>
      <c r="B3272" s="537" t="s">
        <v>651</v>
      </c>
      <c r="C3272" s="537"/>
      <c r="D3272" s="537"/>
      <c r="E3272" s="537"/>
      <c r="F3272" s="537"/>
      <c r="G3272" s="751">
        <v>1</v>
      </c>
      <c r="H3272" s="751"/>
      <c r="I3272" s="751"/>
      <c r="J3272" s="536" t="s">
        <v>242</v>
      </c>
      <c r="K3272" s="535" t="s">
        <v>618</v>
      </c>
    </row>
    <row r="3273" spans="1:11" ht="17.100000000000001" customHeight="1">
      <c r="A3273" s="746" t="s">
        <v>1006</v>
      </c>
      <c r="B3273" s="747"/>
      <c r="C3273" s="534" t="s">
        <v>309</v>
      </c>
      <c r="D3273" s="534" t="s">
        <v>619</v>
      </c>
      <c r="E3273" s="534" t="s">
        <v>620</v>
      </c>
      <c r="F3273" s="534" t="s">
        <v>659</v>
      </c>
      <c r="G3273" s="748" t="s">
        <v>1005</v>
      </c>
      <c r="H3273" s="749"/>
      <c r="I3273" s="749"/>
      <c r="J3273" s="749"/>
      <c r="K3273" s="750"/>
    </row>
    <row r="3274" spans="1:11" ht="13.7" customHeight="1">
      <c r="A3274" s="743" t="s">
        <v>751</v>
      </c>
      <c r="B3274" s="744"/>
      <c r="C3274" s="533"/>
      <c r="D3274" s="532"/>
      <c r="E3274" s="531"/>
      <c r="F3274" s="530"/>
      <c r="G3274" s="529" t="s">
        <v>1120</v>
      </c>
      <c r="H3274" s="528"/>
      <c r="I3274" s="528"/>
      <c r="J3274" s="528"/>
      <c r="K3274" s="527"/>
    </row>
    <row r="3275" spans="1:11" ht="13.7" customHeight="1">
      <c r="A3275" s="745"/>
      <c r="B3275" s="740"/>
      <c r="C3275" s="526"/>
      <c r="D3275" s="525"/>
      <c r="E3275" s="524"/>
      <c r="F3275" s="523" t="s">
        <v>651</v>
      </c>
      <c r="G3275" s="518" t="s">
        <v>651</v>
      </c>
      <c r="H3275" s="517"/>
      <c r="I3275" s="517"/>
      <c r="J3275" s="517"/>
      <c r="K3275" s="516"/>
    </row>
    <row r="3276" spans="1:11" ht="13.7" customHeight="1">
      <c r="A3276" s="739" t="s">
        <v>749</v>
      </c>
      <c r="B3276" s="740"/>
      <c r="C3276" s="522" t="s">
        <v>697</v>
      </c>
      <c r="D3276" s="521">
        <v>11</v>
      </c>
      <c r="E3276" s="520"/>
      <c r="F3276" s="519"/>
      <c r="G3276" s="518" t="s">
        <v>651</v>
      </c>
      <c r="H3276" s="517"/>
      <c r="I3276" s="517"/>
      <c r="J3276" s="517"/>
      <c r="K3276" s="516"/>
    </row>
    <row r="3277" spans="1:11" ht="13.7" customHeight="1">
      <c r="A3277" s="741"/>
      <c r="B3277" s="742"/>
      <c r="C3277" s="515"/>
      <c r="D3277" s="514"/>
      <c r="E3277" s="513"/>
      <c r="F3277" s="512"/>
      <c r="G3277" s="511" t="s">
        <v>651</v>
      </c>
      <c r="H3277" s="510"/>
      <c r="I3277" s="510"/>
      <c r="J3277" s="510"/>
      <c r="K3277" s="509"/>
    </row>
    <row r="3278" spans="1:11" ht="13.7" customHeight="1">
      <c r="A3278" s="743" t="s">
        <v>1662</v>
      </c>
      <c r="B3278" s="744"/>
      <c r="C3278" s="533"/>
      <c r="D3278" s="532"/>
      <c r="E3278" s="531"/>
      <c r="F3278" s="530"/>
      <c r="G3278" s="529" t="s">
        <v>1119</v>
      </c>
      <c r="H3278" s="528"/>
      <c r="I3278" s="528"/>
      <c r="J3278" s="528"/>
      <c r="K3278" s="527"/>
    </row>
    <row r="3279" spans="1:11" ht="13.7" customHeight="1">
      <c r="A3279" s="745"/>
      <c r="B3279" s="740"/>
      <c r="C3279" s="526"/>
      <c r="D3279" s="525"/>
      <c r="E3279" s="524"/>
      <c r="F3279" s="523" t="s">
        <v>651</v>
      </c>
      <c r="G3279" s="518" t="s">
        <v>651</v>
      </c>
      <c r="H3279" s="517"/>
      <c r="I3279" s="517"/>
      <c r="J3279" s="517"/>
      <c r="K3279" s="516"/>
    </row>
    <row r="3280" spans="1:11" ht="13.7" customHeight="1">
      <c r="A3280" s="739" t="s">
        <v>743</v>
      </c>
      <c r="B3280" s="740"/>
      <c r="C3280" s="522" t="s">
        <v>234</v>
      </c>
      <c r="D3280" s="521">
        <v>3</v>
      </c>
      <c r="E3280" s="520"/>
      <c r="F3280" s="519"/>
      <c r="G3280" s="518" t="s">
        <v>651</v>
      </c>
      <c r="H3280" s="517"/>
      <c r="I3280" s="517"/>
      <c r="J3280" s="517"/>
      <c r="K3280" s="516"/>
    </row>
    <row r="3281" spans="1:11" ht="13.7" customHeight="1">
      <c r="A3281" s="741"/>
      <c r="B3281" s="742"/>
      <c r="C3281" s="515"/>
      <c r="D3281" s="514"/>
      <c r="E3281" s="513"/>
      <c r="F3281" s="512"/>
      <c r="G3281" s="511" t="s">
        <v>651</v>
      </c>
      <c r="H3281" s="510"/>
      <c r="I3281" s="510"/>
      <c r="J3281" s="510"/>
      <c r="K3281" s="509"/>
    </row>
    <row r="3282" spans="1:11" ht="13.7" customHeight="1">
      <c r="A3282" s="743" t="s">
        <v>1066</v>
      </c>
      <c r="B3282" s="744"/>
      <c r="C3282" s="533"/>
      <c r="D3282" s="532"/>
      <c r="E3282" s="531"/>
      <c r="F3282" s="530"/>
      <c r="G3282" s="529" t="s">
        <v>1065</v>
      </c>
      <c r="H3282" s="528"/>
      <c r="I3282" s="528"/>
      <c r="J3282" s="528"/>
      <c r="K3282" s="527"/>
    </row>
    <row r="3283" spans="1:11" ht="13.7" customHeight="1">
      <c r="A3283" s="745"/>
      <c r="B3283" s="740"/>
      <c r="C3283" s="526"/>
      <c r="D3283" s="525"/>
      <c r="E3283" s="524"/>
      <c r="F3283" s="523" t="s">
        <v>651</v>
      </c>
      <c r="G3283" s="518" t="s">
        <v>651</v>
      </c>
      <c r="H3283" s="517"/>
      <c r="I3283" s="517"/>
      <c r="J3283" s="517"/>
      <c r="K3283" s="516"/>
    </row>
    <row r="3284" spans="1:11" ht="13.7" customHeight="1">
      <c r="A3284" s="739" t="s">
        <v>1064</v>
      </c>
      <c r="B3284" s="740"/>
      <c r="C3284" s="522" t="s">
        <v>194</v>
      </c>
      <c r="D3284" s="521">
        <v>0.9</v>
      </c>
      <c r="E3284" s="520"/>
      <c r="F3284" s="519"/>
      <c r="G3284" s="518" t="s">
        <v>651</v>
      </c>
      <c r="H3284" s="517"/>
      <c r="I3284" s="517"/>
      <c r="J3284" s="517"/>
      <c r="K3284" s="516"/>
    </row>
    <row r="3285" spans="1:11" ht="13.7" customHeight="1">
      <c r="A3285" s="741"/>
      <c r="B3285" s="742"/>
      <c r="C3285" s="515"/>
      <c r="D3285" s="514"/>
      <c r="E3285" s="513"/>
      <c r="F3285" s="512"/>
      <c r="G3285" s="511" t="s">
        <v>651</v>
      </c>
      <c r="H3285" s="510"/>
      <c r="I3285" s="510"/>
      <c r="J3285" s="510"/>
      <c r="K3285" s="509"/>
    </row>
    <row r="3286" spans="1:11" ht="13.7" customHeight="1">
      <c r="A3286" s="743" t="s">
        <v>815</v>
      </c>
      <c r="B3286" s="744"/>
      <c r="C3286" s="533"/>
      <c r="D3286" s="532"/>
      <c r="E3286" s="531"/>
      <c r="F3286" s="530"/>
      <c r="G3286" s="529" t="s">
        <v>1060</v>
      </c>
      <c r="H3286" s="528"/>
      <c r="I3286" s="528"/>
      <c r="J3286" s="528"/>
      <c r="K3286" s="527"/>
    </row>
    <row r="3287" spans="1:11" ht="13.7" customHeight="1">
      <c r="A3287" s="745"/>
      <c r="B3287" s="740"/>
      <c r="C3287" s="526"/>
      <c r="D3287" s="525"/>
      <c r="E3287" s="524"/>
      <c r="F3287" s="523" t="s">
        <v>651</v>
      </c>
      <c r="G3287" s="518" t="s">
        <v>651</v>
      </c>
      <c r="H3287" s="517"/>
      <c r="I3287" s="517"/>
      <c r="J3287" s="517"/>
      <c r="K3287" s="516"/>
    </row>
    <row r="3288" spans="1:11" ht="13.7" customHeight="1">
      <c r="A3288" s="739" t="s">
        <v>1059</v>
      </c>
      <c r="B3288" s="740"/>
      <c r="C3288" s="522" t="s">
        <v>246</v>
      </c>
      <c r="D3288" s="521">
        <v>3</v>
      </c>
      <c r="E3288" s="520"/>
      <c r="F3288" s="519"/>
      <c r="G3288" s="518" t="s">
        <v>651</v>
      </c>
      <c r="H3288" s="517"/>
      <c r="I3288" s="517"/>
      <c r="J3288" s="517"/>
      <c r="K3288" s="516"/>
    </row>
    <row r="3289" spans="1:11" ht="13.7" customHeight="1">
      <c r="A3289" s="741"/>
      <c r="B3289" s="742"/>
      <c r="C3289" s="515"/>
      <c r="D3289" s="514"/>
      <c r="E3289" s="513"/>
      <c r="F3289" s="512"/>
      <c r="G3289" s="511" t="s">
        <v>651</v>
      </c>
      <c r="H3289" s="510"/>
      <c r="I3289" s="510"/>
      <c r="J3289" s="510"/>
      <c r="K3289" s="509"/>
    </row>
    <row r="3290" spans="1:11" ht="13.7" customHeight="1">
      <c r="A3290" s="743" t="s">
        <v>813</v>
      </c>
      <c r="B3290" s="744"/>
      <c r="C3290" s="533"/>
      <c r="D3290" s="532"/>
      <c r="E3290" s="531"/>
      <c r="F3290" s="530"/>
      <c r="G3290" s="529" t="s">
        <v>1058</v>
      </c>
      <c r="H3290" s="528"/>
      <c r="I3290" s="528"/>
      <c r="J3290" s="528"/>
      <c r="K3290" s="527"/>
    </row>
    <row r="3291" spans="1:11" ht="13.7" customHeight="1">
      <c r="A3291" s="745"/>
      <c r="B3291" s="740"/>
      <c r="C3291" s="526"/>
      <c r="D3291" s="525"/>
      <c r="E3291" s="524"/>
      <c r="F3291" s="523" t="s">
        <v>651</v>
      </c>
      <c r="G3291" s="518" t="s">
        <v>651</v>
      </c>
      <c r="H3291" s="517"/>
      <c r="I3291" s="517"/>
      <c r="J3291" s="517"/>
      <c r="K3291" s="516"/>
    </row>
    <row r="3292" spans="1:11" ht="13.7" customHeight="1">
      <c r="A3292" s="739" t="s">
        <v>1057</v>
      </c>
      <c r="B3292" s="740"/>
      <c r="C3292" s="522" t="s">
        <v>246</v>
      </c>
      <c r="D3292" s="521">
        <v>3</v>
      </c>
      <c r="E3292" s="520"/>
      <c r="F3292" s="519"/>
      <c r="G3292" s="518" t="s">
        <v>651</v>
      </c>
      <c r="H3292" s="517"/>
      <c r="I3292" s="517"/>
      <c r="J3292" s="517"/>
      <c r="K3292" s="516"/>
    </row>
    <row r="3293" spans="1:11" ht="13.7" customHeight="1">
      <c r="A3293" s="741"/>
      <c r="B3293" s="742"/>
      <c r="C3293" s="515"/>
      <c r="D3293" s="514"/>
      <c r="E3293" s="513"/>
      <c r="F3293" s="512"/>
      <c r="G3293" s="511" t="s">
        <v>651</v>
      </c>
      <c r="H3293" s="510"/>
      <c r="I3293" s="510"/>
      <c r="J3293" s="510"/>
      <c r="K3293" s="509"/>
    </row>
    <row r="3294" spans="1:11" ht="13.7" customHeight="1">
      <c r="A3294" s="743" t="s">
        <v>740</v>
      </c>
      <c r="B3294" s="744"/>
      <c r="C3294" s="533"/>
      <c r="D3294" s="532"/>
      <c r="E3294" s="531"/>
      <c r="F3294" s="530"/>
      <c r="G3294" s="529" t="s">
        <v>1056</v>
      </c>
      <c r="H3294" s="528"/>
      <c r="I3294" s="528"/>
      <c r="J3294" s="528"/>
      <c r="K3294" s="527"/>
    </row>
    <row r="3295" spans="1:11" ht="13.7" customHeight="1">
      <c r="A3295" s="745"/>
      <c r="B3295" s="740"/>
      <c r="C3295" s="526"/>
      <c r="D3295" s="525"/>
      <c r="E3295" s="524"/>
      <c r="F3295" s="523" t="s">
        <v>651</v>
      </c>
      <c r="G3295" s="518" t="s">
        <v>651</v>
      </c>
      <c r="H3295" s="517"/>
      <c r="I3295" s="517"/>
      <c r="J3295" s="517"/>
      <c r="K3295" s="516"/>
    </row>
    <row r="3296" spans="1:11" ht="13.7" customHeight="1">
      <c r="A3296" s="739" t="s">
        <v>1055</v>
      </c>
      <c r="B3296" s="740"/>
      <c r="C3296" s="522" t="s">
        <v>246</v>
      </c>
      <c r="D3296" s="521">
        <v>3</v>
      </c>
      <c r="E3296" s="520"/>
      <c r="F3296" s="519"/>
      <c r="G3296" s="518" t="s">
        <v>651</v>
      </c>
      <c r="H3296" s="517"/>
      <c r="I3296" s="517"/>
      <c r="J3296" s="517"/>
      <c r="K3296" s="516"/>
    </row>
    <row r="3297" spans="1:11" ht="13.7" customHeight="1">
      <c r="A3297" s="741"/>
      <c r="B3297" s="742"/>
      <c r="C3297" s="515"/>
      <c r="D3297" s="514"/>
      <c r="E3297" s="513"/>
      <c r="F3297" s="512"/>
      <c r="G3297" s="511" t="s">
        <v>651</v>
      </c>
      <c r="H3297" s="510"/>
      <c r="I3297" s="510"/>
      <c r="J3297" s="510"/>
      <c r="K3297" s="509"/>
    </row>
    <row r="3298" spans="1:11" ht="13.7" customHeight="1">
      <c r="A3298" s="743" t="s">
        <v>738</v>
      </c>
      <c r="B3298" s="744"/>
      <c r="C3298" s="533"/>
      <c r="D3298" s="532"/>
      <c r="E3298" s="531"/>
      <c r="F3298" s="530"/>
      <c r="G3298" s="529" t="s">
        <v>1054</v>
      </c>
      <c r="H3298" s="528"/>
      <c r="I3298" s="528"/>
      <c r="J3298" s="528"/>
      <c r="K3298" s="527"/>
    </row>
    <row r="3299" spans="1:11" ht="13.7" customHeight="1">
      <c r="A3299" s="745"/>
      <c r="B3299" s="740"/>
      <c r="C3299" s="526"/>
      <c r="D3299" s="525"/>
      <c r="E3299" s="524"/>
      <c r="F3299" s="523" t="s">
        <v>651</v>
      </c>
      <c r="G3299" s="518" t="s">
        <v>651</v>
      </c>
      <c r="H3299" s="517"/>
      <c r="I3299" s="517"/>
      <c r="J3299" s="517"/>
      <c r="K3299" s="516"/>
    </row>
    <row r="3300" spans="1:11" ht="13.7" customHeight="1">
      <c r="A3300" s="739" t="s">
        <v>1053</v>
      </c>
      <c r="B3300" s="740"/>
      <c r="C3300" s="522" t="s">
        <v>246</v>
      </c>
      <c r="D3300" s="521">
        <v>1</v>
      </c>
      <c r="E3300" s="520"/>
      <c r="F3300" s="519"/>
      <c r="G3300" s="518" t="s">
        <v>651</v>
      </c>
      <c r="H3300" s="517"/>
      <c r="I3300" s="517"/>
      <c r="J3300" s="517"/>
      <c r="K3300" s="516"/>
    </row>
    <row r="3301" spans="1:11" ht="13.7" customHeight="1">
      <c r="A3301" s="741"/>
      <c r="B3301" s="742"/>
      <c r="C3301" s="515"/>
      <c r="D3301" s="514"/>
      <c r="E3301" s="513"/>
      <c r="F3301" s="512"/>
      <c r="G3301" s="511" t="s">
        <v>651</v>
      </c>
      <c r="H3301" s="510"/>
      <c r="I3301" s="510"/>
      <c r="J3301" s="510"/>
      <c r="K3301" s="509"/>
    </row>
    <row r="3302" spans="1:11" ht="13.7" customHeight="1">
      <c r="A3302" s="743" t="s">
        <v>809</v>
      </c>
      <c r="B3302" s="744"/>
      <c r="C3302" s="533"/>
      <c r="D3302" s="532"/>
      <c r="E3302" s="531"/>
      <c r="F3302" s="530"/>
      <c r="G3302" s="529" t="s">
        <v>1052</v>
      </c>
      <c r="H3302" s="528"/>
      <c r="I3302" s="528"/>
      <c r="J3302" s="528"/>
      <c r="K3302" s="527"/>
    </row>
    <row r="3303" spans="1:11" ht="13.7" customHeight="1">
      <c r="A3303" s="745"/>
      <c r="B3303" s="740"/>
      <c r="C3303" s="526"/>
      <c r="D3303" s="525"/>
      <c r="E3303" s="524"/>
      <c r="F3303" s="523" t="s">
        <v>651</v>
      </c>
      <c r="G3303" s="518" t="s">
        <v>651</v>
      </c>
      <c r="H3303" s="517"/>
      <c r="I3303" s="517"/>
      <c r="J3303" s="517"/>
      <c r="K3303" s="516"/>
    </row>
    <row r="3304" spans="1:11" ht="13.7" customHeight="1">
      <c r="A3304" s="739" t="s">
        <v>1051</v>
      </c>
      <c r="B3304" s="740"/>
      <c r="C3304" s="522" t="s">
        <v>246</v>
      </c>
      <c r="D3304" s="521">
        <v>3</v>
      </c>
      <c r="E3304" s="520"/>
      <c r="F3304" s="519"/>
      <c r="G3304" s="518" t="s">
        <v>651</v>
      </c>
      <c r="H3304" s="517"/>
      <c r="I3304" s="517"/>
      <c r="J3304" s="517"/>
      <c r="K3304" s="516"/>
    </row>
    <row r="3305" spans="1:11" ht="13.7" customHeight="1">
      <c r="A3305" s="741"/>
      <c r="B3305" s="742"/>
      <c r="C3305" s="515"/>
      <c r="D3305" s="514"/>
      <c r="E3305" s="513"/>
      <c r="F3305" s="512"/>
      <c r="G3305" s="511" t="s">
        <v>651</v>
      </c>
      <c r="H3305" s="510"/>
      <c r="I3305" s="510"/>
      <c r="J3305" s="510"/>
      <c r="K3305" s="509"/>
    </row>
    <row r="3306" spans="1:11" ht="13.7" customHeight="1"/>
    <row r="3307" spans="1:11" ht="13.7" customHeight="1"/>
    <row r="3308" spans="1:11" ht="6.2" customHeight="1"/>
    <row r="3309" spans="1:11" ht="14.1" customHeight="1">
      <c r="A3309" s="543" t="s">
        <v>1118</v>
      </c>
      <c r="B3309" s="540" t="s">
        <v>1117</v>
      </c>
      <c r="C3309" s="540"/>
      <c r="D3309" s="540"/>
      <c r="E3309" s="540"/>
      <c r="F3309" s="540"/>
      <c r="G3309" s="542" t="s">
        <v>617</v>
      </c>
      <c r="H3309" s="541" t="s">
        <v>872</v>
      </c>
      <c r="I3309" s="540" t="s">
        <v>1007</v>
      </c>
      <c r="J3309" s="540"/>
      <c r="K3309" s="539"/>
    </row>
    <row r="3310" spans="1:11" ht="24" customHeight="1">
      <c r="A3310" s="538" t="s">
        <v>651</v>
      </c>
      <c r="B3310" s="537" t="s">
        <v>651</v>
      </c>
      <c r="C3310" s="537"/>
      <c r="D3310" s="537"/>
      <c r="E3310" s="537"/>
      <c r="F3310" s="537"/>
      <c r="G3310" s="751">
        <v>1</v>
      </c>
      <c r="H3310" s="751"/>
      <c r="I3310" s="751"/>
      <c r="J3310" s="536" t="s">
        <v>242</v>
      </c>
      <c r="K3310" s="535" t="s">
        <v>618</v>
      </c>
    </row>
    <row r="3311" spans="1:11" ht="17.100000000000001" customHeight="1">
      <c r="A3311" s="746" t="s">
        <v>1006</v>
      </c>
      <c r="B3311" s="747"/>
      <c r="C3311" s="534" t="s">
        <v>309</v>
      </c>
      <c r="D3311" s="534" t="s">
        <v>619</v>
      </c>
      <c r="E3311" s="534" t="s">
        <v>620</v>
      </c>
      <c r="F3311" s="534" t="s">
        <v>659</v>
      </c>
      <c r="G3311" s="748" t="s">
        <v>1005</v>
      </c>
      <c r="H3311" s="749"/>
      <c r="I3311" s="749"/>
      <c r="J3311" s="749"/>
      <c r="K3311" s="750"/>
    </row>
    <row r="3312" spans="1:11" ht="13.7" customHeight="1">
      <c r="A3312" s="743" t="s">
        <v>807</v>
      </c>
      <c r="B3312" s="744"/>
      <c r="C3312" s="533"/>
      <c r="D3312" s="532"/>
      <c r="E3312" s="531"/>
      <c r="F3312" s="530"/>
      <c r="G3312" s="529" t="s">
        <v>1050</v>
      </c>
      <c r="H3312" s="528"/>
      <c r="I3312" s="528"/>
      <c r="J3312" s="528"/>
      <c r="K3312" s="527"/>
    </row>
    <row r="3313" spans="1:11" ht="13.7" customHeight="1">
      <c r="A3313" s="745"/>
      <c r="B3313" s="740"/>
      <c r="C3313" s="526"/>
      <c r="D3313" s="525"/>
      <c r="E3313" s="524"/>
      <c r="F3313" s="523" t="s">
        <v>651</v>
      </c>
      <c r="G3313" s="518" t="s">
        <v>651</v>
      </c>
      <c r="H3313" s="517"/>
      <c r="I3313" s="517"/>
      <c r="J3313" s="517"/>
      <c r="K3313" s="516"/>
    </row>
    <row r="3314" spans="1:11" ht="13.7" customHeight="1">
      <c r="A3314" s="739" t="s">
        <v>1049</v>
      </c>
      <c r="B3314" s="740"/>
      <c r="C3314" s="522" t="s">
        <v>246</v>
      </c>
      <c r="D3314" s="521">
        <v>3</v>
      </c>
      <c r="E3314" s="520"/>
      <c r="F3314" s="519"/>
      <c r="G3314" s="518" t="s">
        <v>651</v>
      </c>
      <c r="H3314" s="517"/>
      <c r="I3314" s="517"/>
      <c r="J3314" s="517"/>
      <c r="K3314" s="516"/>
    </row>
    <row r="3315" spans="1:11" ht="13.7" customHeight="1">
      <c r="A3315" s="741"/>
      <c r="B3315" s="742"/>
      <c r="C3315" s="515"/>
      <c r="D3315" s="514"/>
      <c r="E3315" s="513"/>
      <c r="F3315" s="512"/>
      <c r="G3315" s="511" t="s">
        <v>651</v>
      </c>
      <c r="H3315" s="510"/>
      <c r="I3315" s="510"/>
      <c r="J3315" s="510"/>
      <c r="K3315" s="509"/>
    </row>
    <row r="3316" spans="1:11" ht="13.7" customHeight="1">
      <c r="A3316" s="743" t="s">
        <v>651</v>
      </c>
      <c r="B3316" s="744"/>
      <c r="C3316" s="533"/>
      <c r="D3316" s="532"/>
      <c r="E3316" s="531"/>
      <c r="F3316" s="530"/>
      <c r="G3316" s="529" t="s">
        <v>651</v>
      </c>
      <c r="H3316" s="528"/>
      <c r="I3316" s="528"/>
      <c r="J3316" s="528"/>
      <c r="K3316" s="527"/>
    </row>
    <row r="3317" spans="1:11" ht="13.7" customHeight="1">
      <c r="A3317" s="745"/>
      <c r="B3317" s="740"/>
      <c r="C3317" s="526"/>
      <c r="D3317" s="525"/>
      <c r="E3317" s="524"/>
      <c r="F3317" s="523" t="s">
        <v>651</v>
      </c>
      <c r="G3317" s="518" t="s">
        <v>651</v>
      </c>
      <c r="H3317" s="517"/>
      <c r="I3317" s="517"/>
      <c r="J3317" s="517"/>
      <c r="K3317" s="516"/>
    </row>
    <row r="3318" spans="1:11" ht="13.7" customHeight="1">
      <c r="A3318" s="739" t="s">
        <v>652</v>
      </c>
      <c r="B3318" s="740"/>
      <c r="C3318" s="522" t="s">
        <v>242</v>
      </c>
      <c r="D3318" s="521">
        <v>1</v>
      </c>
      <c r="E3318" s="520"/>
      <c r="F3318" s="519"/>
      <c r="G3318" s="518" t="s">
        <v>651</v>
      </c>
      <c r="H3318" s="517"/>
      <c r="I3318" s="517"/>
      <c r="J3318" s="517"/>
      <c r="K3318" s="516"/>
    </row>
    <row r="3319" spans="1:11" ht="13.7" customHeight="1">
      <c r="A3319" s="741"/>
      <c r="B3319" s="742"/>
      <c r="C3319" s="515"/>
      <c r="D3319" s="514"/>
      <c r="E3319" s="513"/>
      <c r="F3319" s="512"/>
      <c r="G3319" s="511" t="s">
        <v>651</v>
      </c>
      <c r="H3319" s="510"/>
      <c r="I3319" s="510"/>
      <c r="J3319" s="510"/>
      <c r="K3319" s="509"/>
    </row>
    <row r="3320" spans="1:11" ht="13.7" customHeight="1">
      <c r="A3320" s="743" t="s">
        <v>651</v>
      </c>
      <c r="B3320" s="744"/>
      <c r="C3320" s="533"/>
      <c r="D3320" s="532"/>
      <c r="E3320" s="531"/>
      <c r="F3320" s="530"/>
      <c r="G3320" s="529" t="s">
        <v>651</v>
      </c>
      <c r="H3320" s="528"/>
      <c r="I3320" s="528"/>
      <c r="J3320" s="528"/>
      <c r="K3320" s="527"/>
    </row>
    <row r="3321" spans="1:11" ht="13.7" customHeight="1">
      <c r="A3321" s="745"/>
      <c r="B3321" s="740"/>
      <c r="C3321" s="526"/>
      <c r="D3321" s="525"/>
      <c r="E3321" s="524"/>
      <c r="F3321" s="523" t="s">
        <v>651</v>
      </c>
      <c r="G3321" s="518" t="s">
        <v>651</v>
      </c>
      <c r="H3321" s="517"/>
      <c r="I3321" s="517"/>
      <c r="J3321" s="517"/>
      <c r="K3321" s="516"/>
    </row>
    <row r="3322" spans="1:11" ht="13.7" customHeight="1">
      <c r="A3322" s="739" t="s">
        <v>681</v>
      </c>
      <c r="B3322" s="740"/>
      <c r="C3322" s="522" t="s">
        <v>242</v>
      </c>
      <c r="D3322" s="521">
        <v>1</v>
      </c>
      <c r="E3322" s="520" t="s">
        <v>1002</v>
      </c>
      <c r="F3322" s="519"/>
      <c r="G3322" s="518" t="s">
        <v>651</v>
      </c>
      <c r="H3322" s="517"/>
      <c r="I3322" s="517"/>
      <c r="J3322" s="517"/>
      <c r="K3322" s="516"/>
    </row>
    <row r="3323" spans="1:11" ht="13.7" customHeight="1">
      <c r="A3323" s="741"/>
      <c r="B3323" s="742"/>
      <c r="C3323" s="515"/>
      <c r="D3323" s="514"/>
      <c r="E3323" s="513"/>
      <c r="F3323" s="512"/>
      <c r="G3323" s="511" t="s">
        <v>651</v>
      </c>
      <c r="H3323" s="510"/>
      <c r="I3323" s="510"/>
      <c r="J3323" s="510"/>
      <c r="K3323" s="509"/>
    </row>
    <row r="3324" spans="1:11" ht="13.7" customHeight="1"/>
    <row r="3325" spans="1:11" ht="13.7" customHeight="1"/>
    <row r="3326" spans="1:11" ht="13.7" customHeight="1"/>
    <row r="3327" spans="1:11" ht="13.7" customHeight="1"/>
    <row r="3328" spans="1:11" ht="13.7" customHeight="1"/>
    <row r="3329" ht="13.7" customHeight="1"/>
    <row r="3330" ht="13.7" customHeight="1"/>
    <row r="3331" ht="13.7" customHeight="1"/>
    <row r="3332" ht="13.7" customHeight="1"/>
    <row r="3333" ht="13.7" customHeight="1"/>
    <row r="3334" ht="13.7" customHeight="1"/>
    <row r="3335" ht="13.7" customHeight="1"/>
    <row r="3336" ht="13.7" customHeight="1"/>
    <row r="3337" ht="13.7" customHeight="1"/>
    <row r="3338" ht="13.7" customHeight="1"/>
    <row r="3339" ht="13.7" customHeight="1"/>
    <row r="3340" ht="13.7" customHeight="1"/>
    <row r="3341" ht="13.7" customHeight="1"/>
    <row r="3342" ht="13.7" customHeight="1"/>
    <row r="3343" ht="13.7" customHeight="1"/>
    <row r="3344" ht="13.7" customHeight="1"/>
    <row r="3345" spans="1:11" ht="13.7" customHeight="1"/>
    <row r="3346" spans="1:11" ht="6.2" customHeight="1"/>
    <row r="3347" spans="1:11" ht="14.1" customHeight="1">
      <c r="A3347" s="543" t="s">
        <v>1107</v>
      </c>
      <c r="B3347" s="540" t="s">
        <v>1106</v>
      </c>
      <c r="C3347" s="540"/>
      <c r="D3347" s="540"/>
      <c r="E3347" s="540"/>
      <c r="F3347" s="540"/>
      <c r="G3347" s="542" t="s">
        <v>617</v>
      </c>
      <c r="H3347" s="541" t="s">
        <v>870</v>
      </c>
      <c r="I3347" s="540" t="s">
        <v>1007</v>
      </c>
      <c r="J3347" s="540"/>
      <c r="K3347" s="539"/>
    </row>
    <row r="3348" spans="1:11" ht="24" customHeight="1">
      <c r="A3348" s="538" t="s">
        <v>651</v>
      </c>
      <c r="B3348" s="537" t="s">
        <v>651</v>
      </c>
      <c r="C3348" s="537"/>
      <c r="D3348" s="537"/>
      <c r="E3348" s="537"/>
      <c r="F3348" s="537"/>
      <c r="G3348" s="751">
        <v>1</v>
      </c>
      <c r="H3348" s="751"/>
      <c r="I3348" s="751"/>
      <c r="J3348" s="536" t="s">
        <v>242</v>
      </c>
      <c r="K3348" s="535" t="s">
        <v>618</v>
      </c>
    </row>
    <row r="3349" spans="1:11" ht="17.100000000000001" customHeight="1">
      <c r="A3349" s="746" t="s">
        <v>1006</v>
      </c>
      <c r="B3349" s="747"/>
      <c r="C3349" s="534" t="s">
        <v>309</v>
      </c>
      <c r="D3349" s="534" t="s">
        <v>619</v>
      </c>
      <c r="E3349" s="534" t="s">
        <v>620</v>
      </c>
      <c r="F3349" s="534" t="s">
        <v>659</v>
      </c>
      <c r="G3349" s="748" t="s">
        <v>1005</v>
      </c>
      <c r="H3349" s="749"/>
      <c r="I3349" s="749"/>
      <c r="J3349" s="749"/>
      <c r="K3349" s="750"/>
    </row>
    <row r="3350" spans="1:11" ht="13.7" customHeight="1">
      <c r="A3350" s="743" t="s">
        <v>1024</v>
      </c>
      <c r="B3350" s="744"/>
      <c r="C3350" s="533"/>
      <c r="D3350" s="532"/>
      <c r="E3350" s="531"/>
      <c r="F3350" s="530"/>
      <c r="G3350" s="529" t="s">
        <v>1023</v>
      </c>
      <c r="H3350" s="528"/>
      <c r="I3350" s="528"/>
      <c r="J3350" s="528"/>
      <c r="K3350" s="527"/>
    </row>
    <row r="3351" spans="1:11" ht="13.7" customHeight="1">
      <c r="A3351" s="745"/>
      <c r="B3351" s="740"/>
      <c r="C3351" s="526"/>
      <c r="D3351" s="525"/>
      <c r="E3351" s="524"/>
      <c r="F3351" s="523" t="s">
        <v>651</v>
      </c>
      <c r="G3351" s="518" t="s">
        <v>651</v>
      </c>
      <c r="H3351" s="517"/>
      <c r="I3351" s="517"/>
      <c r="J3351" s="517"/>
      <c r="K3351" s="516"/>
    </row>
    <row r="3352" spans="1:11" ht="13.7" customHeight="1">
      <c r="A3352" s="739" t="s">
        <v>1022</v>
      </c>
      <c r="B3352" s="740"/>
      <c r="C3352" s="522" t="s">
        <v>240</v>
      </c>
      <c r="D3352" s="521">
        <v>21</v>
      </c>
      <c r="E3352" s="520"/>
      <c r="F3352" s="519"/>
      <c r="G3352" s="518" t="s">
        <v>651</v>
      </c>
      <c r="H3352" s="517"/>
      <c r="I3352" s="517"/>
      <c r="J3352" s="517"/>
      <c r="K3352" s="516"/>
    </row>
    <row r="3353" spans="1:11" ht="13.7" customHeight="1">
      <c r="A3353" s="741"/>
      <c r="B3353" s="742"/>
      <c r="C3353" s="515"/>
      <c r="D3353" s="514"/>
      <c r="E3353" s="513"/>
      <c r="F3353" s="512"/>
      <c r="G3353" s="511" t="s">
        <v>651</v>
      </c>
      <c r="H3353" s="510"/>
      <c r="I3353" s="510"/>
      <c r="J3353" s="510"/>
      <c r="K3353" s="509"/>
    </row>
    <row r="3354" spans="1:11" ht="13.7" customHeight="1">
      <c r="A3354" s="743" t="s">
        <v>1021</v>
      </c>
      <c r="B3354" s="744"/>
      <c r="C3354" s="533"/>
      <c r="D3354" s="532"/>
      <c r="E3354" s="531"/>
      <c r="F3354" s="530"/>
      <c r="G3354" s="529" t="s">
        <v>1020</v>
      </c>
      <c r="H3354" s="528"/>
      <c r="I3354" s="528"/>
      <c r="J3354" s="528"/>
      <c r="K3354" s="527"/>
    </row>
    <row r="3355" spans="1:11" ht="13.7" customHeight="1">
      <c r="A3355" s="745"/>
      <c r="B3355" s="740"/>
      <c r="C3355" s="526"/>
      <c r="D3355" s="525"/>
      <c r="E3355" s="524"/>
      <c r="F3355" s="523" t="s">
        <v>651</v>
      </c>
      <c r="G3355" s="518" t="s">
        <v>651</v>
      </c>
      <c r="H3355" s="517"/>
      <c r="I3355" s="517"/>
      <c r="J3355" s="517"/>
      <c r="K3355" s="516"/>
    </row>
    <row r="3356" spans="1:11" ht="13.7" customHeight="1">
      <c r="A3356" s="739" t="s">
        <v>1019</v>
      </c>
      <c r="B3356" s="740"/>
      <c r="C3356" s="522" t="s">
        <v>194</v>
      </c>
      <c r="D3356" s="521">
        <v>6</v>
      </c>
      <c r="E3356" s="520"/>
      <c r="F3356" s="519"/>
      <c r="G3356" s="518" t="s">
        <v>651</v>
      </c>
      <c r="H3356" s="517"/>
      <c r="I3356" s="517"/>
      <c r="J3356" s="517"/>
      <c r="K3356" s="516"/>
    </row>
    <row r="3357" spans="1:11" ht="13.7" customHeight="1">
      <c r="A3357" s="741"/>
      <c r="B3357" s="742"/>
      <c r="C3357" s="515"/>
      <c r="D3357" s="514"/>
      <c r="E3357" s="513"/>
      <c r="F3357" s="512"/>
      <c r="G3357" s="511" t="s">
        <v>651</v>
      </c>
      <c r="H3357" s="510"/>
      <c r="I3357" s="510"/>
      <c r="J3357" s="510"/>
      <c r="K3357" s="509"/>
    </row>
    <row r="3358" spans="1:11" ht="13.7" customHeight="1">
      <c r="A3358" s="743" t="s">
        <v>892</v>
      </c>
      <c r="B3358" s="744"/>
      <c r="C3358" s="533"/>
      <c r="D3358" s="532"/>
      <c r="E3358" s="531"/>
      <c r="F3358" s="530"/>
      <c r="G3358" s="529" t="s">
        <v>1018</v>
      </c>
      <c r="H3358" s="528"/>
      <c r="I3358" s="528"/>
      <c r="J3358" s="528"/>
      <c r="K3358" s="527"/>
    </row>
    <row r="3359" spans="1:11" ht="13.7" customHeight="1">
      <c r="A3359" s="745"/>
      <c r="B3359" s="740"/>
      <c r="C3359" s="526"/>
      <c r="D3359" s="525"/>
      <c r="E3359" s="524"/>
      <c r="F3359" s="523" t="s">
        <v>651</v>
      </c>
      <c r="G3359" s="518" t="s">
        <v>651</v>
      </c>
      <c r="H3359" s="517"/>
      <c r="I3359" s="517"/>
      <c r="J3359" s="517"/>
      <c r="K3359" s="516"/>
    </row>
    <row r="3360" spans="1:11" ht="13.7" customHeight="1">
      <c r="A3360" s="739" t="s">
        <v>1017</v>
      </c>
      <c r="B3360" s="740"/>
      <c r="C3360" s="522" t="s">
        <v>194</v>
      </c>
      <c r="D3360" s="521">
        <v>6</v>
      </c>
      <c r="E3360" s="520"/>
      <c r="F3360" s="519"/>
      <c r="G3360" s="518" t="s">
        <v>651</v>
      </c>
      <c r="H3360" s="517"/>
      <c r="I3360" s="517"/>
      <c r="J3360" s="517"/>
      <c r="K3360" s="516"/>
    </row>
    <row r="3361" spans="1:11" ht="13.7" customHeight="1">
      <c r="A3361" s="741"/>
      <c r="B3361" s="742"/>
      <c r="C3361" s="515"/>
      <c r="D3361" s="514"/>
      <c r="E3361" s="513"/>
      <c r="F3361" s="512"/>
      <c r="G3361" s="511" t="s">
        <v>651</v>
      </c>
      <c r="H3361" s="510"/>
      <c r="I3361" s="510"/>
      <c r="J3361" s="510"/>
      <c r="K3361" s="509"/>
    </row>
    <row r="3362" spans="1:11" ht="13.7" customHeight="1">
      <c r="A3362" s="743" t="s">
        <v>958</v>
      </c>
      <c r="B3362" s="744"/>
      <c r="C3362" s="533"/>
      <c r="D3362" s="532"/>
      <c r="E3362" s="531"/>
      <c r="F3362" s="530"/>
      <c r="G3362" s="529" t="s">
        <v>1016</v>
      </c>
      <c r="H3362" s="528"/>
      <c r="I3362" s="528"/>
      <c r="J3362" s="528"/>
      <c r="K3362" s="527"/>
    </row>
    <row r="3363" spans="1:11" ht="13.7" customHeight="1">
      <c r="A3363" s="745"/>
      <c r="B3363" s="740"/>
      <c r="C3363" s="526"/>
      <c r="D3363" s="525"/>
      <c r="E3363" s="524"/>
      <c r="F3363" s="523" t="s">
        <v>651</v>
      </c>
      <c r="G3363" s="518" t="s">
        <v>651</v>
      </c>
      <c r="H3363" s="517"/>
      <c r="I3363" s="517"/>
      <c r="J3363" s="517"/>
      <c r="K3363" s="516"/>
    </row>
    <row r="3364" spans="1:11" ht="13.7" customHeight="1">
      <c r="A3364" s="739" t="s">
        <v>1686</v>
      </c>
      <c r="B3364" s="740"/>
      <c r="C3364" s="522" t="s">
        <v>193</v>
      </c>
      <c r="D3364" s="521">
        <v>41</v>
      </c>
      <c r="E3364" s="520"/>
      <c r="F3364" s="519"/>
      <c r="G3364" s="518" t="s">
        <v>651</v>
      </c>
      <c r="H3364" s="517"/>
      <c r="I3364" s="517"/>
      <c r="J3364" s="517"/>
      <c r="K3364" s="516"/>
    </row>
    <row r="3365" spans="1:11" ht="13.7" customHeight="1">
      <c r="A3365" s="741"/>
      <c r="B3365" s="742"/>
      <c r="C3365" s="515"/>
      <c r="D3365" s="514"/>
      <c r="E3365" s="513"/>
      <c r="F3365" s="512"/>
      <c r="G3365" s="511" t="s">
        <v>651</v>
      </c>
      <c r="H3365" s="510"/>
      <c r="I3365" s="510"/>
      <c r="J3365" s="510"/>
      <c r="K3365" s="509"/>
    </row>
    <row r="3366" spans="1:11" ht="13.7" customHeight="1">
      <c r="A3366" s="743" t="s">
        <v>1015</v>
      </c>
      <c r="B3366" s="744"/>
      <c r="C3366" s="533"/>
      <c r="D3366" s="532"/>
      <c r="E3366" s="531"/>
      <c r="F3366" s="530"/>
      <c r="G3366" s="529" t="s">
        <v>1014</v>
      </c>
      <c r="H3366" s="528"/>
      <c r="I3366" s="528"/>
      <c r="J3366" s="528"/>
      <c r="K3366" s="527"/>
    </row>
    <row r="3367" spans="1:11" ht="13.7" customHeight="1">
      <c r="A3367" s="745"/>
      <c r="B3367" s="740"/>
      <c r="C3367" s="526"/>
      <c r="D3367" s="525"/>
      <c r="E3367" s="524"/>
      <c r="F3367" s="523" t="s">
        <v>651</v>
      </c>
      <c r="G3367" s="518" t="s">
        <v>651</v>
      </c>
      <c r="H3367" s="517"/>
      <c r="I3367" s="517"/>
      <c r="J3367" s="517"/>
      <c r="K3367" s="516"/>
    </row>
    <row r="3368" spans="1:11" ht="13.7" customHeight="1">
      <c r="A3368" s="739" t="s">
        <v>1013</v>
      </c>
      <c r="B3368" s="740"/>
      <c r="C3368" s="522" t="s">
        <v>193</v>
      </c>
      <c r="D3368" s="521">
        <v>14</v>
      </c>
      <c r="E3368" s="520"/>
      <c r="F3368" s="519"/>
      <c r="G3368" s="518" t="s">
        <v>651</v>
      </c>
      <c r="H3368" s="517"/>
      <c r="I3368" s="517"/>
      <c r="J3368" s="517"/>
      <c r="K3368" s="516"/>
    </row>
    <row r="3369" spans="1:11" ht="13.7" customHeight="1">
      <c r="A3369" s="741"/>
      <c r="B3369" s="742"/>
      <c r="C3369" s="515"/>
      <c r="D3369" s="514"/>
      <c r="E3369" s="513"/>
      <c r="F3369" s="512"/>
      <c r="G3369" s="511" t="s">
        <v>651</v>
      </c>
      <c r="H3369" s="510"/>
      <c r="I3369" s="510"/>
      <c r="J3369" s="510"/>
      <c r="K3369" s="509"/>
    </row>
    <row r="3370" spans="1:11" ht="13.7" customHeight="1">
      <c r="A3370" s="743" t="s">
        <v>951</v>
      </c>
      <c r="B3370" s="744"/>
      <c r="C3370" s="533"/>
      <c r="D3370" s="532"/>
      <c r="E3370" s="531"/>
      <c r="F3370" s="530"/>
      <c r="G3370" s="529" t="s">
        <v>1012</v>
      </c>
      <c r="H3370" s="528"/>
      <c r="I3370" s="528"/>
      <c r="J3370" s="528"/>
      <c r="K3370" s="527"/>
    </row>
    <row r="3371" spans="1:11" ht="13.7" customHeight="1">
      <c r="A3371" s="745"/>
      <c r="B3371" s="740"/>
      <c r="C3371" s="526"/>
      <c r="D3371" s="525"/>
      <c r="E3371" s="524"/>
      <c r="F3371" s="523" t="s">
        <v>651</v>
      </c>
      <c r="G3371" s="518" t="s">
        <v>651</v>
      </c>
      <c r="H3371" s="517"/>
      <c r="I3371" s="517"/>
      <c r="J3371" s="517"/>
      <c r="K3371" s="516"/>
    </row>
    <row r="3372" spans="1:11" ht="13.7" customHeight="1">
      <c r="A3372" s="739" t="s">
        <v>1686</v>
      </c>
      <c r="B3372" s="740"/>
      <c r="C3372" s="522" t="s">
        <v>193</v>
      </c>
      <c r="D3372" s="521">
        <v>25</v>
      </c>
      <c r="E3372" s="520"/>
      <c r="F3372" s="519"/>
      <c r="G3372" s="518" t="s">
        <v>651</v>
      </c>
      <c r="H3372" s="517"/>
      <c r="I3372" s="517"/>
      <c r="J3372" s="517"/>
      <c r="K3372" s="516"/>
    </row>
    <row r="3373" spans="1:11" ht="13.7" customHeight="1">
      <c r="A3373" s="741"/>
      <c r="B3373" s="742"/>
      <c r="C3373" s="515"/>
      <c r="D3373" s="514"/>
      <c r="E3373" s="513"/>
      <c r="F3373" s="512"/>
      <c r="G3373" s="511" t="s">
        <v>651</v>
      </c>
      <c r="H3373" s="510"/>
      <c r="I3373" s="510"/>
      <c r="J3373" s="510"/>
      <c r="K3373" s="509"/>
    </row>
    <row r="3374" spans="1:11" ht="13.7" customHeight="1">
      <c r="A3374" s="743" t="s">
        <v>1116</v>
      </c>
      <c r="B3374" s="744"/>
      <c r="C3374" s="533"/>
      <c r="D3374" s="532"/>
      <c r="E3374" s="531"/>
      <c r="F3374" s="530"/>
      <c r="G3374" s="529" t="s">
        <v>1115</v>
      </c>
      <c r="H3374" s="528"/>
      <c r="I3374" s="528"/>
      <c r="J3374" s="528"/>
      <c r="K3374" s="527"/>
    </row>
    <row r="3375" spans="1:11" ht="13.7" customHeight="1">
      <c r="A3375" s="745"/>
      <c r="B3375" s="740"/>
      <c r="C3375" s="526"/>
      <c r="D3375" s="525"/>
      <c r="E3375" s="524"/>
      <c r="F3375" s="523" t="s">
        <v>651</v>
      </c>
      <c r="G3375" s="518" t="s">
        <v>651</v>
      </c>
      <c r="H3375" s="517"/>
      <c r="I3375" s="517"/>
      <c r="J3375" s="517"/>
      <c r="K3375" s="516"/>
    </row>
    <row r="3376" spans="1:11" ht="13.7" customHeight="1">
      <c r="A3376" s="739" t="s">
        <v>1114</v>
      </c>
      <c r="B3376" s="740"/>
      <c r="C3376" s="522" t="s">
        <v>193</v>
      </c>
      <c r="D3376" s="521">
        <v>2</v>
      </c>
      <c r="E3376" s="520"/>
      <c r="F3376" s="519"/>
      <c r="G3376" s="518" t="s">
        <v>651</v>
      </c>
      <c r="H3376" s="517"/>
      <c r="I3376" s="517"/>
      <c r="J3376" s="517"/>
      <c r="K3376" s="516"/>
    </row>
    <row r="3377" spans="1:11" ht="13.7" customHeight="1">
      <c r="A3377" s="741"/>
      <c r="B3377" s="742"/>
      <c r="C3377" s="515"/>
      <c r="D3377" s="514"/>
      <c r="E3377" s="513"/>
      <c r="F3377" s="512"/>
      <c r="G3377" s="511" t="s">
        <v>651</v>
      </c>
      <c r="H3377" s="510"/>
      <c r="I3377" s="510"/>
      <c r="J3377" s="510"/>
      <c r="K3377" s="509"/>
    </row>
    <row r="3378" spans="1:11" ht="13.7" customHeight="1">
      <c r="A3378" s="743" t="s">
        <v>1677</v>
      </c>
      <c r="B3378" s="744"/>
      <c r="C3378" s="533"/>
      <c r="D3378" s="532"/>
      <c r="E3378" s="531"/>
      <c r="F3378" s="530"/>
      <c r="G3378" s="529" t="s">
        <v>1011</v>
      </c>
      <c r="H3378" s="528"/>
      <c r="I3378" s="528"/>
      <c r="J3378" s="528"/>
      <c r="K3378" s="527"/>
    </row>
    <row r="3379" spans="1:11" ht="13.7" customHeight="1">
      <c r="A3379" s="745"/>
      <c r="B3379" s="740"/>
      <c r="C3379" s="526"/>
      <c r="D3379" s="525"/>
      <c r="E3379" s="524"/>
      <c r="F3379" s="523" t="s">
        <v>651</v>
      </c>
      <c r="G3379" s="518" t="s">
        <v>651</v>
      </c>
      <c r="H3379" s="517"/>
      <c r="I3379" s="517"/>
      <c r="J3379" s="517"/>
      <c r="K3379" s="516"/>
    </row>
    <row r="3380" spans="1:11" ht="13.7" customHeight="1">
      <c r="A3380" s="739" t="s">
        <v>1676</v>
      </c>
      <c r="B3380" s="740"/>
      <c r="C3380" s="522" t="s">
        <v>193</v>
      </c>
      <c r="D3380" s="521">
        <v>16</v>
      </c>
      <c r="E3380" s="520"/>
      <c r="F3380" s="519"/>
      <c r="G3380" s="518" t="s">
        <v>651</v>
      </c>
      <c r="H3380" s="517"/>
      <c r="I3380" s="517"/>
      <c r="J3380" s="517"/>
      <c r="K3380" s="516"/>
    </row>
    <row r="3381" spans="1:11" ht="13.7" customHeight="1">
      <c r="A3381" s="741"/>
      <c r="B3381" s="742"/>
      <c r="C3381" s="515"/>
      <c r="D3381" s="514"/>
      <c r="E3381" s="513"/>
      <c r="F3381" s="512"/>
      <c r="G3381" s="511" t="s">
        <v>651</v>
      </c>
      <c r="H3381" s="510"/>
      <c r="I3381" s="510"/>
      <c r="J3381" s="510"/>
      <c r="K3381" s="509"/>
    </row>
    <row r="3382" spans="1:11" ht="13.7" customHeight="1"/>
    <row r="3383" spans="1:11" ht="13.7" customHeight="1"/>
    <row r="3384" spans="1:11" ht="6.2" customHeight="1"/>
    <row r="3385" spans="1:11" ht="14.1" customHeight="1">
      <c r="A3385" s="543" t="s">
        <v>1107</v>
      </c>
      <c r="B3385" s="540" t="s">
        <v>1106</v>
      </c>
      <c r="C3385" s="540"/>
      <c r="D3385" s="540"/>
      <c r="E3385" s="540"/>
      <c r="F3385" s="540"/>
      <c r="G3385" s="542" t="s">
        <v>617</v>
      </c>
      <c r="H3385" s="541" t="s">
        <v>870</v>
      </c>
      <c r="I3385" s="540" t="s">
        <v>1007</v>
      </c>
      <c r="J3385" s="540"/>
      <c r="K3385" s="539"/>
    </row>
    <row r="3386" spans="1:11" ht="24" customHeight="1">
      <c r="A3386" s="538" t="s">
        <v>651</v>
      </c>
      <c r="B3386" s="537" t="s">
        <v>651</v>
      </c>
      <c r="C3386" s="537"/>
      <c r="D3386" s="537"/>
      <c r="E3386" s="537"/>
      <c r="F3386" s="537"/>
      <c r="G3386" s="751">
        <v>1</v>
      </c>
      <c r="H3386" s="751"/>
      <c r="I3386" s="751"/>
      <c r="J3386" s="536" t="s">
        <v>242</v>
      </c>
      <c r="K3386" s="535" t="s">
        <v>618</v>
      </c>
    </row>
    <row r="3387" spans="1:11" ht="17.100000000000001" customHeight="1">
      <c r="A3387" s="746" t="s">
        <v>1006</v>
      </c>
      <c r="B3387" s="747"/>
      <c r="C3387" s="534" t="s">
        <v>309</v>
      </c>
      <c r="D3387" s="534" t="s">
        <v>619</v>
      </c>
      <c r="E3387" s="534" t="s">
        <v>620</v>
      </c>
      <c r="F3387" s="534" t="s">
        <v>659</v>
      </c>
      <c r="G3387" s="748" t="s">
        <v>1005</v>
      </c>
      <c r="H3387" s="749"/>
      <c r="I3387" s="749"/>
      <c r="J3387" s="749"/>
      <c r="K3387" s="750"/>
    </row>
    <row r="3388" spans="1:11" ht="13.7" customHeight="1">
      <c r="A3388" s="743" t="s">
        <v>1673</v>
      </c>
      <c r="B3388" s="744"/>
      <c r="C3388" s="533"/>
      <c r="D3388" s="532"/>
      <c r="E3388" s="531"/>
      <c r="F3388" s="530"/>
      <c r="G3388" s="529" t="s">
        <v>1010</v>
      </c>
      <c r="H3388" s="528"/>
      <c r="I3388" s="528"/>
      <c r="J3388" s="528"/>
      <c r="K3388" s="527"/>
    </row>
    <row r="3389" spans="1:11" ht="13.7" customHeight="1">
      <c r="A3389" s="745"/>
      <c r="B3389" s="740"/>
      <c r="C3389" s="526"/>
      <c r="D3389" s="525"/>
      <c r="E3389" s="524"/>
      <c r="F3389" s="523" t="s">
        <v>651</v>
      </c>
      <c r="G3389" s="518" t="s">
        <v>651</v>
      </c>
      <c r="H3389" s="517"/>
      <c r="I3389" s="517"/>
      <c r="J3389" s="517"/>
      <c r="K3389" s="516"/>
    </row>
    <row r="3390" spans="1:11" ht="13.7" customHeight="1">
      <c r="A3390" s="739" t="s">
        <v>1672</v>
      </c>
      <c r="B3390" s="740"/>
      <c r="C3390" s="522" t="s">
        <v>194</v>
      </c>
      <c r="D3390" s="521">
        <v>6</v>
      </c>
      <c r="E3390" s="520"/>
      <c r="F3390" s="519"/>
      <c r="G3390" s="518" t="s">
        <v>651</v>
      </c>
      <c r="H3390" s="517"/>
      <c r="I3390" s="517"/>
      <c r="J3390" s="517"/>
      <c r="K3390" s="516"/>
    </row>
    <row r="3391" spans="1:11" ht="13.7" customHeight="1">
      <c r="A3391" s="741"/>
      <c r="B3391" s="742"/>
      <c r="C3391" s="515"/>
      <c r="D3391" s="514"/>
      <c r="E3391" s="513"/>
      <c r="F3391" s="512"/>
      <c r="G3391" s="511" t="s">
        <v>651</v>
      </c>
      <c r="H3391" s="510"/>
      <c r="I3391" s="510"/>
      <c r="J3391" s="510"/>
      <c r="K3391" s="509"/>
    </row>
    <row r="3392" spans="1:11" ht="13.7" customHeight="1">
      <c r="A3392" s="743" t="s">
        <v>880</v>
      </c>
      <c r="B3392" s="744"/>
      <c r="C3392" s="533"/>
      <c r="D3392" s="532"/>
      <c r="E3392" s="531"/>
      <c r="F3392" s="530"/>
      <c r="G3392" s="529" t="s">
        <v>1004</v>
      </c>
      <c r="H3392" s="528"/>
      <c r="I3392" s="528"/>
      <c r="J3392" s="528"/>
      <c r="K3392" s="527"/>
    </row>
    <row r="3393" spans="1:11" ht="13.7" customHeight="1">
      <c r="A3393" s="745"/>
      <c r="B3393" s="740"/>
      <c r="C3393" s="526"/>
      <c r="D3393" s="525"/>
      <c r="E3393" s="524"/>
      <c r="F3393" s="523" t="s">
        <v>651</v>
      </c>
      <c r="G3393" s="518" t="s">
        <v>651</v>
      </c>
      <c r="H3393" s="517"/>
      <c r="I3393" s="517"/>
      <c r="J3393" s="517"/>
      <c r="K3393" s="516"/>
    </row>
    <row r="3394" spans="1:11" ht="13.7" customHeight="1">
      <c r="A3394" s="739" t="s">
        <v>1695</v>
      </c>
      <c r="B3394" s="740"/>
      <c r="C3394" s="522" t="s">
        <v>193</v>
      </c>
      <c r="D3394" s="521">
        <v>0.3</v>
      </c>
      <c r="E3394" s="520"/>
      <c r="F3394" s="519"/>
      <c r="G3394" s="518" t="s">
        <v>651</v>
      </c>
      <c r="H3394" s="517"/>
      <c r="I3394" s="517"/>
      <c r="J3394" s="517"/>
      <c r="K3394" s="516"/>
    </row>
    <row r="3395" spans="1:11" ht="13.7" customHeight="1">
      <c r="A3395" s="741"/>
      <c r="B3395" s="742"/>
      <c r="C3395" s="515"/>
      <c r="D3395" s="514"/>
      <c r="E3395" s="513"/>
      <c r="F3395" s="512"/>
      <c r="G3395" s="511" t="s">
        <v>651</v>
      </c>
      <c r="H3395" s="510"/>
      <c r="I3395" s="510"/>
      <c r="J3395" s="510"/>
      <c r="K3395" s="509"/>
    </row>
    <row r="3396" spans="1:11" ht="13.7" customHeight="1">
      <c r="A3396" s="743" t="s">
        <v>981</v>
      </c>
      <c r="B3396" s="744"/>
      <c r="C3396" s="533"/>
      <c r="D3396" s="532"/>
      <c r="E3396" s="531"/>
      <c r="F3396" s="530"/>
      <c r="G3396" s="529" t="s">
        <v>1003</v>
      </c>
      <c r="H3396" s="528"/>
      <c r="I3396" s="528"/>
      <c r="J3396" s="528"/>
      <c r="K3396" s="527"/>
    </row>
    <row r="3397" spans="1:11" ht="13.7" customHeight="1">
      <c r="A3397" s="745"/>
      <c r="B3397" s="740"/>
      <c r="C3397" s="526"/>
      <c r="D3397" s="525"/>
      <c r="E3397" s="524"/>
      <c r="F3397" s="523" t="s">
        <v>651</v>
      </c>
      <c r="G3397" s="518" t="s">
        <v>651</v>
      </c>
      <c r="H3397" s="517"/>
      <c r="I3397" s="517"/>
      <c r="J3397" s="517"/>
      <c r="K3397" s="516"/>
    </row>
    <row r="3398" spans="1:11" ht="13.7" customHeight="1">
      <c r="A3398" s="739" t="s">
        <v>1691</v>
      </c>
      <c r="B3398" s="740"/>
      <c r="C3398" s="522" t="s">
        <v>193</v>
      </c>
      <c r="D3398" s="521">
        <v>0.3</v>
      </c>
      <c r="E3398" s="520"/>
      <c r="F3398" s="519"/>
      <c r="G3398" s="518" t="s">
        <v>651</v>
      </c>
      <c r="H3398" s="517"/>
      <c r="I3398" s="517"/>
      <c r="J3398" s="517"/>
      <c r="K3398" s="516"/>
    </row>
    <row r="3399" spans="1:11" ht="13.7" customHeight="1">
      <c r="A3399" s="741"/>
      <c r="B3399" s="742"/>
      <c r="C3399" s="515"/>
      <c r="D3399" s="514"/>
      <c r="E3399" s="513"/>
      <c r="F3399" s="512"/>
      <c r="G3399" s="511" t="s">
        <v>651</v>
      </c>
      <c r="H3399" s="510"/>
      <c r="I3399" s="510"/>
      <c r="J3399" s="510"/>
      <c r="K3399" s="509"/>
    </row>
    <row r="3400" spans="1:11" ht="13.7" customHeight="1">
      <c r="A3400" s="743" t="s">
        <v>736</v>
      </c>
      <c r="B3400" s="744"/>
      <c r="C3400" s="533"/>
      <c r="D3400" s="532"/>
      <c r="E3400" s="531"/>
      <c r="F3400" s="530"/>
      <c r="G3400" s="529" t="s">
        <v>1113</v>
      </c>
      <c r="H3400" s="528"/>
      <c r="I3400" s="528"/>
      <c r="J3400" s="528"/>
      <c r="K3400" s="527"/>
    </row>
    <row r="3401" spans="1:11" ht="13.7" customHeight="1">
      <c r="A3401" s="745"/>
      <c r="B3401" s="740"/>
      <c r="C3401" s="526"/>
      <c r="D3401" s="525"/>
      <c r="E3401" s="524"/>
      <c r="F3401" s="523" t="s">
        <v>651</v>
      </c>
      <c r="G3401" s="518" t="s">
        <v>651</v>
      </c>
      <c r="H3401" s="517"/>
      <c r="I3401" s="517"/>
      <c r="J3401" s="517"/>
      <c r="K3401" s="516"/>
    </row>
    <row r="3402" spans="1:11" ht="13.7" customHeight="1">
      <c r="A3402" s="739" t="s">
        <v>1111</v>
      </c>
      <c r="B3402" s="740"/>
      <c r="C3402" s="522" t="s">
        <v>240</v>
      </c>
      <c r="D3402" s="521">
        <v>2.6</v>
      </c>
      <c r="E3402" s="520"/>
      <c r="F3402" s="519"/>
      <c r="G3402" s="518" t="s">
        <v>651</v>
      </c>
      <c r="H3402" s="517"/>
      <c r="I3402" s="517"/>
      <c r="J3402" s="517"/>
      <c r="K3402" s="516"/>
    </row>
    <row r="3403" spans="1:11" ht="13.7" customHeight="1">
      <c r="A3403" s="741"/>
      <c r="B3403" s="742"/>
      <c r="C3403" s="515"/>
      <c r="D3403" s="514"/>
      <c r="E3403" s="513"/>
      <c r="F3403" s="512"/>
      <c r="G3403" s="511" t="s">
        <v>651</v>
      </c>
      <c r="H3403" s="510"/>
      <c r="I3403" s="510"/>
      <c r="J3403" s="510"/>
      <c r="K3403" s="509"/>
    </row>
    <row r="3404" spans="1:11" ht="13.7" customHeight="1">
      <c r="A3404" s="743" t="s">
        <v>730</v>
      </c>
      <c r="B3404" s="744"/>
      <c r="C3404" s="533"/>
      <c r="D3404" s="532"/>
      <c r="E3404" s="531"/>
      <c r="F3404" s="530"/>
      <c r="G3404" s="529" t="s">
        <v>1112</v>
      </c>
      <c r="H3404" s="528"/>
      <c r="I3404" s="528"/>
      <c r="J3404" s="528"/>
      <c r="K3404" s="527"/>
    </row>
    <row r="3405" spans="1:11" ht="13.7" customHeight="1">
      <c r="A3405" s="745"/>
      <c r="B3405" s="740"/>
      <c r="C3405" s="526"/>
      <c r="D3405" s="525"/>
      <c r="E3405" s="524"/>
      <c r="F3405" s="523" t="s">
        <v>651</v>
      </c>
      <c r="G3405" s="518" t="s">
        <v>651</v>
      </c>
      <c r="H3405" s="517"/>
      <c r="I3405" s="517"/>
      <c r="J3405" s="517"/>
      <c r="K3405" s="516"/>
    </row>
    <row r="3406" spans="1:11" ht="13.7" customHeight="1">
      <c r="A3406" s="739" t="s">
        <v>1111</v>
      </c>
      <c r="B3406" s="740"/>
      <c r="C3406" s="522" t="s">
        <v>240</v>
      </c>
      <c r="D3406" s="521">
        <v>2.6</v>
      </c>
      <c r="E3406" s="520"/>
      <c r="F3406" s="519"/>
      <c r="G3406" s="518" t="s">
        <v>651</v>
      </c>
      <c r="H3406" s="517"/>
      <c r="I3406" s="517"/>
      <c r="J3406" s="517"/>
      <c r="K3406" s="516"/>
    </row>
    <row r="3407" spans="1:11" ht="13.7" customHeight="1">
      <c r="A3407" s="741"/>
      <c r="B3407" s="742"/>
      <c r="C3407" s="515"/>
      <c r="D3407" s="514"/>
      <c r="E3407" s="513"/>
      <c r="F3407" s="512"/>
      <c r="G3407" s="511" t="s">
        <v>651</v>
      </c>
      <c r="H3407" s="510"/>
      <c r="I3407" s="510"/>
      <c r="J3407" s="510"/>
      <c r="K3407" s="509"/>
    </row>
    <row r="3408" spans="1:11" ht="13.7" customHeight="1">
      <c r="A3408" s="743" t="s">
        <v>727</v>
      </c>
      <c r="B3408" s="744"/>
      <c r="C3408" s="533"/>
      <c r="D3408" s="532"/>
      <c r="E3408" s="531"/>
      <c r="F3408" s="530"/>
      <c r="G3408" s="529" t="s">
        <v>1110</v>
      </c>
      <c r="H3408" s="528"/>
      <c r="I3408" s="528"/>
      <c r="J3408" s="528"/>
      <c r="K3408" s="527"/>
    </row>
    <row r="3409" spans="1:11" ht="13.7" customHeight="1">
      <c r="A3409" s="745"/>
      <c r="B3409" s="740"/>
      <c r="C3409" s="526"/>
      <c r="D3409" s="525"/>
      <c r="E3409" s="524"/>
      <c r="F3409" s="523" t="s">
        <v>651</v>
      </c>
      <c r="G3409" s="518" t="s">
        <v>651</v>
      </c>
      <c r="H3409" s="517"/>
      <c r="I3409" s="517"/>
      <c r="J3409" s="517"/>
      <c r="K3409" s="516"/>
    </row>
    <row r="3410" spans="1:11" ht="13.7" customHeight="1">
      <c r="A3410" s="739" t="s">
        <v>1659</v>
      </c>
      <c r="B3410" s="740"/>
      <c r="C3410" s="522" t="s">
        <v>240</v>
      </c>
      <c r="D3410" s="521">
        <v>2.6</v>
      </c>
      <c r="E3410" s="520"/>
      <c r="F3410" s="519"/>
      <c r="G3410" s="518" t="s">
        <v>651</v>
      </c>
      <c r="H3410" s="517"/>
      <c r="I3410" s="517"/>
      <c r="J3410" s="517"/>
      <c r="K3410" s="516"/>
    </row>
    <row r="3411" spans="1:11" ht="13.7" customHeight="1">
      <c r="A3411" s="741"/>
      <c r="B3411" s="742"/>
      <c r="C3411" s="515"/>
      <c r="D3411" s="514"/>
      <c r="E3411" s="513"/>
      <c r="F3411" s="512"/>
      <c r="G3411" s="511" t="s">
        <v>651</v>
      </c>
      <c r="H3411" s="510"/>
      <c r="I3411" s="510"/>
      <c r="J3411" s="510"/>
      <c r="K3411" s="509"/>
    </row>
    <row r="3412" spans="1:11" ht="13.7" customHeight="1">
      <c r="A3412" s="743" t="s">
        <v>724</v>
      </c>
      <c r="B3412" s="744"/>
      <c r="C3412" s="533"/>
      <c r="D3412" s="532"/>
      <c r="E3412" s="531"/>
      <c r="F3412" s="530"/>
      <c r="G3412" s="529" t="s">
        <v>1109</v>
      </c>
      <c r="H3412" s="528"/>
      <c r="I3412" s="528"/>
      <c r="J3412" s="528"/>
      <c r="K3412" s="527"/>
    </row>
    <row r="3413" spans="1:11" ht="13.7" customHeight="1">
      <c r="A3413" s="745"/>
      <c r="B3413" s="740"/>
      <c r="C3413" s="526"/>
      <c r="D3413" s="525"/>
      <c r="E3413" s="524"/>
      <c r="F3413" s="523" t="s">
        <v>651</v>
      </c>
      <c r="G3413" s="518" t="s">
        <v>651</v>
      </c>
      <c r="H3413" s="517"/>
      <c r="I3413" s="517"/>
      <c r="J3413" s="517"/>
      <c r="K3413" s="516"/>
    </row>
    <row r="3414" spans="1:11" ht="13.7" customHeight="1">
      <c r="A3414" s="739" t="s">
        <v>1659</v>
      </c>
      <c r="B3414" s="740"/>
      <c r="C3414" s="522" t="s">
        <v>240</v>
      </c>
      <c r="D3414" s="521">
        <v>2.6</v>
      </c>
      <c r="E3414" s="520"/>
      <c r="F3414" s="519"/>
      <c r="G3414" s="518" t="s">
        <v>651</v>
      </c>
      <c r="H3414" s="517"/>
      <c r="I3414" s="517"/>
      <c r="J3414" s="517"/>
      <c r="K3414" s="516"/>
    </row>
    <row r="3415" spans="1:11" ht="13.7" customHeight="1">
      <c r="A3415" s="741"/>
      <c r="B3415" s="742"/>
      <c r="C3415" s="515"/>
      <c r="D3415" s="514"/>
      <c r="E3415" s="513"/>
      <c r="F3415" s="512"/>
      <c r="G3415" s="511" t="s">
        <v>651</v>
      </c>
      <c r="H3415" s="510"/>
      <c r="I3415" s="510"/>
      <c r="J3415" s="510"/>
      <c r="K3415" s="509"/>
    </row>
    <row r="3416" spans="1:11" ht="13.7" customHeight="1">
      <c r="A3416" s="743" t="s">
        <v>1108</v>
      </c>
      <c r="B3416" s="744"/>
      <c r="C3416" s="533"/>
      <c r="D3416" s="532"/>
      <c r="E3416" s="531"/>
      <c r="F3416" s="530"/>
      <c r="G3416" s="529" t="s">
        <v>651</v>
      </c>
      <c r="H3416" s="528"/>
      <c r="I3416" s="528"/>
      <c r="J3416" s="528"/>
      <c r="K3416" s="527"/>
    </row>
    <row r="3417" spans="1:11" ht="13.7" customHeight="1">
      <c r="A3417" s="745"/>
      <c r="B3417" s="740"/>
      <c r="C3417" s="526"/>
      <c r="D3417" s="525"/>
      <c r="E3417" s="524"/>
      <c r="F3417" s="523" t="s">
        <v>651</v>
      </c>
      <c r="G3417" s="518" t="s">
        <v>651</v>
      </c>
      <c r="H3417" s="517"/>
      <c r="I3417" s="517"/>
      <c r="J3417" s="517"/>
      <c r="K3417" s="516"/>
    </row>
    <row r="3418" spans="1:11" ht="13.7" customHeight="1">
      <c r="A3418" s="739" t="s">
        <v>754</v>
      </c>
      <c r="B3418" s="740"/>
      <c r="C3418" s="522" t="s">
        <v>242</v>
      </c>
      <c r="D3418" s="521">
        <v>1</v>
      </c>
      <c r="E3418" s="520"/>
      <c r="F3418" s="519"/>
      <c r="G3418" s="518" t="s">
        <v>651</v>
      </c>
      <c r="H3418" s="517"/>
      <c r="I3418" s="517"/>
      <c r="J3418" s="517"/>
      <c r="K3418" s="516"/>
    </row>
    <row r="3419" spans="1:11" ht="13.7" customHeight="1">
      <c r="A3419" s="741"/>
      <c r="B3419" s="742"/>
      <c r="C3419" s="515"/>
      <c r="D3419" s="514"/>
      <c r="E3419" s="513"/>
      <c r="F3419" s="512"/>
      <c r="G3419" s="511" t="s">
        <v>651</v>
      </c>
      <c r="H3419" s="510"/>
      <c r="I3419" s="510"/>
      <c r="J3419" s="510"/>
      <c r="K3419" s="509"/>
    </row>
    <row r="3420" spans="1:11" ht="13.7" customHeight="1"/>
    <row r="3421" spans="1:11" ht="13.7" customHeight="1"/>
    <row r="3422" spans="1:11" ht="6.2" customHeight="1"/>
    <row r="3423" spans="1:11" ht="14.1" customHeight="1">
      <c r="A3423" s="543" t="s">
        <v>1107</v>
      </c>
      <c r="B3423" s="540" t="s">
        <v>1106</v>
      </c>
      <c r="C3423" s="540"/>
      <c r="D3423" s="540"/>
      <c r="E3423" s="540"/>
      <c r="F3423" s="540"/>
      <c r="G3423" s="542" t="s">
        <v>617</v>
      </c>
      <c r="H3423" s="541" t="s">
        <v>870</v>
      </c>
      <c r="I3423" s="540" t="s">
        <v>1007</v>
      </c>
      <c r="J3423" s="540"/>
      <c r="K3423" s="539"/>
    </row>
    <row r="3424" spans="1:11" ht="24" customHeight="1">
      <c r="A3424" s="538" t="s">
        <v>651</v>
      </c>
      <c r="B3424" s="537" t="s">
        <v>651</v>
      </c>
      <c r="C3424" s="537"/>
      <c r="D3424" s="537"/>
      <c r="E3424" s="537"/>
      <c r="F3424" s="537"/>
      <c r="G3424" s="751">
        <v>1</v>
      </c>
      <c r="H3424" s="751"/>
      <c r="I3424" s="751"/>
      <c r="J3424" s="536" t="s">
        <v>242</v>
      </c>
      <c r="K3424" s="535" t="s">
        <v>618</v>
      </c>
    </row>
    <row r="3425" spans="1:11" ht="17.100000000000001" customHeight="1">
      <c r="A3425" s="746" t="s">
        <v>1006</v>
      </c>
      <c r="B3425" s="747"/>
      <c r="C3425" s="534" t="s">
        <v>309</v>
      </c>
      <c r="D3425" s="534" t="s">
        <v>619</v>
      </c>
      <c r="E3425" s="534" t="s">
        <v>620</v>
      </c>
      <c r="F3425" s="534" t="s">
        <v>659</v>
      </c>
      <c r="G3425" s="748" t="s">
        <v>1005</v>
      </c>
      <c r="H3425" s="749"/>
      <c r="I3425" s="749"/>
      <c r="J3425" s="749"/>
      <c r="K3425" s="750"/>
    </row>
    <row r="3426" spans="1:11" ht="13.7" customHeight="1">
      <c r="A3426" s="743" t="s">
        <v>651</v>
      </c>
      <c r="B3426" s="744"/>
      <c r="C3426" s="533"/>
      <c r="D3426" s="532"/>
      <c r="E3426" s="531"/>
      <c r="F3426" s="530"/>
      <c r="G3426" s="529" t="s">
        <v>651</v>
      </c>
      <c r="H3426" s="528"/>
      <c r="I3426" s="528"/>
      <c r="J3426" s="528"/>
      <c r="K3426" s="527"/>
    </row>
    <row r="3427" spans="1:11" ht="13.7" customHeight="1">
      <c r="A3427" s="745"/>
      <c r="B3427" s="740"/>
      <c r="C3427" s="526"/>
      <c r="D3427" s="525"/>
      <c r="E3427" s="524"/>
      <c r="F3427" s="523" t="s">
        <v>651</v>
      </c>
      <c r="G3427" s="518" t="s">
        <v>651</v>
      </c>
      <c r="H3427" s="517"/>
      <c r="I3427" s="517"/>
      <c r="J3427" s="517"/>
      <c r="K3427" s="516"/>
    </row>
    <row r="3428" spans="1:11" ht="13.7" customHeight="1">
      <c r="A3428" s="739" t="s">
        <v>652</v>
      </c>
      <c r="B3428" s="740"/>
      <c r="C3428" s="522" t="s">
        <v>242</v>
      </c>
      <c r="D3428" s="521">
        <v>1</v>
      </c>
      <c r="E3428" s="520"/>
      <c r="F3428" s="519"/>
      <c r="G3428" s="518" t="s">
        <v>651</v>
      </c>
      <c r="H3428" s="517"/>
      <c r="I3428" s="517"/>
      <c r="J3428" s="517"/>
      <c r="K3428" s="516"/>
    </row>
    <row r="3429" spans="1:11" ht="13.7" customHeight="1">
      <c r="A3429" s="741"/>
      <c r="B3429" s="742"/>
      <c r="C3429" s="515"/>
      <c r="D3429" s="514"/>
      <c r="E3429" s="513"/>
      <c r="F3429" s="512"/>
      <c r="G3429" s="511" t="s">
        <v>651</v>
      </c>
      <c r="H3429" s="510"/>
      <c r="I3429" s="510"/>
      <c r="J3429" s="510"/>
      <c r="K3429" s="509"/>
    </row>
    <row r="3430" spans="1:11" ht="13.7" customHeight="1">
      <c r="A3430" s="743" t="s">
        <v>651</v>
      </c>
      <c r="B3430" s="744"/>
      <c r="C3430" s="533"/>
      <c r="D3430" s="532"/>
      <c r="E3430" s="531"/>
      <c r="F3430" s="530"/>
      <c r="G3430" s="529" t="s">
        <v>651</v>
      </c>
      <c r="H3430" s="528"/>
      <c r="I3430" s="528"/>
      <c r="J3430" s="528"/>
      <c r="K3430" s="527"/>
    </row>
    <row r="3431" spans="1:11" ht="13.7" customHeight="1">
      <c r="A3431" s="745"/>
      <c r="B3431" s="740"/>
      <c r="C3431" s="526"/>
      <c r="D3431" s="525"/>
      <c r="E3431" s="524"/>
      <c r="F3431" s="523" t="s">
        <v>651</v>
      </c>
      <c r="G3431" s="518" t="s">
        <v>651</v>
      </c>
      <c r="H3431" s="517"/>
      <c r="I3431" s="517"/>
      <c r="J3431" s="517"/>
      <c r="K3431" s="516"/>
    </row>
    <row r="3432" spans="1:11" ht="13.7" customHeight="1">
      <c r="A3432" s="739" t="s">
        <v>681</v>
      </c>
      <c r="B3432" s="740"/>
      <c r="C3432" s="522" t="s">
        <v>242</v>
      </c>
      <c r="D3432" s="521">
        <v>1</v>
      </c>
      <c r="E3432" s="520" t="s">
        <v>1002</v>
      </c>
      <c r="F3432" s="519"/>
      <c r="G3432" s="518" t="s">
        <v>651</v>
      </c>
      <c r="H3432" s="517"/>
      <c r="I3432" s="517"/>
      <c r="J3432" s="517"/>
      <c r="K3432" s="516"/>
    </row>
    <row r="3433" spans="1:11" ht="13.7" customHeight="1">
      <c r="A3433" s="741"/>
      <c r="B3433" s="742"/>
      <c r="C3433" s="515"/>
      <c r="D3433" s="514"/>
      <c r="E3433" s="513"/>
      <c r="F3433" s="512"/>
      <c r="G3433" s="511" t="s">
        <v>651</v>
      </c>
      <c r="H3433" s="510"/>
      <c r="I3433" s="510"/>
      <c r="J3433" s="510"/>
      <c r="K3433" s="509"/>
    </row>
    <row r="3434" spans="1:11" ht="54.95" customHeight="1"/>
    <row r="3435" spans="1:11" ht="14.1" customHeight="1">
      <c r="A3435" s="543" t="s">
        <v>1102</v>
      </c>
      <c r="B3435" s="540" t="s">
        <v>1101</v>
      </c>
      <c r="C3435" s="540"/>
      <c r="D3435" s="540"/>
      <c r="E3435" s="540"/>
      <c r="F3435" s="540"/>
      <c r="G3435" s="542" t="s">
        <v>617</v>
      </c>
      <c r="H3435" s="541" t="s">
        <v>868</v>
      </c>
      <c r="I3435" s="540" t="s">
        <v>1007</v>
      </c>
      <c r="J3435" s="540"/>
      <c r="K3435" s="539"/>
    </row>
    <row r="3436" spans="1:11" ht="24" customHeight="1">
      <c r="A3436" s="538" t="s">
        <v>651</v>
      </c>
      <c r="B3436" s="537" t="s">
        <v>651</v>
      </c>
      <c r="C3436" s="537"/>
      <c r="D3436" s="537"/>
      <c r="E3436" s="537"/>
      <c r="F3436" s="537"/>
      <c r="G3436" s="751">
        <v>1</v>
      </c>
      <c r="H3436" s="751"/>
      <c r="I3436" s="751"/>
      <c r="J3436" s="536" t="s">
        <v>242</v>
      </c>
      <c r="K3436" s="535" t="s">
        <v>618</v>
      </c>
    </row>
    <row r="3437" spans="1:11" ht="17.100000000000001" customHeight="1">
      <c r="A3437" s="746" t="s">
        <v>1006</v>
      </c>
      <c r="B3437" s="747"/>
      <c r="C3437" s="534" t="s">
        <v>309</v>
      </c>
      <c r="D3437" s="534" t="s">
        <v>619</v>
      </c>
      <c r="E3437" s="534" t="s">
        <v>620</v>
      </c>
      <c r="F3437" s="534" t="s">
        <v>659</v>
      </c>
      <c r="G3437" s="748" t="s">
        <v>1005</v>
      </c>
      <c r="H3437" s="749"/>
      <c r="I3437" s="749"/>
      <c r="J3437" s="749"/>
      <c r="K3437" s="750"/>
    </row>
    <row r="3438" spans="1:11" ht="13.7" customHeight="1">
      <c r="A3438" s="743" t="s">
        <v>1072</v>
      </c>
      <c r="B3438" s="744"/>
      <c r="C3438" s="533"/>
      <c r="D3438" s="532"/>
      <c r="E3438" s="531"/>
      <c r="F3438" s="530"/>
      <c r="G3438" s="529" t="s">
        <v>1105</v>
      </c>
      <c r="H3438" s="528"/>
      <c r="I3438" s="528"/>
      <c r="J3438" s="528"/>
      <c r="K3438" s="527"/>
    </row>
    <row r="3439" spans="1:11" ht="13.7" customHeight="1">
      <c r="A3439" s="745"/>
      <c r="B3439" s="740"/>
      <c r="C3439" s="526"/>
      <c r="D3439" s="525"/>
      <c r="E3439" s="524"/>
      <c r="F3439" s="523" t="s">
        <v>651</v>
      </c>
      <c r="G3439" s="518" t="s">
        <v>651</v>
      </c>
      <c r="H3439" s="517"/>
      <c r="I3439" s="517"/>
      <c r="J3439" s="517"/>
      <c r="K3439" s="516"/>
    </row>
    <row r="3440" spans="1:11" ht="13.7" customHeight="1">
      <c r="A3440" s="739" t="s">
        <v>651</v>
      </c>
      <c r="B3440" s="740"/>
      <c r="C3440" s="522" t="s">
        <v>242</v>
      </c>
      <c r="D3440" s="521">
        <v>1</v>
      </c>
      <c r="E3440" s="520"/>
      <c r="F3440" s="519"/>
      <c r="G3440" s="518" t="s">
        <v>651</v>
      </c>
      <c r="H3440" s="517"/>
      <c r="I3440" s="517"/>
      <c r="J3440" s="517"/>
      <c r="K3440" s="516"/>
    </row>
    <row r="3441" spans="1:11" ht="13.7" customHeight="1">
      <c r="A3441" s="741"/>
      <c r="B3441" s="742"/>
      <c r="C3441" s="515"/>
      <c r="D3441" s="514"/>
      <c r="E3441" s="513"/>
      <c r="F3441" s="512"/>
      <c r="G3441" s="511" t="s">
        <v>651</v>
      </c>
      <c r="H3441" s="510"/>
      <c r="I3441" s="510"/>
      <c r="J3441" s="510"/>
      <c r="K3441" s="509"/>
    </row>
    <row r="3442" spans="1:11" ht="13.7" customHeight="1">
      <c r="A3442" s="743" t="s">
        <v>1061</v>
      </c>
      <c r="B3442" s="744"/>
      <c r="C3442" s="533"/>
      <c r="D3442" s="532"/>
      <c r="E3442" s="531"/>
      <c r="F3442" s="530"/>
      <c r="G3442" s="529" t="s">
        <v>1104</v>
      </c>
      <c r="H3442" s="528"/>
      <c r="I3442" s="528"/>
      <c r="J3442" s="528"/>
      <c r="K3442" s="527"/>
    </row>
    <row r="3443" spans="1:11" ht="13.7" customHeight="1">
      <c r="A3443" s="745"/>
      <c r="B3443" s="740"/>
      <c r="C3443" s="526"/>
      <c r="D3443" s="525"/>
      <c r="E3443" s="524"/>
      <c r="F3443" s="523" t="s">
        <v>651</v>
      </c>
      <c r="G3443" s="518" t="s">
        <v>651</v>
      </c>
      <c r="H3443" s="517"/>
      <c r="I3443" s="517"/>
      <c r="J3443" s="517"/>
      <c r="K3443" s="516"/>
    </row>
    <row r="3444" spans="1:11" ht="13.7" customHeight="1">
      <c r="A3444" s="739" t="s">
        <v>651</v>
      </c>
      <c r="B3444" s="740"/>
      <c r="C3444" s="522" t="s">
        <v>242</v>
      </c>
      <c r="D3444" s="521">
        <v>1</v>
      </c>
      <c r="E3444" s="520"/>
      <c r="F3444" s="519"/>
      <c r="G3444" s="518" t="s">
        <v>651</v>
      </c>
      <c r="H3444" s="517"/>
      <c r="I3444" s="517"/>
      <c r="J3444" s="517"/>
      <c r="K3444" s="516"/>
    </row>
    <row r="3445" spans="1:11" ht="13.7" customHeight="1">
      <c r="A3445" s="741"/>
      <c r="B3445" s="742"/>
      <c r="C3445" s="515"/>
      <c r="D3445" s="514"/>
      <c r="E3445" s="513"/>
      <c r="F3445" s="512"/>
      <c r="G3445" s="511" t="s">
        <v>651</v>
      </c>
      <c r="H3445" s="510"/>
      <c r="I3445" s="510"/>
      <c r="J3445" s="510"/>
      <c r="K3445" s="509"/>
    </row>
    <row r="3446" spans="1:11" ht="13.7" customHeight="1">
      <c r="A3446" s="743" t="s">
        <v>1047</v>
      </c>
      <c r="B3446" s="744"/>
      <c r="C3446" s="533"/>
      <c r="D3446" s="532"/>
      <c r="E3446" s="531"/>
      <c r="F3446" s="530"/>
      <c r="G3446" s="529" t="s">
        <v>1103</v>
      </c>
      <c r="H3446" s="528"/>
      <c r="I3446" s="528"/>
      <c r="J3446" s="528"/>
      <c r="K3446" s="527"/>
    </row>
    <row r="3447" spans="1:11" ht="13.7" customHeight="1">
      <c r="A3447" s="745"/>
      <c r="B3447" s="740"/>
      <c r="C3447" s="526"/>
      <c r="D3447" s="525"/>
      <c r="E3447" s="524"/>
      <c r="F3447" s="523" t="s">
        <v>651</v>
      </c>
      <c r="G3447" s="518" t="s">
        <v>651</v>
      </c>
      <c r="H3447" s="517"/>
      <c r="I3447" s="517"/>
      <c r="J3447" s="517"/>
      <c r="K3447" s="516"/>
    </row>
    <row r="3448" spans="1:11" ht="13.7" customHeight="1">
      <c r="A3448" s="739" t="s">
        <v>651</v>
      </c>
      <c r="B3448" s="740"/>
      <c r="C3448" s="522" t="s">
        <v>242</v>
      </c>
      <c r="D3448" s="521">
        <v>1</v>
      </c>
      <c r="E3448" s="520"/>
      <c r="F3448" s="519"/>
      <c r="G3448" s="518" t="s">
        <v>651</v>
      </c>
      <c r="H3448" s="517"/>
      <c r="I3448" s="517"/>
      <c r="J3448" s="517"/>
      <c r="K3448" s="516"/>
    </row>
    <row r="3449" spans="1:11" ht="13.7" customHeight="1">
      <c r="A3449" s="741"/>
      <c r="B3449" s="742"/>
      <c r="C3449" s="515"/>
      <c r="D3449" s="514"/>
      <c r="E3449" s="513"/>
      <c r="F3449" s="512"/>
      <c r="G3449" s="511" t="s">
        <v>651</v>
      </c>
      <c r="H3449" s="510"/>
      <c r="I3449" s="510"/>
      <c r="J3449" s="510"/>
      <c r="K3449" s="509"/>
    </row>
    <row r="3450" spans="1:11" ht="13.7" customHeight="1">
      <c r="A3450" s="743" t="s">
        <v>651</v>
      </c>
      <c r="B3450" s="744"/>
      <c r="C3450" s="533"/>
      <c r="D3450" s="532"/>
      <c r="E3450" s="531"/>
      <c r="F3450" s="530"/>
      <c r="G3450" s="529" t="s">
        <v>651</v>
      </c>
      <c r="H3450" s="528"/>
      <c r="I3450" s="528"/>
      <c r="J3450" s="528"/>
      <c r="K3450" s="527"/>
    </row>
    <row r="3451" spans="1:11" ht="13.7" customHeight="1">
      <c r="A3451" s="745"/>
      <c r="B3451" s="740"/>
      <c r="C3451" s="526"/>
      <c r="D3451" s="525"/>
      <c r="E3451" s="524"/>
      <c r="F3451" s="523" t="s">
        <v>651</v>
      </c>
      <c r="G3451" s="518" t="s">
        <v>651</v>
      </c>
      <c r="H3451" s="517"/>
      <c r="I3451" s="517"/>
      <c r="J3451" s="517"/>
      <c r="K3451" s="516"/>
    </row>
    <row r="3452" spans="1:11" ht="13.7" customHeight="1">
      <c r="A3452" s="739" t="s">
        <v>652</v>
      </c>
      <c r="B3452" s="740"/>
      <c r="C3452" s="522" t="s">
        <v>242</v>
      </c>
      <c r="D3452" s="521">
        <v>1</v>
      </c>
      <c r="E3452" s="520"/>
      <c r="F3452" s="519"/>
      <c r="G3452" s="518" t="s">
        <v>651</v>
      </c>
      <c r="H3452" s="517"/>
      <c r="I3452" s="517"/>
      <c r="J3452" s="517"/>
      <c r="K3452" s="516"/>
    </row>
    <row r="3453" spans="1:11" ht="13.7" customHeight="1">
      <c r="A3453" s="741"/>
      <c r="B3453" s="742"/>
      <c r="C3453" s="515"/>
      <c r="D3453" s="514"/>
      <c r="E3453" s="513"/>
      <c r="F3453" s="512"/>
      <c r="G3453" s="511" t="s">
        <v>651</v>
      </c>
      <c r="H3453" s="510"/>
      <c r="I3453" s="510"/>
      <c r="J3453" s="510"/>
      <c r="K3453" s="509"/>
    </row>
    <row r="3454" spans="1:11" ht="13.7" customHeight="1"/>
    <row r="3455" spans="1:11" ht="13.7" customHeight="1"/>
    <row r="3456" spans="1:11" ht="6.2" customHeight="1"/>
    <row r="3457" spans="1:11" ht="14.1" customHeight="1">
      <c r="A3457" s="543" t="s">
        <v>1102</v>
      </c>
      <c r="B3457" s="540" t="s">
        <v>1101</v>
      </c>
      <c r="C3457" s="540"/>
      <c r="D3457" s="540"/>
      <c r="E3457" s="540"/>
      <c r="F3457" s="540"/>
      <c r="G3457" s="542" t="s">
        <v>617</v>
      </c>
      <c r="H3457" s="541" t="s">
        <v>868</v>
      </c>
      <c r="I3457" s="540" t="s">
        <v>1007</v>
      </c>
      <c r="J3457" s="540"/>
      <c r="K3457" s="539"/>
    </row>
    <row r="3458" spans="1:11" ht="24" customHeight="1">
      <c r="A3458" s="538" t="s">
        <v>651</v>
      </c>
      <c r="B3458" s="537" t="s">
        <v>651</v>
      </c>
      <c r="C3458" s="537"/>
      <c r="D3458" s="537"/>
      <c r="E3458" s="537"/>
      <c r="F3458" s="537"/>
      <c r="G3458" s="751">
        <v>1</v>
      </c>
      <c r="H3458" s="751"/>
      <c r="I3458" s="751"/>
      <c r="J3458" s="536" t="s">
        <v>242</v>
      </c>
      <c r="K3458" s="535" t="s">
        <v>618</v>
      </c>
    </row>
    <row r="3459" spans="1:11" ht="17.100000000000001" customHeight="1">
      <c r="A3459" s="746" t="s">
        <v>1006</v>
      </c>
      <c r="B3459" s="747"/>
      <c r="C3459" s="534" t="s">
        <v>309</v>
      </c>
      <c r="D3459" s="534" t="s">
        <v>619</v>
      </c>
      <c r="E3459" s="534" t="s">
        <v>620</v>
      </c>
      <c r="F3459" s="534" t="s">
        <v>659</v>
      </c>
      <c r="G3459" s="748" t="s">
        <v>1005</v>
      </c>
      <c r="H3459" s="749"/>
      <c r="I3459" s="749"/>
      <c r="J3459" s="749"/>
      <c r="K3459" s="750"/>
    </row>
    <row r="3460" spans="1:11" ht="13.7" customHeight="1">
      <c r="A3460" s="743" t="s">
        <v>651</v>
      </c>
      <c r="B3460" s="744"/>
      <c r="C3460" s="533"/>
      <c r="D3460" s="532"/>
      <c r="E3460" s="531"/>
      <c r="F3460" s="530"/>
      <c r="G3460" s="529" t="s">
        <v>651</v>
      </c>
      <c r="H3460" s="528"/>
      <c r="I3460" s="528"/>
      <c r="J3460" s="528"/>
      <c r="K3460" s="527"/>
    </row>
    <row r="3461" spans="1:11" ht="13.7" customHeight="1">
      <c r="A3461" s="745"/>
      <c r="B3461" s="740"/>
      <c r="C3461" s="526"/>
      <c r="D3461" s="525"/>
      <c r="E3461" s="524"/>
      <c r="F3461" s="523" t="s">
        <v>651</v>
      </c>
      <c r="G3461" s="518" t="s">
        <v>651</v>
      </c>
      <c r="H3461" s="517"/>
      <c r="I3461" s="517"/>
      <c r="J3461" s="517"/>
      <c r="K3461" s="516"/>
    </row>
    <row r="3462" spans="1:11" ht="13.7" customHeight="1">
      <c r="A3462" s="739" t="s">
        <v>681</v>
      </c>
      <c r="B3462" s="740"/>
      <c r="C3462" s="522" t="s">
        <v>242</v>
      </c>
      <c r="D3462" s="521">
        <v>1</v>
      </c>
      <c r="E3462" s="520" t="s">
        <v>1002</v>
      </c>
      <c r="F3462" s="519"/>
      <c r="G3462" s="518" t="s">
        <v>651</v>
      </c>
      <c r="H3462" s="517"/>
      <c r="I3462" s="517"/>
      <c r="J3462" s="517"/>
      <c r="K3462" s="516"/>
    </row>
    <row r="3463" spans="1:11" ht="13.7" customHeight="1">
      <c r="A3463" s="741"/>
      <c r="B3463" s="742"/>
      <c r="C3463" s="515"/>
      <c r="D3463" s="514"/>
      <c r="E3463" s="513"/>
      <c r="F3463" s="512"/>
      <c r="G3463" s="511" t="s">
        <v>651</v>
      </c>
      <c r="H3463" s="510"/>
      <c r="I3463" s="510"/>
      <c r="J3463" s="510"/>
      <c r="K3463" s="509"/>
    </row>
    <row r="3464" spans="1:11" ht="13.7" customHeight="1"/>
    <row r="3465" spans="1:11" ht="13.7" customHeight="1"/>
    <row r="3466" spans="1:11" ht="13.7" customHeight="1"/>
    <row r="3467" spans="1:11" ht="13.7" customHeight="1"/>
    <row r="3468" spans="1:11" ht="13.7" customHeight="1"/>
    <row r="3469" spans="1:11" ht="13.7" customHeight="1"/>
    <row r="3470" spans="1:11" ht="13.7" customHeight="1"/>
    <row r="3471" spans="1:11" ht="13.7" customHeight="1"/>
    <row r="3472" spans="1:11" ht="13.7" customHeight="1"/>
    <row r="3473" ht="13.7" customHeight="1"/>
    <row r="3474" ht="13.7" customHeight="1"/>
    <row r="3475" ht="13.7" customHeight="1"/>
    <row r="3476" ht="13.7" customHeight="1"/>
    <row r="3477" ht="13.7" customHeight="1"/>
    <row r="3478" ht="13.7" customHeight="1"/>
    <row r="3479" ht="13.7" customHeight="1"/>
    <row r="3480" ht="13.7" customHeight="1"/>
    <row r="3481" ht="13.7" customHeight="1"/>
    <row r="3482" ht="13.7" customHeight="1"/>
    <row r="3483" ht="13.7" customHeight="1"/>
    <row r="3484" ht="13.7" customHeight="1"/>
    <row r="3485" ht="13.7" customHeight="1"/>
    <row r="3486" ht="13.7" customHeight="1"/>
    <row r="3487" ht="13.7" customHeight="1"/>
    <row r="3488" ht="13.7" customHeight="1"/>
    <row r="3489" spans="1:11" ht="13.7" customHeight="1"/>
    <row r="3490" spans="1:11" ht="13.7" customHeight="1"/>
    <row r="3491" spans="1:11" ht="13.7" customHeight="1"/>
    <row r="3492" spans="1:11" ht="13.7" customHeight="1"/>
    <row r="3493" spans="1:11" ht="13.7" customHeight="1"/>
    <row r="3494" spans="1:11" ht="6.2" customHeight="1"/>
    <row r="3495" spans="1:11" ht="14.1" customHeight="1">
      <c r="A3495" s="543" t="s">
        <v>1073</v>
      </c>
      <c r="B3495" s="540" t="s">
        <v>1072</v>
      </c>
      <c r="C3495" s="540"/>
      <c r="D3495" s="540"/>
      <c r="E3495" s="540"/>
      <c r="F3495" s="540"/>
      <c r="G3495" s="542" t="s">
        <v>617</v>
      </c>
      <c r="H3495" s="541" t="s">
        <v>866</v>
      </c>
      <c r="I3495" s="540" t="s">
        <v>1007</v>
      </c>
      <c r="J3495" s="540"/>
      <c r="K3495" s="539"/>
    </row>
    <row r="3496" spans="1:11" ht="24" customHeight="1">
      <c r="A3496" s="538" t="s">
        <v>651</v>
      </c>
      <c r="B3496" s="537" t="s">
        <v>651</v>
      </c>
      <c r="C3496" s="537"/>
      <c r="D3496" s="537"/>
      <c r="E3496" s="537"/>
      <c r="F3496" s="537"/>
      <c r="G3496" s="751">
        <v>1</v>
      </c>
      <c r="H3496" s="751"/>
      <c r="I3496" s="751"/>
      <c r="J3496" s="536" t="s">
        <v>242</v>
      </c>
      <c r="K3496" s="535" t="s">
        <v>618</v>
      </c>
    </row>
    <row r="3497" spans="1:11" ht="17.100000000000001" customHeight="1">
      <c r="A3497" s="746" t="s">
        <v>1006</v>
      </c>
      <c r="B3497" s="747"/>
      <c r="C3497" s="534" t="s">
        <v>309</v>
      </c>
      <c r="D3497" s="534" t="s">
        <v>619</v>
      </c>
      <c r="E3497" s="534" t="s">
        <v>620</v>
      </c>
      <c r="F3497" s="534" t="s">
        <v>659</v>
      </c>
      <c r="G3497" s="748" t="s">
        <v>1005</v>
      </c>
      <c r="H3497" s="749"/>
      <c r="I3497" s="749"/>
      <c r="J3497" s="749"/>
      <c r="K3497" s="750"/>
    </row>
    <row r="3498" spans="1:11" ht="13.7" customHeight="1">
      <c r="A3498" s="743" t="s">
        <v>1100</v>
      </c>
      <c r="B3498" s="744"/>
      <c r="C3498" s="533"/>
      <c r="D3498" s="532"/>
      <c r="E3498" s="531"/>
      <c r="F3498" s="530"/>
      <c r="G3498" s="529" t="s">
        <v>651</v>
      </c>
      <c r="H3498" s="528"/>
      <c r="I3498" s="528"/>
      <c r="J3498" s="528"/>
      <c r="K3498" s="527"/>
    </row>
    <row r="3499" spans="1:11" ht="13.7" customHeight="1">
      <c r="A3499" s="745"/>
      <c r="B3499" s="740"/>
      <c r="C3499" s="526"/>
      <c r="D3499" s="525"/>
      <c r="E3499" s="524"/>
      <c r="F3499" s="523" t="s">
        <v>651</v>
      </c>
      <c r="G3499" s="518" t="s">
        <v>651</v>
      </c>
      <c r="H3499" s="517"/>
      <c r="I3499" s="517"/>
      <c r="J3499" s="517"/>
      <c r="K3499" s="516"/>
    </row>
    <row r="3500" spans="1:11" ht="13.7" customHeight="1">
      <c r="A3500" s="739" t="s">
        <v>1099</v>
      </c>
      <c r="B3500" s="740"/>
      <c r="C3500" s="522" t="s">
        <v>246</v>
      </c>
      <c r="D3500" s="521">
        <v>1</v>
      </c>
      <c r="E3500" s="520"/>
      <c r="F3500" s="519"/>
      <c r="G3500" s="518" t="s">
        <v>651</v>
      </c>
      <c r="H3500" s="517"/>
      <c r="I3500" s="517"/>
      <c r="J3500" s="517"/>
      <c r="K3500" s="516"/>
    </row>
    <row r="3501" spans="1:11" ht="13.7" customHeight="1">
      <c r="A3501" s="741"/>
      <c r="B3501" s="742"/>
      <c r="C3501" s="515"/>
      <c r="D3501" s="514"/>
      <c r="E3501" s="513"/>
      <c r="F3501" s="512"/>
      <c r="G3501" s="511" t="s">
        <v>651</v>
      </c>
      <c r="H3501" s="510"/>
      <c r="I3501" s="510"/>
      <c r="J3501" s="510"/>
      <c r="K3501" s="509"/>
    </row>
    <row r="3502" spans="1:11" ht="13.7" customHeight="1">
      <c r="A3502" s="743" t="s">
        <v>1098</v>
      </c>
      <c r="B3502" s="744"/>
      <c r="C3502" s="533"/>
      <c r="D3502" s="532"/>
      <c r="E3502" s="531"/>
      <c r="F3502" s="530"/>
      <c r="G3502" s="529" t="s">
        <v>651</v>
      </c>
      <c r="H3502" s="528"/>
      <c r="I3502" s="528"/>
      <c r="J3502" s="528"/>
      <c r="K3502" s="527"/>
    </row>
    <row r="3503" spans="1:11" ht="13.7" customHeight="1">
      <c r="A3503" s="745"/>
      <c r="B3503" s="740"/>
      <c r="C3503" s="526"/>
      <c r="D3503" s="525"/>
      <c r="E3503" s="524"/>
      <c r="F3503" s="523" t="s">
        <v>651</v>
      </c>
      <c r="G3503" s="518" t="s">
        <v>651</v>
      </c>
      <c r="H3503" s="517"/>
      <c r="I3503" s="517"/>
      <c r="J3503" s="517"/>
      <c r="K3503" s="516"/>
    </row>
    <row r="3504" spans="1:11" ht="13.7" customHeight="1">
      <c r="A3504" s="739" t="s">
        <v>1097</v>
      </c>
      <c r="B3504" s="740"/>
      <c r="C3504" s="522" t="s">
        <v>246</v>
      </c>
      <c r="D3504" s="521">
        <v>1</v>
      </c>
      <c r="E3504" s="520"/>
      <c r="F3504" s="519"/>
      <c r="G3504" s="518" t="s">
        <v>651</v>
      </c>
      <c r="H3504" s="517"/>
      <c r="I3504" s="517"/>
      <c r="J3504" s="517"/>
      <c r="K3504" s="516"/>
    </row>
    <row r="3505" spans="1:11" ht="13.7" customHeight="1">
      <c r="A3505" s="741"/>
      <c r="B3505" s="742"/>
      <c r="C3505" s="515"/>
      <c r="D3505" s="514"/>
      <c r="E3505" s="513"/>
      <c r="F3505" s="512"/>
      <c r="G3505" s="511" t="s">
        <v>651</v>
      </c>
      <c r="H3505" s="510"/>
      <c r="I3505" s="510"/>
      <c r="J3505" s="510"/>
      <c r="K3505" s="509"/>
    </row>
    <row r="3506" spans="1:11" ht="13.7" customHeight="1">
      <c r="A3506" s="743" t="s">
        <v>1096</v>
      </c>
      <c r="B3506" s="744"/>
      <c r="C3506" s="533"/>
      <c r="D3506" s="532"/>
      <c r="E3506" s="531"/>
      <c r="F3506" s="530"/>
      <c r="G3506" s="529" t="s">
        <v>651</v>
      </c>
      <c r="H3506" s="528"/>
      <c r="I3506" s="528"/>
      <c r="J3506" s="528"/>
      <c r="K3506" s="527"/>
    </row>
    <row r="3507" spans="1:11" ht="13.7" customHeight="1">
      <c r="A3507" s="745"/>
      <c r="B3507" s="740"/>
      <c r="C3507" s="526"/>
      <c r="D3507" s="525"/>
      <c r="E3507" s="524"/>
      <c r="F3507" s="523" t="s">
        <v>651</v>
      </c>
      <c r="G3507" s="518" t="s">
        <v>651</v>
      </c>
      <c r="H3507" s="517"/>
      <c r="I3507" s="517"/>
      <c r="J3507" s="517"/>
      <c r="K3507" s="516"/>
    </row>
    <row r="3508" spans="1:11" ht="13.7" customHeight="1">
      <c r="A3508" s="739" t="s">
        <v>1095</v>
      </c>
      <c r="B3508" s="740"/>
      <c r="C3508" s="522" t="s">
        <v>240</v>
      </c>
      <c r="D3508" s="521">
        <v>15.7</v>
      </c>
      <c r="E3508" s="520"/>
      <c r="F3508" s="519"/>
      <c r="G3508" s="518" t="s">
        <v>651</v>
      </c>
      <c r="H3508" s="517"/>
      <c r="I3508" s="517"/>
      <c r="J3508" s="517"/>
      <c r="K3508" s="516"/>
    </row>
    <row r="3509" spans="1:11" ht="13.7" customHeight="1">
      <c r="A3509" s="741"/>
      <c r="B3509" s="742"/>
      <c r="C3509" s="515"/>
      <c r="D3509" s="514"/>
      <c r="E3509" s="513"/>
      <c r="F3509" s="512"/>
      <c r="G3509" s="511" t="s">
        <v>651</v>
      </c>
      <c r="H3509" s="510"/>
      <c r="I3509" s="510"/>
      <c r="J3509" s="510"/>
      <c r="K3509" s="509"/>
    </row>
    <row r="3510" spans="1:11" ht="13.7" customHeight="1">
      <c r="A3510" s="743" t="s">
        <v>1094</v>
      </c>
      <c r="B3510" s="744"/>
      <c r="C3510" s="533"/>
      <c r="D3510" s="532"/>
      <c r="E3510" s="531"/>
      <c r="F3510" s="530"/>
      <c r="G3510" s="529" t="s">
        <v>651</v>
      </c>
      <c r="H3510" s="528"/>
      <c r="I3510" s="528"/>
      <c r="J3510" s="528"/>
      <c r="K3510" s="527"/>
    </row>
    <row r="3511" spans="1:11" ht="13.7" customHeight="1">
      <c r="A3511" s="745"/>
      <c r="B3511" s="740"/>
      <c r="C3511" s="526"/>
      <c r="D3511" s="525"/>
      <c r="E3511" s="524"/>
      <c r="F3511" s="523" t="s">
        <v>651</v>
      </c>
      <c r="G3511" s="518" t="s">
        <v>651</v>
      </c>
      <c r="H3511" s="517"/>
      <c r="I3511" s="517"/>
      <c r="J3511" s="517"/>
      <c r="K3511" s="516"/>
    </row>
    <row r="3512" spans="1:11" ht="13.7" customHeight="1">
      <c r="A3512" s="739" t="s">
        <v>1092</v>
      </c>
      <c r="B3512" s="740"/>
      <c r="C3512" s="522" t="s">
        <v>246</v>
      </c>
      <c r="D3512" s="521">
        <v>8</v>
      </c>
      <c r="E3512" s="520"/>
      <c r="F3512" s="519"/>
      <c r="G3512" s="518" t="s">
        <v>651</v>
      </c>
      <c r="H3512" s="517"/>
      <c r="I3512" s="517"/>
      <c r="J3512" s="517"/>
      <c r="K3512" s="516"/>
    </row>
    <row r="3513" spans="1:11" ht="13.7" customHeight="1">
      <c r="A3513" s="741"/>
      <c r="B3513" s="742"/>
      <c r="C3513" s="515"/>
      <c r="D3513" s="514"/>
      <c r="E3513" s="513"/>
      <c r="F3513" s="512"/>
      <c r="G3513" s="511" t="s">
        <v>651</v>
      </c>
      <c r="H3513" s="510"/>
      <c r="I3513" s="510"/>
      <c r="J3513" s="510"/>
      <c r="K3513" s="509"/>
    </row>
    <row r="3514" spans="1:11" ht="13.7" customHeight="1">
      <c r="A3514" s="743" t="s">
        <v>1093</v>
      </c>
      <c r="B3514" s="744"/>
      <c r="C3514" s="533"/>
      <c r="D3514" s="532"/>
      <c r="E3514" s="531"/>
      <c r="F3514" s="530"/>
      <c r="G3514" s="529" t="s">
        <v>651</v>
      </c>
      <c r="H3514" s="528"/>
      <c r="I3514" s="528"/>
      <c r="J3514" s="528"/>
      <c r="K3514" s="527"/>
    </row>
    <row r="3515" spans="1:11" ht="13.7" customHeight="1">
      <c r="A3515" s="745"/>
      <c r="B3515" s="740"/>
      <c r="C3515" s="526"/>
      <c r="D3515" s="525"/>
      <c r="E3515" s="524"/>
      <c r="F3515" s="523" t="s">
        <v>651</v>
      </c>
      <c r="G3515" s="518" t="s">
        <v>651</v>
      </c>
      <c r="H3515" s="517"/>
      <c r="I3515" s="517"/>
      <c r="J3515" s="517"/>
      <c r="K3515" s="516"/>
    </row>
    <row r="3516" spans="1:11" ht="13.7" customHeight="1">
      <c r="A3516" s="739" t="s">
        <v>1092</v>
      </c>
      <c r="B3516" s="740"/>
      <c r="C3516" s="522" t="s">
        <v>246</v>
      </c>
      <c r="D3516" s="521">
        <v>1</v>
      </c>
      <c r="E3516" s="520"/>
      <c r="F3516" s="519"/>
      <c r="G3516" s="518" t="s">
        <v>651</v>
      </c>
      <c r="H3516" s="517"/>
      <c r="I3516" s="517"/>
      <c r="J3516" s="517"/>
      <c r="K3516" s="516"/>
    </row>
    <row r="3517" spans="1:11" ht="13.7" customHeight="1">
      <c r="A3517" s="741"/>
      <c r="B3517" s="742"/>
      <c r="C3517" s="515"/>
      <c r="D3517" s="514"/>
      <c r="E3517" s="513"/>
      <c r="F3517" s="512"/>
      <c r="G3517" s="511" t="s">
        <v>651</v>
      </c>
      <c r="H3517" s="510"/>
      <c r="I3517" s="510"/>
      <c r="J3517" s="510"/>
      <c r="K3517" s="509"/>
    </row>
    <row r="3518" spans="1:11" ht="13.7" customHeight="1">
      <c r="A3518" s="743" t="s">
        <v>1091</v>
      </c>
      <c r="B3518" s="744"/>
      <c r="C3518" s="533"/>
      <c r="D3518" s="532"/>
      <c r="E3518" s="531"/>
      <c r="F3518" s="530"/>
      <c r="G3518" s="529" t="s">
        <v>651</v>
      </c>
      <c r="H3518" s="528"/>
      <c r="I3518" s="528"/>
      <c r="J3518" s="528"/>
      <c r="K3518" s="527"/>
    </row>
    <row r="3519" spans="1:11" ht="13.7" customHeight="1">
      <c r="A3519" s="745"/>
      <c r="B3519" s="740"/>
      <c r="C3519" s="526"/>
      <c r="D3519" s="525"/>
      <c r="E3519" s="524"/>
      <c r="F3519" s="523" t="s">
        <v>651</v>
      </c>
      <c r="G3519" s="518" t="s">
        <v>651</v>
      </c>
      <c r="H3519" s="517"/>
      <c r="I3519" s="517"/>
      <c r="J3519" s="517"/>
      <c r="K3519" s="516"/>
    </row>
    <row r="3520" spans="1:11" ht="13.7" customHeight="1">
      <c r="A3520" s="739" t="s">
        <v>1090</v>
      </c>
      <c r="B3520" s="740"/>
      <c r="C3520" s="522" t="s">
        <v>246</v>
      </c>
      <c r="D3520" s="521">
        <v>1</v>
      </c>
      <c r="E3520" s="520"/>
      <c r="F3520" s="519"/>
      <c r="G3520" s="518" t="s">
        <v>651</v>
      </c>
      <c r="H3520" s="517"/>
      <c r="I3520" s="517"/>
      <c r="J3520" s="517"/>
      <c r="K3520" s="516"/>
    </row>
    <row r="3521" spans="1:11" ht="13.7" customHeight="1">
      <c r="A3521" s="741"/>
      <c r="B3521" s="742"/>
      <c r="C3521" s="515"/>
      <c r="D3521" s="514"/>
      <c r="E3521" s="513"/>
      <c r="F3521" s="512"/>
      <c r="G3521" s="511" t="s">
        <v>651</v>
      </c>
      <c r="H3521" s="510"/>
      <c r="I3521" s="510"/>
      <c r="J3521" s="510"/>
      <c r="K3521" s="509"/>
    </row>
    <row r="3522" spans="1:11" ht="13.7" customHeight="1">
      <c r="A3522" s="743" t="s">
        <v>1089</v>
      </c>
      <c r="B3522" s="744"/>
      <c r="C3522" s="533"/>
      <c r="D3522" s="532"/>
      <c r="E3522" s="531"/>
      <c r="F3522" s="530"/>
      <c r="G3522" s="529" t="s">
        <v>651</v>
      </c>
      <c r="H3522" s="528"/>
      <c r="I3522" s="528"/>
      <c r="J3522" s="528"/>
      <c r="K3522" s="527"/>
    </row>
    <row r="3523" spans="1:11" ht="13.7" customHeight="1">
      <c r="A3523" s="745"/>
      <c r="B3523" s="740"/>
      <c r="C3523" s="526"/>
      <c r="D3523" s="525"/>
      <c r="E3523" s="524"/>
      <c r="F3523" s="523" t="s">
        <v>651</v>
      </c>
      <c r="G3523" s="518" t="s">
        <v>651</v>
      </c>
      <c r="H3523" s="517"/>
      <c r="I3523" s="517"/>
      <c r="J3523" s="517"/>
      <c r="K3523" s="516"/>
    </row>
    <row r="3524" spans="1:11" ht="13.7" customHeight="1">
      <c r="A3524" s="739" t="s">
        <v>1088</v>
      </c>
      <c r="B3524" s="740"/>
      <c r="C3524" s="522" t="s">
        <v>234</v>
      </c>
      <c r="D3524" s="521">
        <v>1</v>
      </c>
      <c r="E3524" s="520"/>
      <c r="F3524" s="519"/>
      <c r="G3524" s="518" t="s">
        <v>651</v>
      </c>
      <c r="H3524" s="517"/>
      <c r="I3524" s="517"/>
      <c r="J3524" s="517"/>
      <c r="K3524" s="516"/>
    </row>
    <row r="3525" spans="1:11" ht="13.7" customHeight="1">
      <c r="A3525" s="741"/>
      <c r="B3525" s="742"/>
      <c r="C3525" s="515"/>
      <c r="D3525" s="514"/>
      <c r="E3525" s="513"/>
      <c r="F3525" s="512"/>
      <c r="G3525" s="511" t="s">
        <v>651</v>
      </c>
      <c r="H3525" s="510"/>
      <c r="I3525" s="510"/>
      <c r="J3525" s="510"/>
      <c r="K3525" s="509"/>
    </row>
    <row r="3526" spans="1:11" ht="13.7" customHeight="1">
      <c r="A3526" s="743" t="s">
        <v>1087</v>
      </c>
      <c r="B3526" s="744"/>
      <c r="C3526" s="533"/>
      <c r="D3526" s="532"/>
      <c r="E3526" s="531"/>
      <c r="F3526" s="530"/>
      <c r="G3526" s="529" t="s">
        <v>651</v>
      </c>
      <c r="H3526" s="528"/>
      <c r="I3526" s="528"/>
      <c r="J3526" s="528"/>
      <c r="K3526" s="527"/>
    </row>
    <row r="3527" spans="1:11" ht="13.7" customHeight="1">
      <c r="A3527" s="745"/>
      <c r="B3527" s="740"/>
      <c r="C3527" s="526"/>
      <c r="D3527" s="525"/>
      <c r="E3527" s="524"/>
      <c r="F3527" s="523" t="s">
        <v>651</v>
      </c>
      <c r="G3527" s="518" t="s">
        <v>651</v>
      </c>
      <c r="H3527" s="517"/>
      <c r="I3527" s="517"/>
      <c r="J3527" s="517"/>
      <c r="K3527" s="516"/>
    </row>
    <row r="3528" spans="1:11" ht="13.7" customHeight="1">
      <c r="A3528" s="739" t="s">
        <v>1086</v>
      </c>
      <c r="B3528" s="740"/>
      <c r="C3528" s="522" t="s">
        <v>246</v>
      </c>
      <c r="D3528" s="521">
        <v>1</v>
      </c>
      <c r="E3528" s="520"/>
      <c r="F3528" s="519"/>
      <c r="G3528" s="518" t="s">
        <v>651</v>
      </c>
      <c r="H3528" s="517"/>
      <c r="I3528" s="517"/>
      <c r="J3528" s="517"/>
      <c r="K3528" s="516"/>
    </row>
    <row r="3529" spans="1:11" ht="13.7" customHeight="1">
      <c r="A3529" s="741"/>
      <c r="B3529" s="742"/>
      <c r="C3529" s="515"/>
      <c r="D3529" s="514"/>
      <c r="E3529" s="513"/>
      <c r="F3529" s="512"/>
      <c r="G3529" s="511" t="s">
        <v>651</v>
      </c>
      <c r="H3529" s="510"/>
      <c r="I3529" s="510"/>
      <c r="J3529" s="510"/>
      <c r="K3529" s="509"/>
    </row>
    <row r="3530" spans="1:11" ht="13.7" customHeight="1"/>
    <row r="3531" spans="1:11" ht="13.7" customHeight="1"/>
    <row r="3532" spans="1:11" ht="6.2" customHeight="1"/>
    <row r="3533" spans="1:11" ht="14.1" customHeight="1">
      <c r="A3533" s="543" t="s">
        <v>1073</v>
      </c>
      <c r="B3533" s="540" t="s">
        <v>1072</v>
      </c>
      <c r="C3533" s="540"/>
      <c r="D3533" s="540"/>
      <c r="E3533" s="540"/>
      <c r="F3533" s="540"/>
      <c r="G3533" s="542" t="s">
        <v>617</v>
      </c>
      <c r="H3533" s="541" t="s">
        <v>866</v>
      </c>
      <c r="I3533" s="540" t="s">
        <v>1007</v>
      </c>
      <c r="J3533" s="540"/>
      <c r="K3533" s="539"/>
    </row>
    <row r="3534" spans="1:11" ht="24" customHeight="1">
      <c r="A3534" s="538" t="s">
        <v>651</v>
      </c>
      <c r="B3534" s="537" t="s">
        <v>651</v>
      </c>
      <c r="C3534" s="537"/>
      <c r="D3534" s="537"/>
      <c r="E3534" s="537"/>
      <c r="F3534" s="537"/>
      <c r="G3534" s="751">
        <v>1</v>
      </c>
      <c r="H3534" s="751"/>
      <c r="I3534" s="751"/>
      <c r="J3534" s="536" t="s">
        <v>242</v>
      </c>
      <c r="K3534" s="535" t="s">
        <v>618</v>
      </c>
    </row>
    <row r="3535" spans="1:11" ht="17.100000000000001" customHeight="1">
      <c r="A3535" s="746" t="s">
        <v>1006</v>
      </c>
      <c r="B3535" s="747"/>
      <c r="C3535" s="534" t="s">
        <v>309</v>
      </c>
      <c r="D3535" s="534" t="s">
        <v>619</v>
      </c>
      <c r="E3535" s="534" t="s">
        <v>620</v>
      </c>
      <c r="F3535" s="534" t="s">
        <v>659</v>
      </c>
      <c r="G3535" s="748" t="s">
        <v>1005</v>
      </c>
      <c r="H3535" s="749"/>
      <c r="I3535" s="749"/>
      <c r="J3535" s="749"/>
      <c r="K3535" s="750"/>
    </row>
    <row r="3536" spans="1:11" ht="13.7" customHeight="1">
      <c r="A3536" s="743" t="s">
        <v>1085</v>
      </c>
      <c r="B3536" s="744"/>
      <c r="C3536" s="533"/>
      <c r="D3536" s="532"/>
      <c r="E3536" s="531"/>
      <c r="F3536" s="530"/>
      <c r="G3536" s="529" t="s">
        <v>651</v>
      </c>
      <c r="H3536" s="528"/>
      <c r="I3536" s="528"/>
      <c r="J3536" s="528"/>
      <c r="K3536" s="527"/>
    </row>
    <row r="3537" spans="1:11" ht="13.7" customHeight="1">
      <c r="A3537" s="745"/>
      <c r="B3537" s="740"/>
      <c r="C3537" s="526"/>
      <c r="D3537" s="525"/>
      <c r="E3537" s="524"/>
      <c r="F3537" s="523" t="s">
        <v>651</v>
      </c>
      <c r="G3537" s="518" t="s">
        <v>651</v>
      </c>
      <c r="H3537" s="517"/>
      <c r="I3537" s="517"/>
      <c r="J3537" s="517"/>
      <c r="K3537" s="516"/>
    </row>
    <row r="3538" spans="1:11" ht="13.7" customHeight="1">
      <c r="A3538" s="739" t="s">
        <v>1084</v>
      </c>
      <c r="B3538" s="740"/>
      <c r="C3538" s="522" t="s">
        <v>246</v>
      </c>
      <c r="D3538" s="521">
        <v>1</v>
      </c>
      <c r="E3538" s="520"/>
      <c r="F3538" s="519"/>
      <c r="G3538" s="518" t="s">
        <v>651</v>
      </c>
      <c r="H3538" s="517"/>
      <c r="I3538" s="517"/>
      <c r="J3538" s="517"/>
      <c r="K3538" s="516"/>
    </row>
    <row r="3539" spans="1:11" ht="13.7" customHeight="1">
      <c r="A3539" s="741"/>
      <c r="B3539" s="742"/>
      <c r="C3539" s="515"/>
      <c r="D3539" s="514"/>
      <c r="E3539" s="513"/>
      <c r="F3539" s="512"/>
      <c r="G3539" s="511" t="s">
        <v>651</v>
      </c>
      <c r="H3539" s="510"/>
      <c r="I3539" s="510"/>
      <c r="J3539" s="510"/>
      <c r="K3539" s="509"/>
    </row>
    <row r="3540" spans="1:11" ht="13.7" customHeight="1">
      <c r="A3540" s="743" t="s">
        <v>1080</v>
      </c>
      <c r="B3540" s="744"/>
      <c r="C3540" s="533"/>
      <c r="D3540" s="532"/>
      <c r="E3540" s="531"/>
      <c r="F3540" s="530"/>
      <c r="G3540" s="529" t="s">
        <v>651</v>
      </c>
      <c r="H3540" s="528"/>
      <c r="I3540" s="528"/>
      <c r="J3540" s="528"/>
      <c r="K3540" s="527"/>
    </row>
    <row r="3541" spans="1:11" ht="13.7" customHeight="1">
      <c r="A3541" s="745"/>
      <c r="B3541" s="740"/>
      <c r="C3541" s="526"/>
      <c r="D3541" s="525"/>
      <c r="E3541" s="524"/>
      <c r="F3541" s="523" t="s">
        <v>651</v>
      </c>
      <c r="G3541" s="518" t="s">
        <v>651</v>
      </c>
      <c r="H3541" s="517"/>
      <c r="I3541" s="517"/>
      <c r="J3541" s="517"/>
      <c r="K3541" s="516"/>
    </row>
    <row r="3542" spans="1:11" ht="13.7" customHeight="1">
      <c r="A3542" s="739" t="s">
        <v>1083</v>
      </c>
      <c r="B3542" s="740"/>
      <c r="C3542" s="522" t="s">
        <v>246</v>
      </c>
      <c r="D3542" s="521">
        <v>1</v>
      </c>
      <c r="E3542" s="520"/>
      <c r="F3542" s="519"/>
      <c r="G3542" s="518" t="s">
        <v>651</v>
      </c>
      <c r="H3542" s="517"/>
      <c r="I3542" s="517"/>
      <c r="J3542" s="517"/>
      <c r="K3542" s="516"/>
    </row>
    <row r="3543" spans="1:11" ht="13.7" customHeight="1">
      <c r="A3543" s="741"/>
      <c r="B3543" s="742"/>
      <c r="C3543" s="515"/>
      <c r="D3543" s="514"/>
      <c r="E3543" s="513"/>
      <c r="F3543" s="512"/>
      <c r="G3543" s="511" t="s">
        <v>651</v>
      </c>
      <c r="H3543" s="510"/>
      <c r="I3543" s="510"/>
      <c r="J3543" s="510"/>
      <c r="K3543" s="509"/>
    </row>
    <row r="3544" spans="1:11" ht="13.7" customHeight="1">
      <c r="A3544" s="743" t="s">
        <v>1080</v>
      </c>
      <c r="B3544" s="744"/>
      <c r="C3544" s="533"/>
      <c r="D3544" s="532"/>
      <c r="E3544" s="531"/>
      <c r="F3544" s="530"/>
      <c r="G3544" s="529" t="s">
        <v>651</v>
      </c>
      <c r="H3544" s="528"/>
      <c r="I3544" s="528"/>
      <c r="J3544" s="528"/>
      <c r="K3544" s="527"/>
    </row>
    <row r="3545" spans="1:11" ht="13.7" customHeight="1">
      <c r="A3545" s="745"/>
      <c r="B3545" s="740"/>
      <c r="C3545" s="526"/>
      <c r="D3545" s="525"/>
      <c r="E3545" s="524"/>
      <c r="F3545" s="523" t="s">
        <v>651</v>
      </c>
      <c r="G3545" s="518" t="s">
        <v>651</v>
      </c>
      <c r="H3545" s="517"/>
      <c r="I3545" s="517"/>
      <c r="J3545" s="517"/>
      <c r="K3545" s="516"/>
    </row>
    <row r="3546" spans="1:11" ht="13.7" customHeight="1">
      <c r="A3546" s="739" t="s">
        <v>1082</v>
      </c>
      <c r="B3546" s="740"/>
      <c r="C3546" s="522" t="s">
        <v>246</v>
      </c>
      <c r="D3546" s="521">
        <v>1</v>
      </c>
      <c r="E3546" s="520"/>
      <c r="F3546" s="519"/>
      <c r="G3546" s="518" t="s">
        <v>651</v>
      </c>
      <c r="H3546" s="517"/>
      <c r="I3546" s="517"/>
      <c r="J3546" s="517"/>
      <c r="K3546" s="516"/>
    </row>
    <row r="3547" spans="1:11" ht="13.7" customHeight="1">
      <c r="A3547" s="741"/>
      <c r="B3547" s="742"/>
      <c r="C3547" s="515"/>
      <c r="D3547" s="514"/>
      <c r="E3547" s="513"/>
      <c r="F3547" s="512"/>
      <c r="G3547" s="511" t="s">
        <v>651</v>
      </c>
      <c r="H3547" s="510"/>
      <c r="I3547" s="510"/>
      <c r="J3547" s="510"/>
      <c r="K3547" s="509"/>
    </row>
    <row r="3548" spans="1:11" ht="13.7" customHeight="1">
      <c r="A3548" s="743" t="s">
        <v>1080</v>
      </c>
      <c r="B3548" s="744"/>
      <c r="C3548" s="533"/>
      <c r="D3548" s="532"/>
      <c r="E3548" s="531"/>
      <c r="F3548" s="530"/>
      <c r="G3548" s="529" t="s">
        <v>651</v>
      </c>
      <c r="H3548" s="528"/>
      <c r="I3548" s="528"/>
      <c r="J3548" s="528"/>
      <c r="K3548" s="527"/>
    </row>
    <row r="3549" spans="1:11" ht="13.7" customHeight="1">
      <c r="A3549" s="745"/>
      <c r="B3549" s="740"/>
      <c r="C3549" s="526"/>
      <c r="D3549" s="525"/>
      <c r="E3549" s="524"/>
      <c r="F3549" s="523" t="s">
        <v>651</v>
      </c>
      <c r="G3549" s="518" t="s">
        <v>651</v>
      </c>
      <c r="H3549" s="517"/>
      <c r="I3549" s="517"/>
      <c r="J3549" s="517"/>
      <c r="K3549" s="516"/>
    </row>
    <row r="3550" spans="1:11" ht="13.7" customHeight="1">
      <c r="A3550" s="739" t="s">
        <v>1081</v>
      </c>
      <c r="B3550" s="740"/>
      <c r="C3550" s="522" t="s">
        <v>246</v>
      </c>
      <c r="D3550" s="521">
        <v>1</v>
      </c>
      <c r="E3550" s="520"/>
      <c r="F3550" s="519"/>
      <c r="G3550" s="518" t="s">
        <v>651</v>
      </c>
      <c r="H3550" s="517"/>
      <c r="I3550" s="517"/>
      <c r="J3550" s="517"/>
      <c r="K3550" s="516"/>
    </row>
    <row r="3551" spans="1:11" ht="13.7" customHeight="1">
      <c r="A3551" s="741"/>
      <c r="B3551" s="742"/>
      <c r="C3551" s="515"/>
      <c r="D3551" s="514"/>
      <c r="E3551" s="513"/>
      <c r="F3551" s="512"/>
      <c r="G3551" s="511" t="s">
        <v>651</v>
      </c>
      <c r="H3551" s="510"/>
      <c r="I3551" s="510"/>
      <c r="J3551" s="510"/>
      <c r="K3551" s="509"/>
    </row>
    <row r="3552" spans="1:11" ht="13.7" customHeight="1">
      <c r="A3552" s="743" t="s">
        <v>1080</v>
      </c>
      <c r="B3552" s="744"/>
      <c r="C3552" s="533"/>
      <c r="D3552" s="532"/>
      <c r="E3552" s="531"/>
      <c r="F3552" s="530"/>
      <c r="G3552" s="529" t="s">
        <v>651</v>
      </c>
      <c r="H3552" s="528"/>
      <c r="I3552" s="528"/>
      <c r="J3552" s="528"/>
      <c r="K3552" s="527"/>
    </row>
    <row r="3553" spans="1:11" ht="13.7" customHeight="1">
      <c r="A3553" s="745"/>
      <c r="B3553" s="740"/>
      <c r="C3553" s="526"/>
      <c r="D3553" s="525"/>
      <c r="E3553" s="524"/>
      <c r="F3553" s="523" t="s">
        <v>651</v>
      </c>
      <c r="G3553" s="518" t="s">
        <v>651</v>
      </c>
      <c r="H3553" s="517"/>
      <c r="I3553" s="517"/>
      <c r="J3553" s="517"/>
      <c r="K3553" s="516"/>
    </row>
    <row r="3554" spans="1:11" ht="13.7" customHeight="1">
      <c r="A3554" s="739" t="s">
        <v>1079</v>
      </c>
      <c r="B3554" s="740"/>
      <c r="C3554" s="522" t="s">
        <v>246</v>
      </c>
      <c r="D3554" s="521">
        <v>1</v>
      </c>
      <c r="E3554" s="520"/>
      <c r="F3554" s="519"/>
      <c r="G3554" s="518" t="s">
        <v>651</v>
      </c>
      <c r="H3554" s="517"/>
      <c r="I3554" s="517"/>
      <c r="J3554" s="517"/>
      <c r="K3554" s="516"/>
    </row>
    <row r="3555" spans="1:11" ht="13.7" customHeight="1">
      <c r="A3555" s="741"/>
      <c r="B3555" s="742"/>
      <c r="C3555" s="515"/>
      <c r="D3555" s="514"/>
      <c r="E3555" s="513"/>
      <c r="F3555" s="512"/>
      <c r="G3555" s="511" t="s">
        <v>651</v>
      </c>
      <c r="H3555" s="510"/>
      <c r="I3555" s="510"/>
      <c r="J3555" s="510"/>
      <c r="K3555" s="509"/>
    </row>
    <row r="3556" spans="1:11" ht="13.7" customHeight="1">
      <c r="A3556" s="743" t="s">
        <v>1078</v>
      </c>
      <c r="B3556" s="744"/>
      <c r="C3556" s="533"/>
      <c r="D3556" s="532"/>
      <c r="E3556" s="531"/>
      <c r="F3556" s="530"/>
      <c r="G3556" s="529" t="s">
        <v>651</v>
      </c>
      <c r="H3556" s="528"/>
      <c r="I3556" s="528"/>
      <c r="J3556" s="528"/>
      <c r="K3556" s="527"/>
    </row>
    <row r="3557" spans="1:11" ht="13.7" customHeight="1">
      <c r="A3557" s="745"/>
      <c r="B3557" s="740"/>
      <c r="C3557" s="526"/>
      <c r="D3557" s="525"/>
      <c r="E3557" s="524"/>
      <c r="F3557" s="523" t="s">
        <v>651</v>
      </c>
      <c r="G3557" s="518" t="s">
        <v>651</v>
      </c>
      <c r="H3557" s="517"/>
      <c r="I3557" s="517"/>
      <c r="J3557" s="517"/>
      <c r="K3557" s="516"/>
    </row>
    <row r="3558" spans="1:11" ht="13.7" customHeight="1">
      <c r="A3558" s="739" t="s">
        <v>1077</v>
      </c>
      <c r="B3558" s="740"/>
      <c r="C3558" s="522" t="s">
        <v>237</v>
      </c>
      <c r="D3558" s="521">
        <v>1</v>
      </c>
      <c r="E3558" s="520"/>
      <c r="F3558" s="519"/>
      <c r="G3558" s="518" t="s">
        <v>651</v>
      </c>
      <c r="H3558" s="517"/>
      <c r="I3558" s="517"/>
      <c r="J3558" s="517"/>
      <c r="K3558" s="516"/>
    </row>
    <row r="3559" spans="1:11" ht="13.7" customHeight="1">
      <c r="A3559" s="741"/>
      <c r="B3559" s="742"/>
      <c r="C3559" s="515"/>
      <c r="D3559" s="514"/>
      <c r="E3559" s="513"/>
      <c r="F3559" s="512"/>
      <c r="G3559" s="511" t="s">
        <v>651</v>
      </c>
      <c r="H3559" s="510"/>
      <c r="I3559" s="510"/>
      <c r="J3559" s="510"/>
      <c r="K3559" s="509"/>
    </row>
    <row r="3560" spans="1:11" ht="13.7" customHeight="1">
      <c r="A3560" s="743" t="s">
        <v>1076</v>
      </c>
      <c r="B3560" s="744"/>
      <c r="C3560" s="533"/>
      <c r="D3560" s="532"/>
      <c r="E3560" s="531"/>
      <c r="F3560" s="530"/>
      <c r="G3560" s="529" t="s">
        <v>651</v>
      </c>
      <c r="H3560" s="528"/>
      <c r="I3560" s="528"/>
      <c r="J3560" s="528"/>
      <c r="K3560" s="527"/>
    </row>
    <row r="3561" spans="1:11" ht="13.7" customHeight="1">
      <c r="A3561" s="745"/>
      <c r="B3561" s="740"/>
      <c r="C3561" s="526"/>
      <c r="D3561" s="525"/>
      <c r="E3561" s="524"/>
      <c r="F3561" s="523" t="s">
        <v>651</v>
      </c>
      <c r="G3561" s="518" t="s">
        <v>651</v>
      </c>
      <c r="H3561" s="517"/>
      <c r="I3561" s="517"/>
      <c r="J3561" s="517"/>
      <c r="K3561" s="516"/>
    </row>
    <row r="3562" spans="1:11" ht="13.7" customHeight="1">
      <c r="A3562" s="739" t="s">
        <v>651</v>
      </c>
      <c r="B3562" s="740"/>
      <c r="C3562" s="522" t="s">
        <v>1075</v>
      </c>
      <c r="D3562" s="521">
        <v>1</v>
      </c>
      <c r="E3562" s="520"/>
      <c r="F3562" s="519"/>
      <c r="G3562" s="518" t="s">
        <v>651</v>
      </c>
      <c r="H3562" s="517"/>
      <c r="I3562" s="517"/>
      <c r="J3562" s="517"/>
      <c r="K3562" s="516"/>
    </row>
    <row r="3563" spans="1:11" ht="13.7" customHeight="1">
      <c r="A3563" s="741"/>
      <c r="B3563" s="742"/>
      <c r="C3563" s="515"/>
      <c r="D3563" s="514"/>
      <c r="E3563" s="513"/>
      <c r="F3563" s="512"/>
      <c r="G3563" s="511" t="s">
        <v>651</v>
      </c>
      <c r="H3563" s="510"/>
      <c r="I3563" s="510"/>
      <c r="J3563" s="510"/>
      <c r="K3563" s="509"/>
    </row>
    <row r="3564" spans="1:11" ht="13.7" customHeight="1">
      <c r="A3564" s="743" t="s">
        <v>1074</v>
      </c>
      <c r="B3564" s="744"/>
      <c r="C3564" s="533"/>
      <c r="D3564" s="532"/>
      <c r="E3564" s="531"/>
      <c r="F3564" s="530"/>
      <c r="G3564" s="529" t="s">
        <v>651</v>
      </c>
      <c r="H3564" s="528"/>
      <c r="I3564" s="528"/>
      <c r="J3564" s="528"/>
      <c r="K3564" s="527"/>
    </row>
    <row r="3565" spans="1:11" ht="13.7" customHeight="1">
      <c r="A3565" s="745"/>
      <c r="B3565" s="740"/>
      <c r="C3565" s="526"/>
      <c r="D3565" s="525"/>
      <c r="E3565" s="524"/>
      <c r="F3565" s="523" t="s">
        <v>651</v>
      </c>
      <c r="G3565" s="518" t="s">
        <v>651</v>
      </c>
      <c r="H3565" s="517"/>
      <c r="I3565" s="517"/>
      <c r="J3565" s="517"/>
      <c r="K3565" s="516"/>
    </row>
    <row r="3566" spans="1:11" ht="13.7" customHeight="1">
      <c r="A3566" s="739" t="s">
        <v>651</v>
      </c>
      <c r="B3566" s="740"/>
      <c r="C3566" s="522" t="s">
        <v>246</v>
      </c>
      <c r="D3566" s="521">
        <v>1</v>
      </c>
      <c r="E3566" s="520"/>
      <c r="F3566" s="519"/>
      <c r="G3566" s="518" t="s">
        <v>651</v>
      </c>
      <c r="H3566" s="517"/>
      <c r="I3566" s="517"/>
      <c r="J3566" s="517"/>
      <c r="K3566" s="516"/>
    </row>
    <row r="3567" spans="1:11" ht="13.7" customHeight="1">
      <c r="A3567" s="741"/>
      <c r="B3567" s="742"/>
      <c r="C3567" s="515"/>
      <c r="D3567" s="514"/>
      <c r="E3567" s="513"/>
      <c r="F3567" s="512"/>
      <c r="G3567" s="511" t="s">
        <v>651</v>
      </c>
      <c r="H3567" s="510"/>
      <c r="I3567" s="510"/>
      <c r="J3567" s="510"/>
      <c r="K3567" s="509"/>
    </row>
    <row r="3568" spans="1:11" ht="13.7" customHeight="1"/>
    <row r="3569" spans="1:11" ht="13.7" customHeight="1"/>
    <row r="3570" spans="1:11" ht="6.2" customHeight="1"/>
    <row r="3571" spans="1:11" ht="14.1" customHeight="1">
      <c r="A3571" s="543" t="s">
        <v>1073</v>
      </c>
      <c r="B3571" s="540" t="s">
        <v>1072</v>
      </c>
      <c r="C3571" s="540"/>
      <c r="D3571" s="540"/>
      <c r="E3571" s="540"/>
      <c r="F3571" s="540"/>
      <c r="G3571" s="542" t="s">
        <v>617</v>
      </c>
      <c r="H3571" s="541" t="s">
        <v>866</v>
      </c>
      <c r="I3571" s="540" t="s">
        <v>1007</v>
      </c>
      <c r="J3571" s="540"/>
      <c r="K3571" s="539"/>
    </row>
    <row r="3572" spans="1:11" ht="24" customHeight="1">
      <c r="A3572" s="538" t="s">
        <v>651</v>
      </c>
      <c r="B3572" s="537" t="s">
        <v>651</v>
      </c>
      <c r="C3572" s="537"/>
      <c r="D3572" s="537"/>
      <c r="E3572" s="537"/>
      <c r="F3572" s="537"/>
      <c r="G3572" s="751">
        <v>1</v>
      </c>
      <c r="H3572" s="751"/>
      <c r="I3572" s="751"/>
      <c r="J3572" s="536" t="s">
        <v>242</v>
      </c>
      <c r="K3572" s="535" t="s">
        <v>618</v>
      </c>
    </row>
    <row r="3573" spans="1:11" ht="17.100000000000001" customHeight="1">
      <c r="A3573" s="746" t="s">
        <v>1006</v>
      </c>
      <c r="B3573" s="747"/>
      <c r="C3573" s="534" t="s">
        <v>309</v>
      </c>
      <c r="D3573" s="534" t="s">
        <v>619</v>
      </c>
      <c r="E3573" s="534" t="s">
        <v>620</v>
      </c>
      <c r="F3573" s="534" t="s">
        <v>659</v>
      </c>
      <c r="G3573" s="748" t="s">
        <v>1005</v>
      </c>
      <c r="H3573" s="749"/>
      <c r="I3573" s="749"/>
      <c r="J3573" s="749"/>
      <c r="K3573" s="750"/>
    </row>
    <row r="3574" spans="1:11" ht="13.7" customHeight="1">
      <c r="A3574" s="743" t="s">
        <v>651</v>
      </c>
      <c r="B3574" s="744"/>
      <c r="C3574" s="533"/>
      <c r="D3574" s="532"/>
      <c r="E3574" s="531"/>
      <c r="F3574" s="530"/>
      <c r="G3574" s="529" t="s">
        <v>651</v>
      </c>
      <c r="H3574" s="528"/>
      <c r="I3574" s="528"/>
      <c r="J3574" s="528"/>
      <c r="K3574" s="527"/>
    </row>
    <row r="3575" spans="1:11" ht="13.7" customHeight="1">
      <c r="A3575" s="745"/>
      <c r="B3575" s="740"/>
      <c r="C3575" s="526"/>
      <c r="D3575" s="525"/>
      <c r="E3575" s="524"/>
      <c r="F3575" s="523" t="s">
        <v>651</v>
      </c>
      <c r="G3575" s="518" t="s">
        <v>651</v>
      </c>
      <c r="H3575" s="517"/>
      <c r="I3575" s="517"/>
      <c r="J3575" s="517"/>
      <c r="K3575" s="516"/>
    </row>
    <row r="3576" spans="1:11" ht="13.7" customHeight="1">
      <c r="A3576" s="739" t="s">
        <v>652</v>
      </c>
      <c r="B3576" s="740"/>
      <c r="C3576" s="522" t="s">
        <v>242</v>
      </c>
      <c r="D3576" s="521">
        <v>1</v>
      </c>
      <c r="E3576" s="520"/>
      <c r="F3576" s="519"/>
      <c r="G3576" s="518" t="s">
        <v>651</v>
      </c>
      <c r="H3576" s="517"/>
      <c r="I3576" s="517"/>
      <c r="J3576" s="517"/>
      <c r="K3576" s="516"/>
    </row>
    <row r="3577" spans="1:11" ht="13.7" customHeight="1">
      <c r="A3577" s="741"/>
      <c r="B3577" s="742"/>
      <c r="C3577" s="515"/>
      <c r="D3577" s="514"/>
      <c r="E3577" s="513"/>
      <c r="F3577" s="512"/>
      <c r="G3577" s="511" t="s">
        <v>651</v>
      </c>
      <c r="H3577" s="510"/>
      <c r="I3577" s="510"/>
      <c r="J3577" s="510"/>
      <c r="K3577" s="509"/>
    </row>
    <row r="3578" spans="1:11" ht="13.7" customHeight="1">
      <c r="A3578" s="743" t="s">
        <v>651</v>
      </c>
      <c r="B3578" s="744"/>
      <c r="C3578" s="533"/>
      <c r="D3578" s="532"/>
      <c r="E3578" s="531"/>
      <c r="F3578" s="530"/>
      <c r="G3578" s="529" t="s">
        <v>651</v>
      </c>
      <c r="H3578" s="528"/>
      <c r="I3578" s="528"/>
      <c r="J3578" s="528"/>
      <c r="K3578" s="527"/>
    </row>
    <row r="3579" spans="1:11" ht="13.7" customHeight="1">
      <c r="A3579" s="745"/>
      <c r="B3579" s="740"/>
      <c r="C3579" s="526"/>
      <c r="D3579" s="525"/>
      <c r="E3579" s="524"/>
      <c r="F3579" s="523" t="s">
        <v>651</v>
      </c>
      <c r="G3579" s="518" t="s">
        <v>651</v>
      </c>
      <c r="H3579" s="517"/>
      <c r="I3579" s="517"/>
      <c r="J3579" s="517"/>
      <c r="K3579" s="516"/>
    </row>
    <row r="3580" spans="1:11" ht="13.7" customHeight="1">
      <c r="A3580" s="739" t="s">
        <v>681</v>
      </c>
      <c r="B3580" s="740"/>
      <c r="C3580" s="522" t="s">
        <v>242</v>
      </c>
      <c r="D3580" s="521">
        <v>1</v>
      </c>
      <c r="E3580" s="520" t="s">
        <v>1002</v>
      </c>
      <c r="F3580" s="519"/>
      <c r="G3580" s="518" t="s">
        <v>651</v>
      </c>
      <c r="H3580" s="517"/>
      <c r="I3580" s="517"/>
      <c r="J3580" s="517"/>
      <c r="K3580" s="516"/>
    </row>
    <row r="3581" spans="1:11" ht="13.7" customHeight="1">
      <c r="A3581" s="741"/>
      <c r="B3581" s="742"/>
      <c r="C3581" s="515"/>
      <c r="D3581" s="514"/>
      <c r="E3581" s="513"/>
      <c r="F3581" s="512"/>
      <c r="G3581" s="511" t="s">
        <v>651</v>
      </c>
      <c r="H3581" s="510"/>
      <c r="I3581" s="510"/>
      <c r="J3581" s="510"/>
      <c r="K3581" s="509"/>
    </row>
    <row r="3582" spans="1:11" ht="13.7" customHeight="1"/>
    <row r="3583" spans="1:11" ht="13.7" customHeight="1"/>
    <row r="3584" spans="1:11" ht="13.7" customHeight="1"/>
    <row r="3585" ht="13.7" customHeight="1"/>
    <row r="3586" ht="13.7" customHeight="1"/>
    <row r="3587" ht="13.7" customHeight="1"/>
    <row r="3588" ht="13.7" customHeight="1"/>
    <row r="3589" ht="13.7" customHeight="1"/>
    <row r="3590" ht="13.7" customHeight="1"/>
    <row r="3591" ht="13.7" customHeight="1"/>
    <row r="3592" ht="13.7" customHeight="1"/>
    <row r="3593" ht="13.7" customHeight="1"/>
    <row r="3594" ht="13.7" customHeight="1"/>
    <row r="3595" ht="13.7" customHeight="1"/>
    <row r="3596" ht="13.7" customHeight="1"/>
    <row r="3597" ht="13.7" customHeight="1"/>
    <row r="3598" ht="13.7" customHeight="1"/>
    <row r="3599" ht="13.7" customHeight="1"/>
    <row r="3600" ht="13.7" customHeight="1"/>
    <row r="3601" spans="1:11" ht="13.7" customHeight="1"/>
    <row r="3602" spans="1:11" ht="13.7" customHeight="1"/>
    <row r="3603" spans="1:11" ht="13.7" customHeight="1"/>
    <row r="3604" spans="1:11" ht="13.7" customHeight="1"/>
    <row r="3605" spans="1:11" ht="13.7" customHeight="1"/>
    <row r="3606" spans="1:11" ht="13.7" customHeight="1"/>
    <row r="3607" spans="1:11" ht="13.7" customHeight="1"/>
    <row r="3608" spans="1:11" ht="6.2" customHeight="1"/>
    <row r="3609" spans="1:11" ht="14.1" customHeight="1">
      <c r="A3609" s="543" t="s">
        <v>1062</v>
      </c>
      <c r="B3609" s="540" t="s">
        <v>1061</v>
      </c>
      <c r="C3609" s="540"/>
      <c r="D3609" s="540"/>
      <c r="E3609" s="540"/>
      <c r="F3609" s="540"/>
      <c r="G3609" s="542" t="s">
        <v>617</v>
      </c>
      <c r="H3609" s="541" t="s">
        <v>862</v>
      </c>
      <c r="I3609" s="540" t="s">
        <v>1007</v>
      </c>
      <c r="J3609" s="540"/>
      <c r="K3609" s="539"/>
    </row>
    <row r="3610" spans="1:11" ht="24" customHeight="1">
      <c r="A3610" s="538" t="s">
        <v>651</v>
      </c>
      <c r="B3610" s="537" t="s">
        <v>651</v>
      </c>
      <c r="C3610" s="537"/>
      <c r="D3610" s="537"/>
      <c r="E3610" s="537"/>
      <c r="F3610" s="537"/>
      <c r="G3610" s="751">
        <v>1</v>
      </c>
      <c r="H3610" s="751"/>
      <c r="I3610" s="751"/>
      <c r="J3610" s="536" t="s">
        <v>242</v>
      </c>
      <c r="K3610" s="535" t="s">
        <v>618</v>
      </c>
    </row>
    <row r="3611" spans="1:11" ht="17.100000000000001" customHeight="1">
      <c r="A3611" s="746" t="s">
        <v>1006</v>
      </c>
      <c r="B3611" s="747"/>
      <c r="C3611" s="534" t="s">
        <v>309</v>
      </c>
      <c r="D3611" s="534" t="s">
        <v>619</v>
      </c>
      <c r="E3611" s="534" t="s">
        <v>620</v>
      </c>
      <c r="F3611" s="534" t="s">
        <v>659</v>
      </c>
      <c r="G3611" s="748" t="s">
        <v>1005</v>
      </c>
      <c r="H3611" s="749"/>
      <c r="I3611" s="749"/>
      <c r="J3611" s="749"/>
      <c r="K3611" s="750"/>
    </row>
    <row r="3612" spans="1:11" ht="13.7" customHeight="1">
      <c r="A3612" s="743" t="s">
        <v>720</v>
      </c>
      <c r="B3612" s="744"/>
      <c r="C3612" s="533"/>
      <c r="D3612" s="532"/>
      <c r="E3612" s="531"/>
      <c r="F3612" s="530"/>
      <c r="G3612" s="529" t="s">
        <v>1071</v>
      </c>
      <c r="H3612" s="528"/>
      <c r="I3612" s="528"/>
      <c r="J3612" s="528"/>
      <c r="K3612" s="527"/>
    </row>
    <row r="3613" spans="1:11" ht="13.7" customHeight="1">
      <c r="A3613" s="745"/>
      <c r="B3613" s="740"/>
      <c r="C3613" s="526"/>
      <c r="D3613" s="525"/>
      <c r="E3613" s="524"/>
      <c r="F3613" s="523" t="s">
        <v>651</v>
      </c>
      <c r="G3613" s="518" t="s">
        <v>651</v>
      </c>
      <c r="H3613" s="517"/>
      <c r="I3613" s="517"/>
      <c r="J3613" s="517"/>
      <c r="K3613" s="516"/>
    </row>
    <row r="3614" spans="1:11" ht="13.7" customHeight="1">
      <c r="A3614" s="739" t="s">
        <v>710</v>
      </c>
      <c r="B3614" s="740"/>
      <c r="C3614" s="522" t="s">
        <v>253</v>
      </c>
      <c r="D3614" s="521">
        <v>15.7</v>
      </c>
      <c r="E3614" s="520"/>
      <c r="F3614" s="519"/>
      <c r="G3614" s="518" t="s">
        <v>651</v>
      </c>
      <c r="H3614" s="517"/>
      <c r="I3614" s="517"/>
      <c r="J3614" s="517"/>
      <c r="K3614" s="516"/>
    </row>
    <row r="3615" spans="1:11" ht="13.7" customHeight="1">
      <c r="A3615" s="741"/>
      <c r="B3615" s="742"/>
      <c r="C3615" s="515"/>
      <c r="D3615" s="514"/>
      <c r="E3615" s="513"/>
      <c r="F3615" s="512"/>
      <c r="G3615" s="511" t="s">
        <v>651</v>
      </c>
      <c r="H3615" s="510"/>
      <c r="I3615" s="510"/>
      <c r="J3615" s="510"/>
      <c r="K3615" s="509"/>
    </row>
    <row r="3616" spans="1:11" ht="13.7" customHeight="1">
      <c r="A3616" s="743" t="s">
        <v>1029</v>
      </c>
      <c r="B3616" s="744"/>
      <c r="C3616" s="533"/>
      <c r="D3616" s="532"/>
      <c r="E3616" s="531"/>
      <c r="F3616" s="530"/>
      <c r="G3616" s="529" t="s">
        <v>1028</v>
      </c>
      <c r="H3616" s="528"/>
      <c r="I3616" s="528"/>
      <c r="J3616" s="528"/>
      <c r="K3616" s="527"/>
    </row>
    <row r="3617" spans="1:11" ht="13.7" customHeight="1">
      <c r="A3617" s="745"/>
      <c r="B3617" s="740"/>
      <c r="C3617" s="526"/>
      <c r="D3617" s="525"/>
      <c r="E3617" s="524"/>
      <c r="F3617" s="523" t="s">
        <v>651</v>
      </c>
      <c r="G3617" s="518" t="s">
        <v>651</v>
      </c>
      <c r="H3617" s="517"/>
      <c r="I3617" s="517"/>
      <c r="J3617" s="517"/>
      <c r="K3617" s="516"/>
    </row>
    <row r="3618" spans="1:11" ht="13.7" customHeight="1">
      <c r="A3618" s="739" t="s">
        <v>651</v>
      </c>
      <c r="B3618" s="740"/>
      <c r="C3618" s="522" t="s">
        <v>240</v>
      </c>
      <c r="D3618" s="521">
        <v>15.7</v>
      </c>
      <c r="E3618" s="520"/>
      <c r="F3618" s="519"/>
      <c r="G3618" s="518" t="s">
        <v>651</v>
      </c>
      <c r="H3618" s="517"/>
      <c r="I3618" s="517"/>
      <c r="J3618" s="517"/>
      <c r="K3618" s="516"/>
    </row>
    <row r="3619" spans="1:11" ht="13.7" customHeight="1">
      <c r="A3619" s="741"/>
      <c r="B3619" s="742"/>
      <c r="C3619" s="515"/>
      <c r="D3619" s="514"/>
      <c r="E3619" s="513"/>
      <c r="F3619" s="512"/>
      <c r="G3619" s="511" t="s">
        <v>651</v>
      </c>
      <c r="H3619" s="510"/>
      <c r="I3619" s="510"/>
      <c r="J3619" s="510"/>
      <c r="K3619" s="509"/>
    </row>
    <row r="3620" spans="1:11" ht="13.7" customHeight="1">
      <c r="A3620" s="743" t="s">
        <v>720</v>
      </c>
      <c r="B3620" s="744"/>
      <c r="C3620" s="533"/>
      <c r="D3620" s="532"/>
      <c r="E3620" s="531"/>
      <c r="F3620" s="530"/>
      <c r="G3620" s="529" t="s">
        <v>1071</v>
      </c>
      <c r="H3620" s="528"/>
      <c r="I3620" s="528"/>
      <c r="J3620" s="528"/>
      <c r="K3620" s="527"/>
    </row>
    <row r="3621" spans="1:11" ht="13.7" customHeight="1">
      <c r="A3621" s="745"/>
      <c r="B3621" s="740"/>
      <c r="C3621" s="526"/>
      <c r="D3621" s="525"/>
      <c r="E3621" s="524"/>
      <c r="F3621" s="523" t="s">
        <v>651</v>
      </c>
      <c r="G3621" s="518" t="s">
        <v>651</v>
      </c>
      <c r="H3621" s="517"/>
      <c r="I3621" s="517"/>
      <c r="J3621" s="517"/>
      <c r="K3621" s="516"/>
    </row>
    <row r="3622" spans="1:11" ht="13.7" customHeight="1">
      <c r="A3622" s="739" t="s">
        <v>710</v>
      </c>
      <c r="B3622" s="740"/>
      <c r="C3622" s="522" t="s">
        <v>253</v>
      </c>
      <c r="D3622" s="521">
        <v>5</v>
      </c>
      <c r="E3622" s="520"/>
      <c r="F3622" s="519"/>
      <c r="G3622" s="518" t="s">
        <v>651</v>
      </c>
      <c r="H3622" s="517"/>
      <c r="I3622" s="517"/>
      <c r="J3622" s="517"/>
      <c r="K3622" s="516"/>
    </row>
    <row r="3623" spans="1:11" ht="13.7" customHeight="1">
      <c r="A3623" s="741"/>
      <c r="B3623" s="742"/>
      <c r="C3623" s="515"/>
      <c r="D3623" s="514"/>
      <c r="E3623" s="513"/>
      <c r="F3623" s="512"/>
      <c r="G3623" s="511" t="s">
        <v>651</v>
      </c>
      <c r="H3623" s="510"/>
      <c r="I3623" s="510"/>
      <c r="J3623" s="510"/>
      <c r="K3623" s="509"/>
    </row>
    <row r="3624" spans="1:11" ht="13.7" customHeight="1">
      <c r="A3624" s="743" t="s">
        <v>718</v>
      </c>
      <c r="B3624" s="744"/>
      <c r="C3624" s="533"/>
      <c r="D3624" s="532"/>
      <c r="E3624" s="531"/>
      <c r="F3624" s="530"/>
      <c r="G3624" s="529" t="s">
        <v>1070</v>
      </c>
      <c r="H3624" s="528"/>
      <c r="I3624" s="528"/>
      <c r="J3624" s="528"/>
      <c r="K3624" s="527"/>
    </row>
    <row r="3625" spans="1:11" ht="13.7" customHeight="1">
      <c r="A3625" s="745"/>
      <c r="B3625" s="740"/>
      <c r="C3625" s="526"/>
      <c r="D3625" s="525"/>
      <c r="E3625" s="524"/>
      <c r="F3625" s="523" t="s">
        <v>651</v>
      </c>
      <c r="G3625" s="518" t="s">
        <v>651</v>
      </c>
      <c r="H3625" s="517"/>
      <c r="I3625" s="517"/>
      <c r="J3625" s="517"/>
      <c r="K3625" s="516"/>
    </row>
    <row r="3626" spans="1:11" ht="13.7" customHeight="1">
      <c r="A3626" s="739" t="s">
        <v>710</v>
      </c>
      <c r="B3626" s="740"/>
      <c r="C3626" s="522" t="s">
        <v>253</v>
      </c>
      <c r="D3626" s="521">
        <v>7</v>
      </c>
      <c r="E3626" s="520"/>
      <c r="F3626" s="519"/>
      <c r="G3626" s="518" t="s">
        <v>651</v>
      </c>
      <c r="H3626" s="517"/>
      <c r="I3626" s="517"/>
      <c r="J3626" s="517"/>
      <c r="K3626" s="516"/>
    </row>
    <row r="3627" spans="1:11" ht="13.7" customHeight="1">
      <c r="A3627" s="741"/>
      <c r="B3627" s="742"/>
      <c r="C3627" s="515"/>
      <c r="D3627" s="514"/>
      <c r="E3627" s="513"/>
      <c r="F3627" s="512"/>
      <c r="G3627" s="511" t="s">
        <v>651</v>
      </c>
      <c r="H3627" s="510"/>
      <c r="I3627" s="510"/>
      <c r="J3627" s="510"/>
      <c r="K3627" s="509"/>
    </row>
    <row r="3628" spans="1:11" ht="13.7" customHeight="1">
      <c r="A3628" s="743" t="s">
        <v>716</v>
      </c>
      <c r="B3628" s="744"/>
      <c r="C3628" s="533"/>
      <c r="D3628" s="532"/>
      <c r="E3628" s="531"/>
      <c r="F3628" s="530"/>
      <c r="G3628" s="529" t="s">
        <v>1069</v>
      </c>
      <c r="H3628" s="528"/>
      <c r="I3628" s="528"/>
      <c r="J3628" s="528"/>
      <c r="K3628" s="527"/>
    </row>
    <row r="3629" spans="1:11" ht="13.7" customHeight="1">
      <c r="A3629" s="745"/>
      <c r="B3629" s="740"/>
      <c r="C3629" s="526"/>
      <c r="D3629" s="525"/>
      <c r="E3629" s="524"/>
      <c r="F3629" s="523" t="s">
        <v>651</v>
      </c>
      <c r="G3629" s="518" t="s">
        <v>651</v>
      </c>
      <c r="H3629" s="517"/>
      <c r="I3629" s="517"/>
      <c r="J3629" s="517"/>
      <c r="K3629" s="516"/>
    </row>
    <row r="3630" spans="1:11" ht="13.7" customHeight="1">
      <c r="A3630" s="739" t="s">
        <v>710</v>
      </c>
      <c r="B3630" s="740"/>
      <c r="C3630" s="522" t="s">
        <v>697</v>
      </c>
      <c r="D3630" s="521">
        <v>9</v>
      </c>
      <c r="E3630" s="520"/>
      <c r="F3630" s="519"/>
      <c r="G3630" s="518" t="s">
        <v>651</v>
      </c>
      <c r="H3630" s="517"/>
      <c r="I3630" s="517"/>
      <c r="J3630" s="517"/>
      <c r="K3630" s="516"/>
    </row>
    <row r="3631" spans="1:11" ht="13.7" customHeight="1">
      <c r="A3631" s="741"/>
      <c r="B3631" s="742"/>
      <c r="C3631" s="515"/>
      <c r="D3631" s="514"/>
      <c r="E3631" s="513"/>
      <c r="F3631" s="512"/>
      <c r="G3631" s="511" t="s">
        <v>651</v>
      </c>
      <c r="H3631" s="510"/>
      <c r="I3631" s="510"/>
      <c r="J3631" s="510"/>
      <c r="K3631" s="509"/>
    </row>
    <row r="3632" spans="1:11" ht="13.7" customHeight="1">
      <c r="A3632" s="743" t="s">
        <v>714</v>
      </c>
      <c r="B3632" s="744"/>
      <c r="C3632" s="533"/>
      <c r="D3632" s="532"/>
      <c r="E3632" s="531"/>
      <c r="F3632" s="530"/>
      <c r="G3632" s="529" t="s">
        <v>1068</v>
      </c>
      <c r="H3632" s="528"/>
      <c r="I3632" s="528"/>
      <c r="J3632" s="528"/>
      <c r="K3632" s="527"/>
    </row>
    <row r="3633" spans="1:11" ht="13.7" customHeight="1">
      <c r="A3633" s="745"/>
      <c r="B3633" s="740"/>
      <c r="C3633" s="526"/>
      <c r="D3633" s="525"/>
      <c r="E3633" s="524"/>
      <c r="F3633" s="523" t="s">
        <v>651</v>
      </c>
      <c r="G3633" s="518" t="s">
        <v>651</v>
      </c>
      <c r="H3633" s="517"/>
      <c r="I3633" s="517"/>
      <c r="J3633" s="517"/>
      <c r="K3633" s="516"/>
    </row>
    <row r="3634" spans="1:11" ht="13.7" customHeight="1">
      <c r="A3634" s="739" t="s">
        <v>1067</v>
      </c>
      <c r="B3634" s="740"/>
      <c r="C3634" s="522" t="s">
        <v>253</v>
      </c>
      <c r="D3634" s="521">
        <v>1</v>
      </c>
      <c r="E3634" s="520"/>
      <c r="F3634" s="519"/>
      <c r="G3634" s="518" t="s">
        <v>651</v>
      </c>
      <c r="H3634" s="517"/>
      <c r="I3634" s="517"/>
      <c r="J3634" s="517"/>
      <c r="K3634" s="516"/>
    </row>
    <row r="3635" spans="1:11" ht="13.7" customHeight="1">
      <c r="A3635" s="741"/>
      <c r="B3635" s="742"/>
      <c r="C3635" s="515"/>
      <c r="D3635" s="514"/>
      <c r="E3635" s="513"/>
      <c r="F3635" s="512"/>
      <c r="G3635" s="511" t="s">
        <v>651</v>
      </c>
      <c r="H3635" s="510"/>
      <c r="I3635" s="510"/>
      <c r="J3635" s="510"/>
      <c r="K3635" s="509"/>
    </row>
    <row r="3636" spans="1:11" ht="13.7" customHeight="1">
      <c r="A3636" s="743" t="s">
        <v>1066</v>
      </c>
      <c r="B3636" s="744"/>
      <c r="C3636" s="533"/>
      <c r="D3636" s="532"/>
      <c r="E3636" s="531"/>
      <c r="F3636" s="530"/>
      <c r="G3636" s="529" t="s">
        <v>1065</v>
      </c>
      <c r="H3636" s="528"/>
      <c r="I3636" s="528"/>
      <c r="J3636" s="528"/>
      <c r="K3636" s="527"/>
    </row>
    <row r="3637" spans="1:11" ht="13.7" customHeight="1">
      <c r="A3637" s="745"/>
      <c r="B3637" s="740"/>
      <c r="C3637" s="526"/>
      <c r="D3637" s="525"/>
      <c r="E3637" s="524"/>
      <c r="F3637" s="523" t="s">
        <v>651</v>
      </c>
      <c r="G3637" s="518" t="s">
        <v>651</v>
      </c>
      <c r="H3637" s="517"/>
      <c r="I3637" s="517"/>
      <c r="J3637" s="517"/>
      <c r="K3637" s="516"/>
    </row>
    <row r="3638" spans="1:11" ht="13.7" customHeight="1">
      <c r="A3638" s="739" t="s">
        <v>1064</v>
      </c>
      <c r="B3638" s="740"/>
      <c r="C3638" s="522" t="s">
        <v>194</v>
      </c>
      <c r="D3638" s="521">
        <v>0.3</v>
      </c>
      <c r="E3638" s="520"/>
      <c r="F3638" s="519"/>
      <c r="G3638" s="518" t="s">
        <v>651</v>
      </c>
      <c r="H3638" s="517"/>
      <c r="I3638" s="517"/>
      <c r="J3638" s="517"/>
      <c r="K3638" s="516"/>
    </row>
    <row r="3639" spans="1:11" ht="13.7" customHeight="1">
      <c r="A3639" s="741"/>
      <c r="B3639" s="742"/>
      <c r="C3639" s="515"/>
      <c r="D3639" s="514"/>
      <c r="E3639" s="513"/>
      <c r="F3639" s="512"/>
      <c r="G3639" s="511" t="s">
        <v>651</v>
      </c>
      <c r="H3639" s="510"/>
      <c r="I3639" s="510"/>
      <c r="J3639" s="510"/>
      <c r="K3639" s="509"/>
    </row>
    <row r="3640" spans="1:11" ht="13.7" customHeight="1">
      <c r="A3640" s="743" t="s">
        <v>712</v>
      </c>
      <c r="B3640" s="744"/>
      <c r="C3640" s="533"/>
      <c r="D3640" s="532"/>
      <c r="E3640" s="531"/>
      <c r="F3640" s="530"/>
      <c r="G3640" s="529" t="s">
        <v>1063</v>
      </c>
      <c r="H3640" s="528"/>
      <c r="I3640" s="528"/>
      <c r="J3640" s="528"/>
      <c r="K3640" s="527"/>
    </row>
    <row r="3641" spans="1:11" ht="13.7" customHeight="1">
      <c r="A3641" s="745"/>
      <c r="B3641" s="740"/>
      <c r="C3641" s="526"/>
      <c r="D3641" s="525"/>
      <c r="E3641" s="524"/>
      <c r="F3641" s="523" t="s">
        <v>651</v>
      </c>
      <c r="G3641" s="518" t="s">
        <v>651</v>
      </c>
      <c r="H3641" s="517"/>
      <c r="I3641" s="517"/>
      <c r="J3641" s="517"/>
      <c r="K3641" s="516"/>
    </row>
    <row r="3642" spans="1:11" ht="13.7" customHeight="1">
      <c r="A3642" s="739" t="s">
        <v>710</v>
      </c>
      <c r="B3642" s="740"/>
      <c r="C3642" s="522" t="s">
        <v>234</v>
      </c>
      <c r="D3642" s="521">
        <v>1</v>
      </c>
      <c r="E3642" s="520"/>
      <c r="F3642" s="519"/>
      <c r="G3642" s="518" t="s">
        <v>651</v>
      </c>
      <c r="H3642" s="517"/>
      <c r="I3642" s="517"/>
      <c r="J3642" s="517"/>
      <c r="K3642" s="516"/>
    </row>
    <row r="3643" spans="1:11" ht="13.7" customHeight="1">
      <c r="A3643" s="741"/>
      <c r="B3643" s="742"/>
      <c r="C3643" s="515"/>
      <c r="D3643" s="514"/>
      <c r="E3643" s="513"/>
      <c r="F3643" s="512"/>
      <c r="G3643" s="511" t="s">
        <v>651</v>
      </c>
      <c r="H3643" s="510"/>
      <c r="I3643" s="510"/>
      <c r="J3643" s="510"/>
      <c r="K3643" s="509"/>
    </row>
    <row r="3644" spans="1:11" ht="13.7" customHeight="1"/>
    <row r="3645" spans="1:11" ht="13.7" customHeight="1"/>
    <row r="3646" spans="1:11" ht="6.2" customHeight="1"/>
    <row r="3647" spans="1:11" ht="14.1" customHeight="1">
      <c r="A3647" s="543" t="s">
        <v>1062</v>
      </c>
      <c r="B3647" s="540" t="s">
        <v>1061</v>
      </c>
      <c r="C3647" s="540"/>
      <c r="D3647" s="540"/>
      <c r="E3647" s="540"/>
      <c r="F3647" s="540"/>
      <c r="G3647" s="542" t="s">
        <v>617</v>
      </c>
      <c r="H3647" s="541" t="s">
        <v>862</v>
      </c>
      <c r="I3647" s="540" t="s">
        <v>1007</v>
      </c>
      <c r="J3647" s="540"/>
      <c r="K3647" s="539"/>
    </row>
    <row r="3648" spans="1:11" ht="24" customHeight="1">
      <c r="A3648" s="538" t="s">
        <v>651</v>
      </c>
      <c r="B3648" s="537" t="s">
        <v>651</v>
      </c>
      <c r="C3648" s="537"/>
      <c r="D3648" s="537"/>
      <c r="E3648" s="537"/>
      <c r="F3648" s="537"/>
      <c r="G3648" s="751">
        <v>1</v>
      </c>
      <c r="H3648" s="751"/>
      <c r="I3648" s="751"/>
      <c r="J3648" s="536" t="s">
        <v>242</v>
      </c>
      <c r="K3648" s="535" t="s">
        <v>618</v>
      </c>
    </row>
    <row r="3649" spans="1:11" ht="17.100000000000001" customHeight="1">
      <c r="A3649" s="746" t="s">
        <v>1006</v>
      </c>
      <c r="B3649" s="747"/>
      <c r="C3649" s="534" t="s">
        <v>309</v>
      </c>
      <c r="D3649" s="534" t="s">
        <v>619</v>
      </c>
      <c r="E3649" s="534" t="s">
        <v>620</v>
      </c>
      <c r="F3649" s="534" t="s">
        <v>659</v>
      </c>
      <c r="G3649" s="748" t="s">
        <v>1005</v>
      </c>
      <c r="H3649" s="749"/>
      <c r="I3649" s="749"/>
      <c r="J3649" s="749"/>
      <c r="K3649" s="750"/>
    </row>
    <row r="3650" spans="1:11" ht="13.7" customHeight="1">
      <c r="A3650" s="743" t="s">
        <v>815</v>
      </c>
      <c r="B3650" s="744"/>
      <c r="C3650" s="533"/>
      <c r="D3650" s="532"/>
      <c r="E3650" s="531"/>
      <c r="F3650" s="530"/>
      <c r="G3650" s="529" t="s">
        <v>1060</v>
      </c>
      <c r="H3650" s="528"/>
      <c r="I3650" s="528"/>
      <c r="J3650" s="528"/>
      <c r="K3650" s="527"/>
    </row>
    <row r="3651" spans="1:11" ht="13.7" customHeight="1">
      <c r="A3651" s="745"/>
      <c r="B3651" s="740"/>
      <c r="C3651" s="526"/>
      <c r="D3651" s="525"/>
      <c r="E3651" s="524"/>
      <c r="F3651" s="523" t="s">
        <v>651</v>
      </c>
      <c r="G3651" s="518" t="s">
        <v>651</v>
      </c>
      <c r="H3651" s="517"/>
      <c r="I3651" s="517"/>
      <c r="J3651" s="517"/>
      <c r="K3651" s="516"/>
    </row>
    <row r="3652" spans="1:11" ht="13.7" customHeight="1">
      <c r="A3652" s="739" t="s">
        <v>1059</v>
      </c>
      <c r="B3652" s="740"/>
      <c r="C3652" s="522" t="s">
        <v>246</v>
      </c>
      <c r="D3652" s="521">
        <v>1</v>
      </c>
      <c r="E3652" s="520"/>
      <c r="F3652" s="519"/>
      <c r="G3652" s="518" t="s">
        <v>651</v>
      </c>
      <c r="H3652" s="517"/>
      <c r="I3652" s="517"/>
      <c r="J3652" s="517"/>
      <c r="K3652" s="516"/>
    </row>
    <row r="3653" spans="1:11" ht="13.7" customHeight="1">
      <c r="A3653" s="741"/>
      <c r="B3653" s="742"/>
      <c r="C3653" s="515"/>
      <c r="D3653" s="514"/>
      <c r="E3653" s="513"/>
      <c r="F3653" s="512"/>
      <c r="G3653" s="511" t="s">
        <v>651</v>
      </c>
      <c r="H3653" s="510"/>
      <c r="I3653" s="510"/>
      <c r="J3653" s="510"/>
      <c r="K3653" s="509"/>
    </row>
    <row r="3654" spans="1:11" ht="13.7" customHeight="1">
      <c r="A3654" s="743" t="s">
        <v>813</v>
      </c>
      <c r="B3654" s="744"/>
      <c r="C3654" s="533"/>
      <c r="D3654" s="532"/>
      <c r="E3654" s="531"/>
      <c r="F3654" s="530"/>
      <c r="G3654" s="529" t="s">
        <v>1058</v>
      </c>
      <c r="H3654" s="528"/>
      <c r="I3654" s="528"/>
      <c r="J3654" s="528"/>
      <c r="K3654" s="527"/>
    </row>
    <row r="3655" spans="1:11" ht="13.7" customHeight="1">
      <c r="A3655" s="745"/>
      <c r="B3655" s="740"/>
      <c r="C3655" s="526"/>
      <c r="D3655" s="525"/>
      <c r="E3655" s="524"/>
      <c r="F3655" s="523" t="s">
        <v>651</v>
      </c>
      <c r="G3655" s="518" t="s">
        <v>651</v>
      </c>
      <c r="H3655" s="517"/>
      <c r="I3655" s="517"/>
      <c r="J3655" s="517"/>
      <c r="K3655" s="516"/>
    </row>
    <row r="3656" spans="1:11" ht="13.7" customHeight="1">
      <c r="A3656" s="739" t="s">
        <v>1057</v>
      </c>
      <c r="B3656" s="740"/>
      <c r="C3656" s="522" t="s">
        <v>246</v>
      </c>
      <c r="D3656" s="521">
        <v>1</v>
      </c>
      <c r="E3656" s="520"/>
      <c r="F3656" s="519"/>
      <c r="G3656" s="518" t="s">
        <v>651</v>
      </c>
      <c r="H3656" s="517"/>
      <c r="I3656" s="517"/>
      <c r="J3656" s="517"/>
      <c r="K3656" s="516"/>
    </row>
    <row r="3657" spans="1:11" ht="13.7" customHeight="1">
      <c r="A3657" s="741"/>
      <c r="B3657" s="742"/>
      <c r="C3657" s="515"/>
      <c r="D3657" s="514"/>
      <c r="E3657" s="513"/>
      <c r="F3657" s="512"/>
      <c r="G3657" s="511" t="s">
        <v>651</v>
      </c>
      <c r="H3657" s="510"/>
      <c r="I3657" s="510"/>
      <c r="J3657" s="510"/>
      <c r="K3657" s="509"/>
    </row>
    <row r="3658" spans="1:11" ht="13.7" customHeight="1">
      <c r="A3658" s="743" t="s">
        <v>740</v>
      </c>
      <c r="B3658" s="744"/>
      <c r="C3658" s="533"/>
      <c r="D3658" s="532"/>
      <c r="E3658" s="531"/>
      <c r="F3658" s="530"/>
      <c r="G3658" s="529" t="s">
        <v>1056</v>
      </c>
      <c r="H3658" s="528"/>
      <c r="I3658" s="528"/>
      <c r="J3658" s="528"/>
      <c r="K3658" s="527"/>
    </row>
    <row r="3659" spans="1:11" ht="13.7" customHeight="1">
      <c r="A3659" s="745"/>
      <c r="B3659" s="740"/>
      <c r="C3659" s="526"/>
      <c r="D3659" s="525"/>
      <c r="E3659" s="524"/>
      <c r="F3659" s="523" t="s">
        <v>651</v>
      </c>
      <c r="G3659" s="518" t="s">
        <v>651</v>
      </c>
      <c r="H3659" s="517"/>
      <c r="I3659" s="517"/>
      <c r="J3659" s="517"/>
      <c r="K3659" s="516"/>
    </row>
    <row r="3660" spans="1:11" ht="13.7" customHeight="1">
      <c r="A3660" s="739" t="s">
        <v>1055</v>
      </c>
      <c r="B3660" s="740"/>
      <c r="C3660" s="522" t="s">
        <v>246</v>
      </c>
      <c r="D3660" s="521">
        <v>1</v>
      </c>
      <c r="E3660" s="520"/>
      <c r="F3660" s="519"/>
      <c r="G3660" s="518" t="s">
        <v>651</v>
      </c>
      <c r="H3660" s="517"/>
      <c r="I3660" s="517"/>
      <c r="J3660" s="517"/>
      <c r="K3660" s="516"/>
    </row>
    <row r="3661" spans="1:11" ht="13.7" customHeight="1">
      <c r="A3661" s="741"/>
      <c r="B3661" s="742"/>
      <c r="C3661" s="515"/>
      <c r="D3661" s="514"/>
      <c r="E3661" s="513"/>
      <c r="F3661" s="512"/>
      <c r="G3661" s="511" t="s">
        <v>651</v>
      </c>
      <c r="H3661" s="510"/>
      <c r="I3661" s="510"/>
      <c r="J3661" s="510"/>
      <c r="K3661" s="509"/>
    </row>
    <row r="3662" spans="1:11" ht="13.7" customHeight="1">
      <c r="A3662" s="743" t="s">
        <v>738</v>
      </c>
      <c r="B3662" s="744"/>
      <c r="C3662" s="533"/>
      <c r="D3662" s="532"/>
      <c r="E3662" s="531"/>
      <c r="F3662" s="530"/>
      <c r="G3662" s="529" t="s">
        <v>1054</v>
      </c>
      <c r="H3662" s="528"/>
      <c r="I3662" s="528"/>
      <c r="J3662" s="528"/>
      <c r="K3662" s="527"/>
    </row>
    <row r="3663" spans="1:11" ht="13.7" customHeight="1">
      <c r="A3663" s="745"/>
      <c r="B3663" s="740"/>
      <c r="C3663" s="526"/>
      <c r="D3663" s="525"/>
      <c r="E3663" s="524"/>
      <c r="F3663" s="523" t="s">
        <v>651</v>
      </c>
      <c r="G3663" s="518" t="s">
        <v>651</v>
      </c>
      <c r="H3663" s="517"/>
      <c r="I3663" s="517"/>
      <c r="J3663" s="517"/>
      <c r="K3663" s="516"/>
    </row>
    <row r="3664" spans="1:11" ht="13.7" customHeight="1">
      <c r="A3664" s="739" t="s">
        <v>1053</v>
      </c>
      <c r="B3664" s="740"/>
      <c r="C3664" s="522" t="s">
        <v>246</v>
      </c>
      <c r="D3664" s="521">
        <v>1</v>
      </c>
      <c r="E3664" s="520"/>
      <c r="F3664" s="519"/>
      <c r="G3664" s="518" t="s">
        <v>651</v>
      </c>
      <c r="H3664" s="517"/>
      <c r="I3664" s="517"/>
      <c r="J3664" s="517"/>
      <c r="K3664" s="516"/>
    </row>
    <row r="3665" spans="1:11" ht="13.7" customHeight="1">
      <c r="A3665" s="741"/>
      <c r="B3665" s="742"/>
      <c r="C3665" s="515"/>
      <c r="D3665" s="514"/>
      <c r="E3665" s="513"/>
      <c r="F3665" s="512"/>
      <c r="G3665" s="511" t="s">
        <v>651</v>
      </c>
      <c r="H3665" s="510"/>
      <c r="I3665" s="510"/>
      <c r="J3665" s="510"/>
      <c r="K3665" s="509"/>
    </row>
    <row r="3666" spans="1:11" ht="13.7" customHeight="1">
      <c r="A3666" s="743" t="s">
        <v>809</v>
      </c>
      <c r="B3666" s="744"/>
      <c r="C3666" s="533"/>
      <c r="D3666" s="532"/>
      <c r="E3666" s="531"/>
      <c r="F3666" s="530"/>
      <c r="G3666" s="529" t="s">
        <v>1052</v>
      </c>
      <c r="H3666" s="528"/>
      <c r="I3666" s="528"/>
      <c r="J3666" s="528"/>
      <c r="K3666" s="527"/>
    </row>
    <row r="3667" spans="1:11" ht="13.7" customHeight="1">
      <c r="A3667" s="745"/>
      <c r="B3667" s="740"/>
      <c r="C3667" s="526"/>
      <c r="D3667" s="525"/>
      <c r="E3667" s="524"/>
      <c r="F3667" s="523" t="s">
        <v>651</v>
      </c>
      <c r="G3667" s="518" t="s">
        <v>651</v>
      </c>
      <c r="H3667" s="517"/>
      <c r="I3667" s="517"/>
      <c r="J3667" s="517"/>
      <c r="K3667" s="516"/>
    </row>
    <row r="3668" spans="1:11" ht="13.7" customHeight="1">
      <c r="A3668" s="739" t="s">
        <v>1051</v>
      </c>
      <c r="B3668" s="740"/>
      <c r="C3668" s="522" t="s">
        <v>246</v>
      </c>
      <c r="D3668" s="521">
        <v>1</v>
      </c>
      <c r="E3668" s="520"/>
      <c r="F3668" s="519"/>
      <c r="G3668" s="518" t="s">
        <v>651</v>
      </c>
      <c r="H3668" s="517"/>
      <c r="I3668" s="517"/>
      <c r="J3668" s="517"/>
      <c r="K3668" s="516"/>
    </row>
    <row r="3669" spans="1:11" ht="13.7" customHeight="1">
      <c r="A3669" s="741"/>
      <c r="B3669" s="742"/>
      <c r="C3669" s="515"/>
      <c r="D3669" s="514"/>
      <c r="E3669" s="513"/>
      <c r="F3669" s="512"/>
      <c r="G3669" s="511" t="s">
        <v>651</v>
      </c>
      <c r="H3669" s="510"/>
      <c r="I3669" s="510"/>
      <c r="J3669" s="510"/>
      <c r="K3669" s="509"/>
    </row>
    <row r="3670" spans="1:11" ht="13.7" customHeight="1">
      <c r="A3670" s="743" t="s">
        <v>807</v>
      </c>
      <c r="B3670" s="744"/>
      <c r="C3670" s="533"/>
      <c r="D3670" s="532"/>
      <c r="E3670" s="531"/>
      <c r="F3670" s="530"/>
      <c r="G3670" s="529" t="s">
        <v>1050</v>
      </c>
      <c r="H3670" s="528"/>
      <c r="I3670" s="528"/>
      <c r="J3670" s="528"/>
      <c r="K3670" s="527"/>
    </row>
    <row r="3671" spans="1:11" ht="13.7" customHeight="1">
      <c r="A3671" s="745"/>
      <c r="B3671" s="740"/>
      <c r="C3671" s="526"/>
      <c r="D3671" s="525"/>
      <c r="E3671" s="524"/>
      <c r="F3671" s="523" t="s">
        <v>651</v>
      </c>
      <c r="G3671" s="518" t="s">
        <v>651</v>
      </c>
      <c r="H3671" s="517"/>
      <c r="I3671" s="517"/>
      <c r="J3671" s="517"/>
      <c r="K3671" s="516"/>
    </row>
    <row r="3672" spans="1:11" ht="13.7" customHeight="1">
      <c r="A3672" s="739" t="s">
        <v>1049</v>
      </c>
      <c r="B3672" s="740"/>
      <c r="C3672" s="522" t="s">
        <v>246</v>
      </c>
      <c r="D3672" s="521">
        <v>1</v>
      </c>
      <c r="E3672" s="520"/>
      <c r="F3672" s="519"/>
      <c r="G3672" s="518" t="s">
        <v>651</v>
      </c>
      <c r="H3672" s="517"/>
      <c r="I3672" s="517"/>
      <c r="J3672" s="517"/>
      <c r="K3672" s="516"/>
    </row>
    <row r="3673" spans="1:11" ht="13.7" customHeight="1">
      <c r="A3673" s="741"/>
      <c r="B3673" s="742"/>
      <c r="C3673" s="515"/>
      <c r="D3673" s="514"/>
      <c r="E3673" s="513"/>
      <c r="F3673" s="512"/>
      <c r="G3673" s="511" t="s">
        <v>651</v>
      </c>
      <c r="H3673" s="510"/>
      <c r="I3673" s="510"/>
      <c r="J3673" s="510"/>
      <c r="K3673" s="509"/>
    </row>
    <row r="3674" spans="1:11" ht="13.7" customHeight="1">
      <c r="A3674" s="743" t="s">
        <v>651</v>
      </c>
      <c r="B3674" s="744"/>
      <c r="C3674" s="533"/>
      <c r="D3674" s="532"/>
      <c r="E3674" s="531"/>
      <c r="F3674" s="530"/>
      <c r="G3674" s="529" t="s">
        <v>651</v>
      </c>
      <c r="H3674" s="528"/>
      <c r="I3674" s="528"/>
      <c r="J3674" s="528"/>
      <c r="K3674" s="527"/>
    </row>
    <row r="3675" spans="1:11" ht="13.7" customHeight="1">
      <c r="A3675" s="745"/>
      <c r="B3675" s="740"/>
      <c r="C3675" s="526"/>
      <c r="D3675" s="525"/>
      <c r="E3675" s="524"/>
      <c r="F3675" s="523" t="s">
        <v>651</v>
      </c>
      <c r="G3675" s="518" t="s">
        <v>651</v>
      </c>
      <c r="H3675" s="517"/>
      <c r="I3675" s="517"/>
      <c r="J3675" s="517"/>
      <c r="K3675" s="516"/>
    </row>
    <row r="3676" spans="1:11" ht="13.7" customHeight="1">
      <c r="A3676" s="739" t="s">
        <v>652</v>
      </c>
      <c r="B3676" s="740"/>
      <c r="C3676" s="522" t="s">
        <v>242</v>
      </c>
      <c r="D3676" s="521">
        <v>1</v>
      </c>
      <c r="E3676" s="520"/>
      <c r="F3676" s="519"/>
      <c r="G3676" s="518" t="s">
        <v>651</v>
      </c>
      <c r="H3676" s="517"/>
      <c r="I3676" s="517"/>
      <c r="J3676" s="517"/>
      <c r="K3676" s="516"/>
    </row>
    <row r="3677" spans="1:11" ht="13.7" customHeight="1">
      <c r="A3677" s="741"/>
      <c r="B3677" s="742"/>
      <c r="C3677" s="515"/>
      <c r="D3677" s="514"/>
      <c r="E3677" s="513"/>
      <c r="F3677" s="512"/>
      <c r="G3677" s="511" t="s">
        <v>651</v>
      </c>
      <c r="H3677" s="510"/>
      <c r="I3677" s="510"/>
      <c r="J3677" s="510"/>
      <c r="K3677" s="509"/>
    </row>
    <row r="3678" spans="1:11" ht="13.7" customHeight="1">
      <c r="A3678" s="743" t="s">
        <v>651</v>
      </c>
      <c r="B3678" s="744"/>
      <c r="C3678" s="533"/>
      <c r="D3678" s="532"/>
      <c r="E3678" s="531"/>
      <c r="F3678" s="530"/>
      <c r="G3678" s="529" t="s">
        <v>651</v>
      </c>
      <c r="H3678" s="528"/>
      <c r="I3678" s="528"/>
      <c r="J3678" s="528"/>
      <c r="K3678" s="527"/>
    </row>
    <row r="3679" spans="1:11" ht="13.7" customHeight="1">
      <c r="A3679" s="745"/>
      <c r="B3679" s="740"/>
      <c r="C3679" s="526"/>
      <c r="D3679" s="525"/>
      <c r="E3679" s="524"/>
      <c r="F3679" s="523" t="s">
        <v>651</v>
      </c>
      <c r="G3679" s="518" t="s">
        <v>651</v>
      </c>
      <c r="H3679" s="517"/>
      <c r="I3679" s="517"/>
      <c r="J3679" s="517"/>
      <c r="K3679" s="516"/>
    </row>
    <row r="3680" spans="1:11" ht="13.7" customHeight="1">
      <c r="A3680" s="739" t="s">
        <v>681</v>
      </c>
      <c r="B3680" s="740"/>
      <c r="C3680" s="522" t="s">
        <v>242</v>
      </c>
      <c r="D3680" s="521">
        <v>1</v>
      </c>
      <c r="E3680" s="520" t="s">
        <v>1002</v>
      </c>
      <c r="F3680" s="519"/>
      <c r="G3680" s="518" t="s">
        <v>651</v>
      </c>
      <c r="H3680" s="517"/>
      <c r="I3680" s="517"/>
      <c r="J3680" s="517"/>
      <c r="K3680" s="516"/>
    </row>
    <row r="3681" spans="1:11" ht="13.7" customHeight="1">
      <c r="A3681" s="741"/>
      <c r="B3681" s="742"/>
      <c r="C3681" s="515"/>
      <c r="D3681" s="514"/>
      <c r="E3681" s="513"/>
      <c r="F3681" s="512"/>
      <c r="G3681" s="511" t="s">
        <v>651</v>
      </c>
      <c r="H3681" s="510"/>
      <c r="I3681" s="510"/>
      <c r="J3681" s="510"/>
      <c r="K3681" s="509"/>
    </row>
    <row r="3682" spans="1:11" ht="13.7" customHeight="1"/>
    <row r="3683" spans="1:11" ht="13.7" customHeight="1"/>
    <row r="3684" spans="1:11" ht="6.2" customHeight="1"/>
    <row r="3685" spans="1:11" ht="14.1" customHeight="1">
      <c r="A3685" s="543" t="s">
        <v>1048</v>
      </c>
      <c r="B3685" s="540" t="s">
        <v>1047</v>
      </c>
      <c r="C3685" s="540"/>
      <c r="D3685" s="540"/>
      <c r="E3685" s="540"/>
      <c r="F3685" s="540"/>
      <c r="G3685" s="542" t="s">
        <v>617</v>
      </c>
      <c r="H3685" s="541" t="s">
        <v>861</v>
      </c>
      <c r="I3685" s="540" t="s">
        <v>1007</v>
      </c>
      <c r="J3685" s="540"/>
      <c r="K3685" s="539"/>
    </row>
    <row r="3686" spans="1:11" ht="24" customHeight="1">
      <c r="A3686" s="538" t="s">
        <v>651</v>
      </c>
      <c r="B3686" s="537" t="s">
        <v>651</v>
      </c>
      <c r="C3686" s="537"/>
      <c r="D3686" s="537"/>
      <c r="E3686" s="537"/>
      <c r="F3686" s="537"/>
      <c r="G3686" s="751">
        <v>1</v>
      </c>
      <c r="H3686" s="751"/>
      <c r="I3686" s="751"/>
      <c r="J3686" s="536" t="s">
        <v>242</v>
      </c>
      <c r="K3686" s="535" t="s">
        <v>618</v>
      </c>
    </row>
    <row r="3687" spans="1:11" ht="17.100000000000001" customHeight="1">
      <c r="A3687" s="746" t="s">
        <v>1006</v>
      </c>
      <c r="B3687" s="747"/>
      <c r="C3687" s="534" t="s">
        <v>309</v>
      </c>
      <c r="D3687" s="534" t="s">
        <v>619</v>
      </c>
      <c r="E3687" s="534" t="s">
        <v>620</v>
      </c>
      <c r="F3687" s="534" t="s">
        <v>659</v>
      </c>
      <c r="G3687" s="748" t="s">
        <v>1005</v>
      </c>
      <c r="H3687" s="749"/>
      <c r="I3687" s="749"/>
      <c r="J3687" s="749"/>
      <c r="K3687" s="750"/>
    </row>
    <row r="3688" spans="1:11" ht="13.7" customHeight="1">
      <c r="A3688" s="743" t="s">
        <v>1024</v>
      </c>
      <c r="B3688" s="744"/>
      <c r="C3688" s="533"/>
      <c r="D3688" s="532"/>
      <c r="E3688" s="531"/>
      <c r="F3688" s="530"/>
      <c r="G3688" s="529" t="s">
        <v>1023</v>
      </c>
      <c r="H3688" s="528"/>
      <c r="I3688" s="528"/>
      <c r="J3688" s="528"/>
      <c r="K3688" s="527"/>
    </row>
    <row r="3689" spans="1:11" ht="13.7" customHeight="1">
      <c r="A3689" s="745"/>
      <c r="B3689" s="740"/>
      <c r="C3689" s="526"/>
      <c r="D3689" s="525"/>
      <c r="E3689" s="524"/>
      <c r="F3689" s="523" t="s">
        <v>651</v>
      </c>
      <c r="G3689" s="518" t="s">
        <v>651</v>
      </c>
      <c r="H3689" s="517"/>
      <c r="I3689" s="517"/>
      <c r="J3689" s="517"/>
      <c r="K3689" s="516"/>
    </row>
    <row r="3690" spans="1:11" ht="13.7" customHeight="1">
      <c r="A3690" s="739" t="s">
        <v>1022</v>
      </c>
      <c r="B3690" s="740"/>
      <c r="C3690" s="522" t="s">
        <v>240</v>
      </c>
      <c r="D3690" s="521">
        <v>12</v>
      </c>
      <c r="E3690" s="520"/>
      <c r="F3690" s="519"/>
      <c r="G3690" s="518" t="s">
        <v>651</v>
      </c>
      <c r="H3690" s="517"/>
      <c r="I3690" s="517"/>
      <c r="J3690" s="517"/>
      <c r="K3690" s="516"/>
    </row>
    <row r="3691" spans="1:11" ht="13.7" customHeight="1">
      <c r="A3691" s="741"/>
      <c r="B3691" s="742"/>
      <c r="C3691" s="515"/>
      <c r="D3691" s="514"/>
      <c r="E3691" s="513"/>
      <c r="F3691" s="512"/>
      <c r="G3691" s="511" t="s">
        <v>651</v>
      </c>
      <c r="H3691" s="510"/>
      <c r="I3691" s="510"/>
      <c r="J3691" s="510"/>
      <c r="K3691" s="509"/>
    </row>
    <row r="3692" spans="1:11" ht="13.7" customHeight="1">
      <c r="A3692" s="743" t="s">
        <v>1021</v>
      </c>
      <c r="B3692" s="744"/>
      <c r="C3692" s="533"/>
      <c r="D3692" s="532"/>
      <c r="E3692" s="531"/>
      <c r="F3692" s="530"/>
      <c r="G3692" s="529" t="s">
        <v>1020</v>
      </c>
      <c r="H3692" s="528"/>
      <c r="I3692" s="528"/>
      <c r="J3692" s="528"/>
      <c r="K3692" s="527"/>
    </row>
    <row r="3693" spans="1:11" ht="13.7" customHeight="1">
      <c r="A3693" s="745"/>
      <c r="B3693" s="740"/>
      <c r="C3693" s="526"/>
      <c r="D3693" s="525"/>
      <c r="E3693" s="524"/>
      <c r="F3693" s="523" t="s">
        <v>651</v>
      </c>
      <c r="G3693" s="518" t="s">
        <v>651</v>
      </c>
      <c r="H3693" s="517"/>
      <c r="I3693" s="517"/>
      <c r="J3693" s="517"/>
      <c r="K3693" s="516"/>
    </row>
    <row r="3694" spans="1:11" ht="13.7" customHeight="1">
      <c r="A3694" s="739" t="s">
        <v>1019</v>
      </c>
      <c r="B3694" s="740"/>
      <c r="C3694" s="522" t="s">
        <v>194</v>
      </c>
      <c r="D3694" s="521">
        <v>6</v>
      </c>
      <c r="E3694" s="520"/>
      <c r="F3694" s="519"/>
      <c r="G3694" s="518" t="s">
        <v>651</v>
      </c>
      <c r="H3694" s="517"/>
      <c r="I3694" s="517"/>
      <c r="J3694" s="517"/>
      <c r="K3694" s="516"/>
    </row>
    <row r="3695" spans="1:11" ht="13.7" customHeight="1">
      <c r="A3695" s="741"/>
      <c r="B3695" s="742"/>
      <c r="C3695" s="515"/>
      <c r="D3695" s="514"/>
      <c r="E3695" s="513"/>
      <c r="F3695" s="512"/>
      <c r="G3695" s="511" t="s">
        <v>651</v>
      </c>
      <c r="H3695" s="510"/>
      <c r="I3695" s="510"/>
      <c r="J3695" s="510"/>
      <c r="K3695" s="509"/>
    </row>
    <row r="3696" spans="1:11" ht="13.7" customHeight="1">
      <c r="A3696" s="743" t="s">
        <v>892</v>
      </c>
      <c r="B3696" s="744"/>
      <c r="C3696" s="533"/>
      <c r="D3696" s="532"/>
      <c r="E3696" s="531"/>
      <c r="F3696" s="530"/>
      <c r="G3696" s="529" t="s">
        <v>1018</v>
      </c>
      <c r="H3696" s="528"/>
      <c r="I3696" s="528"/>
      <c r="J3696" s="528"/>
      <c r="K3696" s="527"/>
    </row>
    <row r="3697" spans="1:11" ht="13.7" customHeight="1">
      <c r="A3697" s="745"/>
      <c r="B3697" s="740"/>
      <c r="C3697" s="526"/>
      <c r="D3697" s="525"/>
      <c r="E3697" s="524"/>
      <c r="F3697" s="523" t="s">
        <v>651</v>
      </c>
      <c r="G3697" s="518" t="s">
        <v>651</v>
      </c>
      <c r="H3697" s="517"/>
      <c r="I3697" s="517"/>
      <c r="J3697" s="517"/>
      <c r="K3697" s="516"/>
    </row>
    <row r="3698" spans="1:11" ht="13.7" customHeight="1">
      <c r="A3698" s="739" t="s">
        <v>1017</v>
      </c>
      <c r="B3698" s="740"/>
      <c r="C3698" s="522" t="s">
        <v>194</v>
      </c>
      <c r="D3698" s="521">
        <v>6</v>
      </c>
      <c r="E3698" s="520"/>
      <c r="F3698" s="519"/>
      <c r="G3698" s="518" t="s">
        <v>651</v>
      </c>
      <c r="H3698" s="517"/>
      <c r="I3698" s="517"/>
      <c r="J3698" s="517"/>
      <c r="K3698" s="516"/>
    </row>
    <row r="3699" spans="1:11" ht="13.7" customHeight="1">
      <c r="A3699" s="741"/>
      <c r="B3699" s="742"/>
      <c r="C3699" s="515"/>
      <c r="D3699" s="514"/>
      <c r="E3699" s="513"/>
      <c r="F3699" s="512"/>
      <c r="G3699" s="511" t="s">
        <v>651</v>
      </c>
      <c r="H3699" s="510"/>
      <c r="I3699" s="510"/>
      <c r="J3699" s="510"/>
      <c r="K3699" s="509"/>
    </row>
    <row r="3700" spans="1:11" ht="13.7" customHeight="1">
      <c r="A3700" s="743" t="s">
        <v>958</v>
      </c>
      <c r="B3700" s="744"/>
      <c r="C3700" s="533"/>
      <c r="D3700" s="532"/>
      <c r="E3700" s="531"/>
      <c r="F3700" s="530"/>
      <c r="G3700" s="529" t="s">
        <v>1016</v>
      </c>
      <c r="H3700" s="528"/>
      <c r="I3700" s="528"/>
      <c r="J3700" s="528"/>
      <c r="K3700" s="527"/>
    </row>
    <row r="3701" spans="1:11" ht="13.7" customHeight="1">
      <c r="A3701" s="745"/>
      <c r="B3701" s="740"/>
      <c r="C3701" s="526"/>
      <c r="D3701" s="525"/>
      <c r="E3701" s="524"/>
      <c r="F3701" s="523" t="s">
        <v>651</v>
      </c>
      <c r="G3701" s="518" t="s">
        <v>651</v>
      </c>
      <c r="H3701" s="517"/>
      <c r="I3701" s="517"/>
      <c r="J3701" s="517"/>
      <c r="K3701" s="516"/>
    </row>
    <row r="3702" spans="1:11" ht="13.7" customHeight="1">
      <c r="A3702" s="739" t="s">
        <v>1686</v>
      </c>
      <c r="B3702" s="740"/>
      <c r="C3702" s="522" t="s">
        <v>193</v>
      </c>
      <c r="D3702" s="521">
        <v>5</v>
      </c>
      <c r="E3702" s="520"/>
      <c r="F3702" s="519"/>
      <c r="G3702" s="518" t="s">
        <v>651</v>
      </c>
      <c r="H3702" s="517"/>
      <c r="I3702" s="517"/>
      <c r="J3702" s="517"/>
      <c r="K3702" s="516"/>
    </row>
    <row r="3703" spans="1:11" ht="13.7" customHeight="1">
      <c r="A3703" s="741"/>
      <c r="B3703" s="742"/>
      <c r="C3703" s="515"/>
      <c r="D3703" s="514"/>
      <c r="E3703" s="513"/>
      <c r="F3703" s="512"/>
      <c r="G3703" s="511" t="s">
        <v>651</v>
      </c>
      <c r="H3703" s="510"/>
      <c r="I3703" s="510"/>
      <c r="J3703" s="510"/>
      <c r="K3703" s="509"/>
    </row>
    <row r="3704" spans="1:11" ht="13.7" customHeight="1">
      <c r="A3704" s="743" t="s">
        <v>1015</v>
      </c>
      <c r="B3704" s="744"/>
      <c r="C3704" s="533"/>
      <c r="D3704" s="532"/>
      <c r="E3704" s="531"/>
      <c r="F3704" s="530"/>
      <c r="G3704" s="529" t="s">
        <v>1014</v>
      </c>
      <c r="H3704" s="528"/>
      <c r="I3704" s="528"/>
      <c r="J3704" s="528"/>
      <c r="K3704" s="527"/>
    </row>
    <row r="3705" spans="1:11" ht="13.7" customHeight="1">
      <c r="A3705" s="745"/>
      <c r="B3705" s="740"/>
      <c r="C3705" s="526"/>
      <c r="D3705" s="525"/>
      <c r="E3705" s="524"/>
      <c r="F3705" s="523" t="s">
        <v>651</v>
      </c>
      <c r="G3705" s="518" t="s">
        <v>651</v>
      </c>
      <c r="H3705" s="517"/>
      <c r="I3705" s="517"/>
      <c r="J3705" s="517"/>
      <c r="K3705" s="516"/>
    </row>
    <row r="3706" spans="1:11" ht="13.7" customHeight="1">
      <c r="A3706" s="739" t="s">
        <v>1013</v>
      </c>
      <c r="B3706" s="740"/>
      <c r="C3706" s="522" t="s">
        <v>193</v>
      </c>
      <c r="D3706" s="521">
        <v>2</v>
      </c>
      <c r="E3706" s="520"/>
      <c r="F3706" s="519"/>
      <c r="G3706" s="518" t="s">
        <v>651</v>
      </c>
      <c r="H3706" s="517"/>
      <c r="I3706" s="517"/>
      <c r="J3706" s="517"/>
      <c r="K3706" s="516"/>
    </row>
    <row r="3707" spans="1:11" ht="13.7" customHeight="1">
      <c r="A3707" s="741"/>
      <c r="B3707" s="742"/>
      <c r="C3707" s="515"/>
      <c r="D3707" s="514"/>
      <c r="E3707" s="513"/>
      <c r="F3707" s="512"/>
      <c r="G3707" s="511" t="s">
        <v>651</v>
      </c>
      <c r="H3707" s="510"/>
      <c r="I3707" s="510"/>
      <c r="J3707" s="510"/>
      <c r="K3707" s="509"/>
    </row>
    <row r="3708" spans="1:11" ht="13.7" customHeight="1">
      <c r="A3708" s="743" t="s">
        <v>951</v>
      </c>
      <c r="B3708" s="744"/>
      <c r="C3708" s="533"/>
      <c r="D3708" s="532"/>
      <c r="E3708" s="531"/>
      <c r="F3708" s="530"/>
      <c r="G3708" s="529" t="s">
        <v>1012</v>
      </c>
      <c r="H3708" s="528"/>
      <c r="I3708" s="528"/>
      <c r="J3708" s="528"/>
      <c r="K3708" s="527"/>
    </row>
    <row r="3709" spans="1:11" ht="13.7" customHeight="1">
      <c r="A3709" s="745"/>
      <c r="B3709" s="740"/>
      <c r="C3709" s="526"/>
      <c r="D3709" s="525"/>
      <c r="E3709" s="524"/>
      <c r="F3709" s="523" t="s">
        <v>651</v>
      </c>
      <c r="G3709" s="518" t="s">
        <v>651</v>
      </c>
      <c r="H3709" s="517"/>
      <c r="I3709" s="517"/>
      <c r="J3709" s="517"/>
      <c r="K3709" s="516"/>
    </row>
    <row r="3710" spans="1:11" ht="13.7" customHeight="1">
      <c r="A3710" s="739" t="s">
        <v>1686</v>
      </c>
      <c r="B3710" s="740"/>
      <c r="C3710" s="522" t="s">
        <v>193</v>
      </c>
      <c r="D3710" s="521">
        <v>3</v>
      </c>
      <c r="E3710" s="520"/>
      <c r="F3710" s="519"/>
      <c r="G3710" s="518" t="s">
        <v>651</v>
      </c>
      <c r="H3710" s="517"/>
      <c r="I3710" s="517"/>
      <c r="J3710" s="517"/>
      <c r="K3710" s="516"/>
    </row>
    <row r="3711" spans="1:11" ht="13.7" customHeight="1">
      <c r="A3711" s="741"/>
      <c r="B3711" s="742"/>
      <c r="C3711" s="515"/>
      <c r="D3711" s="514"/>
      <c r="E3711" s="513"/>
      <c r="F3711" s="512"/>
      <c r="G3711" s="511" t="s">
        <v>651</v>
      </c>
      <c r="H3711" s="510"/>
      <c r="I3711" s="510"/>
      <c r="J3711" s="510"/>
      <c r="K3711" s="509"/>
    </row>
    <row r="3712" spans="1:11" ht="13.7" customHeight="1">
      <c r="A3712" s="743" t="s">
        <v>1677</v>
      </c>
      <c r="B3712" s="744"/>
      <c r="C3712" s="533"/>
      <c r="D3712" s="532"/>
      <c r="E3712" s="531"/>
      <c r="F3712" s="530"/>
      <c r="G3712" s="529" t="s">
        <v>1011</v>
      </c>
      <c r="H3712" s="528"/>
      <c r="I3712" s="528"/>
      <c r="J3712" s="528"/>
      <c r="K3712" s="527"/>
    </row>
    <row r="3713" spans="1:11" ht="13.7" customHeight="1">
      <c r="A3713" s="745"/>
      <c r="B3713" s="740"/>
      <c r="C3713" s="526"/>
      <c r="D3713" s="525"/>
      <c r="E3713" s="524"/>
      <c r="F3713" s="523" t="s">
        <v>651</v>
      </c>
      <c r="G3713" s="518" t="s">
        <v>651</v>
      </c>
      <c r="H3713" s="517"/>
      <c r="I3713" s="517"/>
      <c r="J3713" s="517"/>
      <c r="K3713" s="516"/>
    </row>
    <row r="3714" spans="1:11" ht="13.7" customHeight="1">
      <c r="A3714" s="739" t="s">
        <v>1676</v>
      </c>
      <c r="B3714" s="740"/>
      <c r="C3714" s="522" t="s">
        <v>193</v>
      </c>
      <c r="D3714" s="521">
        <v>2</v>
      </c>
      <c r="E3714" s="520"/>
      <c r="F3714" s="519"/>
      <c r="G3714" s="518" t="s">
        <v>651</v>
      </c>
      <c r="H3714" s="517"/>
      <c r="I3714" s="517"/>
      <c r="J3714" s="517"/>
      <c r="K3714" s="516"/>
    </row>
    <row r="3715" spans="1:11" ht="13.7" customHeight="1">
      <c r="A3715" s="741"/>
      <c r="B3715" s="742"/>
      <c r="C3715" s="515"/>
      <c r="D3715" s="514"/>
      <c r="E3715" s="513"/>
      <c r="F3715" s="512"/>
      <c r="G3715" s="511" t="s">
        <v>651</v>
      </c>
      <c r="H3715" s="510"/>
      <c r="I3715" s="510"/>
      <c r="J3715" s="510"/>
      <c r="K3715" s="509"/>
    </row>
    <row r="3716" spans="1:11" ht="13.7" customHeight="1">
      <c r="A3716" s="743" t="s">
        <v>1673</v>
      </c>
      <c r="B3716" s="744"/>
      <c r="C3716" s="533"/>
      <c r="D3716" s="532"/>
      <c r="E3716" s="531"/>
      <c r="F3716" s="530"/>
      <c r="G3716" s="529" t="s">
        <v>1010</v>
      </c>
      <c r="H3716" s="528"/>
      <c r="I3716" s="528"/>
      <c r="J3716" s="528"/>
      <c r="K3716" s="527"/>
    </row>
    <row r="3717" spans="1:11" ht="13.7" customHeight="1">
      <c r="A3717" s="745"/>
      <c r="B3717" s="740"/>
      <c r="C3717" s="526"/>
      <c r="D3717" s="525"/>
      <c r="E3717" s="524"/>
      <c r="F3717" s="523" t="s">
        <v>651</v>
      </c>
      <c r="G3717" s="518" t="s">
        <v>651</v>
      </c>
      <c r="H3717" s="517"/>
      <c r="I3717" s="517"/>
      <c r="J3717" s="517"/>
      <c r="K3717" s="516"/>
    </row>
    <row r="3718" spans="1:11" ht="13.7" customHeight="1">
      <c r="A3718" s="739" t="s">
        <v>1672</v>
      </c>
      <c r="B3718" s="740"/>
      <c r="C3718" s="522" t="s">
        <v>194</v>
      </c>
      <c r="D3718" s="521">
        <v>6</v>
      </c>
      <c r="E3718" s="520"/>
      <c r="F3718" s="519"/>
      <c r="G3718" s="518" t="s">
        <v>651</v>
      </c>
      <c r="H3718" s="517"/>
      <c r="I3718" s="517"/>
      <c r="J3718" s="517"/>
      <c r="K3718" s="516"/>
    </row>
    <row r="3719" spans="1:11" ht="13.7" customHeight="1">
      <c r="A3719" s="741"/>
      <c r="B3719" s="742"/>
      <c r="C3719" s="515"/>
      <c r="D3719" s="514"/>
      <c r="E3719" s="513"/>
      <c r="F3719" s="512"/>
      <c r="G3719" s="511" t="s">
        <v>651</v>
      </c>
      <c r="H3719" s="510"/>
      <c r="I3719" s="510"/>
      <c r="J3719" s="510"/>
      <c r="K3719" s="509"/>
    </row>
    <row r="3720" spans="1:11" ht="13.7" customHeight="1"/>
    <row r="3721" spans="1:11" ht="13.7" customHeight="1"/>
    <row r="3722" spans="1:11" ht="6.2" customHeight="1"/>
    <row r="3723" spans="1:11" ht="14.1" customHeight="1">
      <c r="A3723" s="543" t="s">
        <v>1048</v>
      </c>
      <c r="B3723" s="540" t="s">
        <v>1047</v>
      </c>
      <c r="C3723" s="540"/>
      <c r="D3723" s="540"/>
      <c r="E3723" s="540"/>
      <c r="F3723" s="540"/>
      <c r="G3723" s="542" t="s">
        <v>617</v>
      </c>
      <c r="H3723" s="541" t="s">
        <v>861</v>
      </c>
      <c r="I3723" s="540" t="s">
        <v>1007</v>
      </c>
      <c r="J3723" s="540"/>
      <c r="K3723" s="539"/>
    </row>
    <row r="3724" spans="1:11" ht="24" customHeight="1">
      <c r="A3724" s="538" t="s">
        <v>651</v>
      </c>
      <c r="B3724" s="537" t="s">
        <v>651</v>
      </c>
      <c r="C3724" s="537"/>
      <c r="D3724" s="537"/>
      <c r="E3724" s="537"/>
      <c r="F3724" s="537"/>
      <c r="G3724" s="751">
        <v>1</v>
      </c>
      <c r="H3724" s="751"/>
      <c r="I3724" s="751"/>
      <c r="J3724" s="536" t="s">
        <v>242</v>
      </c>
      <c r="K3724" s="535" t="s">
        <v>618</v>
      </c>
    </row>
    <row r="3725" spans="1:11" ht="17.100000000000001" customHeight="1">
      <c r="A3725" s="746" t="s">
        <v>1006</v>
      </c>
      <c r="B3725" s="747"/>
      <c r="C3725" s="534" t="s">
        <v>309</v>
      </c>
      <c r="D3725" s="534" t="s">
        <v>619</v>
      </c>
      <c r="E3725" s="534" t="s">
        <v>620</v>
      </c>
      <c r="F3725" s="534" t="s">
        <v>659</v>
      </c>
      <c r="G3725" s="748" t="s">
        <v>1005</v>
      </c>
      <c r="H3725" s="749"/>
      <c r="I3725" s="749"/>
      <c r="J3725" s="749"/>
      <c r="K3725" s="750"/>
    </row>
    <row r="3726" spans="1:11" ht="13.7" customHeight="1">
      <c r="A3726" s="743" t="s">
        <v>880</v>
      </c>
      <c r="B3726" s="744"/>
      <c r="C3726" s="533"/>
      <c r="D3726" s="532"/>
      <c r="E3726" s="531"/>
      <c r="F3726" s="530"/>
      <c r="G3726" s="529" t="s">
        <v>1004</v>
      </c>
      <c r="H3726" s="528"/>
      <c r="I3726" s="528"/>
      <c r="J3726" s="528"/>
      <c r="K3726" s="527"/>
    </row>
    <row r="3727" spans="1:11" ht="13.7" customHeight="1">
      <c r="A3727" s="745"/>
      <c r="B3727" s="740"/>
      <c r="C3727" s="526"/>
      <c r="D3727" s="525"/>
      <c r="E3727" s="524"/>
      <c r="F3727" s="523" t="s">
        <v>651</v>
      </c>
      <c r="G3727" s="518" t="s">
        <v>651</v>
      </c>
      <c r="H3727" s="517"/>
      <c r="I3727" s="517"/>
      <c r="J3727" s="517"/>
      <c r="K3727" s="516"/>
    </row>
    <row r="3728" spans="1:11" ht="13.7" customHeight="1">
      <c r="A3728" s="739" t="s">
        <v>1695</v>
      </c>
      <c r="B3728" s="740"/>
      <c r="C3728" s="522" t="s">
        <v>193</v>
      </c>
      <c r="D3728" s="521">
        <v>0.3</v>
      </c>
      <c r="E3728" s="520"/>
      <c r="F3728" s="519"/>
      <c r="G3728" s="518" t="s">
        <v>651</v>
      </c>
      <c r="H3728" s="517"/>
      <c r="I3728" s="517"/>
      <c r="J3728" s="517"/>
      <c r="K3728" s="516"/>
    </row>
    <row r="3729" spans="1:11" ht="13.7" customHeight="1">
      <c r="A3729" s="741"/>
      <c r="B3729" s="742"/>
      <c r="C3729" s="515"/>
      <c r="D3729" s="514"/>
      <c r="E3729" s="513"/>
      <c r="F3729" s="512"/>
      <c r="G3729" s="511" t="s">
        <v>651</v>
      </c>
      <c r="H3729" s="510"/>
      <c r="I3729" s="510"/>
      <c r="J3729" s="510"/>
      <c r="K3729" s="509"/>
    </row>
    <row r="3730" spans="1:11" ht="13.7" customHeight="1">
      <c r="A3730" s="743" t="s">
        <v>981</v>
      </c>
      <c r="B3730" s="744"/>
      <c r="C3730" s="533"/>
      <c r="D3730" s="532"/>
      <c r="E3730" s="531"/>
      <c r="F3730" s="530"/>
      <c r="G3730" s="529" t="s">
        <v>1003</v>
      </c>
      <c r="H3730" s="528"/>
      <c r="I3730" s="528"/>
      <c r="J3730" s="528"/>
      <c r="K3730" s="527"/>
    </row>
    <row r="3731" spans="1:11" ht="13.7" customHeight="1">
      <c r="A3731" s="745"/>
      <c r="B3731" s="740"/>
      <c r="C3731" s="526"/>
      <c r="D3731" s="525"/>
      <c r="E3731" s="524"/>
      <c r="F3731" s="523" t="s">
        <v>651</v>
      </c>
      <c r="G3731" s="518" t="s">
        <v>651</v>
      </c>
      <c r="H3731" s="517"/>
      <c r="I3731" s="517"/>
      <c r="J3731" s="517"/>
      <c r="K3731" s="516"/>
    </row>
    <row r="3732" spans="1:11" ht="13.7" customHeight="1">
      <c r="A3732" s="739" t="s">
        <v>1691</v>
      </c>
      <c r="B3732" s="740"/>
      <c r="C3732" s="522" t="s">
        <v>193</v>
      </c>
      <c r="D3732" s="521">
        <v>0.3</v>
      </c>
      <c r="E3732" s="520"/>
      <c r="F3732" s="519"/>
      <c r="G3732" s="518" t="s">
        <v>651</v>
      </c>
      <c r="H3732" s="517"/>
      <c r="I3732" s="517"/>
      <c r="J3732" s="517"/>
      <c r="K3732" s="516"/>
    </row>
    <row r="3733" spans="1:11" ht="13.7" customHeight="1">
      <c r="A3733" s="741"/>
      <c r="B3733" s="742"/>
      <c r="C3733" s="515"/>
      <c r="D3733" s="514"/>
      <c r="E3733" s="513"/>
      <c r="F3733" s="512"/>
      <c r="G3733" s="511" t="s">
        <v>651</v>
      </c>
      <c r="H3733" s="510"/>
      <c r="I3733" s="510"/>
      <c r="J3733" s="510"/>
      <c r="K3733" s="509"/>
    </row>
    <row r="3734" spans="1:11" ht="13.7" customHeight="1">
      <c r="A3734" s="743" t="s">
        <v>651</v>
      </c>
      <c r="B3734" s="744"/>
      <c r="C3734" s="533"/>
      <c r="D3734" s="532"/>
      <c r="E3734" s="531"/>
      <c r="F3734" s="530"/>
      <c r="G3734" s="529" t="s">
        <v>651</v>
      </c>
      <c r="H3734" s="528"/>
      <c r="I3734" s="528"/>
      <c r="J3734" s="528"/>
      <c r="K3734" s="527"/>
    </row>
    <row r="3735" spans="1:11" ht="13.7" customHeight="1">
      <c r="A3735" s="745"/>
      <c r="B3735" s="740"/>
      <c r="C3735" s="526"/>
      <c r="D3735" s="525"/>
      <c r="E3735" s="524"/>
      <c r="F3735" s="523" t="s">
        <v>651</v>
      </c>
      <c r="G3735" s="518" t="s">
        <v>651</v>
      </c>
      <c r="H3735" s="517"/>
      <c r="I3735" s="517"/>
      <c r="J3735" s="517"/>
      <c r="K3735" s="516"/>
    </row>
    <row r="3736" spans="1:11" ht="13.7" customHeight="1">
      <c r="A3736" s="739" t="s">
        <v>652</v>
      </c>
      <c r="B3736" s="740"/>
      <c r="C3736" s="522" t="s">
        <v>242</v>
      </c>
      <c r="D3736" s="521">
        <v>1</v>
      </c>
      <c r="E3736" s="520"/>
      <c r="F3736" s="519"/>
      <c r="G3736" s="518" t="s">
        <v>651</v>
      </c>
      <c r="H3736" s="517"/>
      <c r="I3736" s="517"/>
      <c r="J3736" s="517"/>
      <c r="K3736" s="516"/>
    </row>
    <row r="3737" spans="1:11" ht="13.7" customHeight="1">
      <c r="A3737" s="741"/>
      <c r="B3737" s="742"/>
      <c r="C3737" s="515"/>
      <c r="D3737" s="514"/>
      <c r="E3737" s="513"/>
      <c r="F3737" s="512"/>
      <c r="G3737" s="511" t="s">
        <v>651</v>
      </c>
      <c r="H3737" s="510"/>
      <c r="I3737" s="510"/>
      <c r="J3737" s="510"/>
      <c r="K3737" s="509"/>
    </row>
    <row r="3738" spans="1:11" ht="13.7" customHeight="1">
      <c r="A3738" s="743" t="s">
        <v>651</v>
      </c>
      <c r="B3738" s="744"/>
      <c r="C3738" s="533"/>
      <c r="D3738" s="532"/>
      <c r="E3738" s="531"/>
      <c r="F3738" s="530"/>
      <c r="G3738" s="529" t="s">
        <v>651</v>
      </c>
      <c r="H3738" s="528"/>
      <c r="I3738" s="528"/>
      <c r="J3738" s="528"/>
      <c r="K3738" s="527"/>
    </row>
    <row r="3739" spans="1:11" ht="13.7" customHeight="1">
      <c r="A3739" s="745"/>
      <c r="B3739" s="740"/>
      <c r="C3739" s="526"/>
      <c r="D3739" s="525"/>
      <c r="E3739" s="524"/>
      <c r="F3739" s="523" t="s">
        <v>651</v>
      </c>
      <c r="G3739" s="518" t="s">
        <v>651</v>
      </c>
      <c r="H3739" s="517"/>
      <c r="I3739" s="517"/>
      <c r="J3739" s="517"/>
      <c r="K3739" s="516"/>
    </row>
    <row r="3740" spans="1:11" ht="13.7" customHeight="1">
      <c r="A3740" s="739" t="s">
        <v>681</v>
      </c>
      <c r="B3740" s="740"/>
      <c r="C3740" s="522" t="s">
        <v>242</v>
      </c>
      <c r="D3740" s="521">
        <v>1</v>
      </c>
      <c r="E3740" s="520" t="s">
        <v>1002</v>
      </c>
      <c r="F3740" s="519"/>
      <c r="G3740" s="518" t="s">
        <v>651</v>
      </c>
      <c r="H3740" s="517"/>
      <c r="I3740" s="517"/>
      <c r="J3740" s="517"/>
      <c r="K3740" s="516"/>
    </row>
    <row r="3741" spans="1:11" ht="13.7" customHeight="1">
      <c r="A3741" s="741"/>
      <c r="B3741" s="742"/>
      <c r="C3741" s="515"/>
      <c r="D3741" s="514"/>
      <c r="E3741" s="513"/>
      <c r="F3741" s="512"/>
      <c r="G3741" s="511" t="s">
        <v>651</v>
      </c>
      <c r="H3741" s="510"/>
      <c r="I3741" s="510"/>
      <c r="J3741" s="510"/>
      <c r="K3741" s="509"/>
    </row>
    <row r="3742" spans="1:11" ht="13.7" customHeight="1"/>
    <row r="3743" spans="1:11" ht="13.7" customHeight="1"/>
    <row r="3744" spans="1:11" ht="13.7" customHeight="1"/>
    <row r="3745" ht="13.7" customHeight="1"/>
    <row r="3746" ht="13.7" customHeight="1"/>
    <row r="3747" ht="13.7" customHeight="1"/>
    <row r="3748" ht="13.7" customHeight="1"/>
    <row r="3749" ht="13.7" customHeight="1"/>
    <row r="3750" ht="13.7" customHeight="1"/>
    <row r="3751" ht="13.7" customHeight="1"/>
    <row r="3752" ht="13.7" customHeight="1"/>
    <row r="3753" ht="13.7" customHeight="1"/>
    <row r="3754" ht="13.7" customHeight="1"/>
    <row r="3755" ht="13.7" customHeight="1"/>
    <row r="3756" ht="13.7" customHeight="1"/>
    <row r="3757" ht="13.7" customHeight="1"/>
    <row r="3758" ht="13.7" customHeight="1"/>
    <row r="3759" ht="13.7" customHeight="1"/>
    <row r="3760" ht="6.2" customHeight="1"/>
    <row r="3761" spans="1:11" ht="14.1" customHeight="1">
      <c r="A3761" s="543" t="s">
        <v>1046</v>
      </c>
      <c r="B3761" s="540" t="s">
        <v>1045</v>
      </c>
      <c r="C3761" s="540"/>
      <c r="D3761" s="540"/>
      <c r="E3761" s="540"/>
      <c r="F3761" s="540"/>
      <c r="G3761" s="542" t="s">
        <v>617</v>
      </c>
      <c r="H3761" s="541" t="s">
        <v>859</v>
      </c>
      <c r="I3761" s="540" t="s">
        <v>1007</v>
      </c>
      <c r="J3761" s="540"/>
      <c r="K3761" s="539"/>
    </row>
    <row r="3762" spans="1:11" ht="24" customHeight="1">
      <c r="A3762" s="538" t="s">
        <v>651</v>
      </c>
      <c r="B3762" s="537" t="s">
        <v>651</v>
      </c>
      <c r="C3762" s="537"/>
      <c r="D3762" s="537"/>
      <c r="E3762" s="537"/>
      <c r="F3762" s="537"/>
      <c r="G3762" s="751">
        <v>1</v>
      </c>
      <c r="H3762" s="751"/>
      <c r="I3762" s="751"/>
      <c r="J3762" s="536" t="s">
        <v>242</v>
      </c>
      <c r="K3762" s="535" t="s">
        <v>618</v>
      </c>
    </row>
    <row r="3763" spans="1:11" ht="17.100000000000001" customHeight="1">
      <c r="A3763" s="746" t="s">
        <v>1006</v>
      </c>
      <c r="B3763" s="747"/>
      <c r="C3763" s="534" t="s">
        <v>309</v>
      </c>
      <c r="D3763" s="534" t="s">
        <v>619</v>
      </c>
      <c r="E3763" s="534" t="s">
        <v>620</v>
      </c>
      <c r="F3763" s="534" t="s">
        <v>659</v>
      </c>
      <c r="G3763" s="748" t="s">
        <v>1005</v>
      </c>
      <c r="H3763" s="749"/>
      <c r="I3763" s="749"/>
      <c r="J3763" s="749"/>
      <c r="K3763" s="750"/>
    </row>
    <row r="3764" spans="1:11" ht="13.7" customHeight="1">
      <c r="A3764" s="743" t="s">
        <v>1040</v>
      </c>
      <c r="B3764" s="744"/>
      <c r="C3764" s="533"/>
      <c r="D3764" s="532"/>
      <c r="E3764" s="531"/>
      <c r="F3764" s="530"/>
      <c r="G3764" s="529" t="s">
        <v>1044</v>
      </c>
      <c r="H3764" s="528"/>
      <c r="I3764" s="528"/>
      <c r="J3764" s="528"/>
      <c r="K3764" s="527"/>
    </row>
    <row r="3765" spans="1:11" ht="13.7" customHeight="1">
      <c r="A3765" s="745"/>
      <c r="B3765" s="740"/>
      <c r="C3765" s="526"/>
      <c r="D3765" s="525"/>
      <c r="E3765" s="524"/>
      <c r="F3765" s="523" t="s">
        <v>651</v>
      </c>
      <c r="G3765" s="518" t="s">
        <v>651</v>
      </c>
      <c r="H3765" s="517"/>
      <c r="I3765" s="517"/>
      <c r="J3765" s="517"/>
      <c r="K3765" s="516"/>
    </row>
    <row r="3766" spans="1:11" ht="13.7" customHeight="1">
      <c r="A3766" s="739" t="s">
        <v>651</v>
      </c>
      <c r="B3766" s="740"/>
      <c r="C3766" s="522" t="s">
        <v>242</v>
      </c>
      <c r="D3766" s="521">
        <v>1</v>
      </c>
      <c r="E3766" s="520"/>
      <c r="F3766" s="519"/>
      <c r="G3766" s="518" t="s">
        <v>651</v>
      </c>
      <c r="H3766" s="517"/>
      <c r="I3766" s="517"/>
      <c r="J3766" s="517"/>
      <c r="K3766" s="516"/>
    </row>
    <row r="3767" spans="1:11" ht="13.7" customHeight="1">
      <c r="A3767" s="741"/>
      <c r="B3767" s="742"/>
      <c r="C3767" s="515"/>
      <c r="D3767" s="514"/>
      <c r="E3767" s="513"/>
      <c r="F3767" s="512"/>
      <c r="G3767" s="511" t="s">
        <v>651</v>
      </c>
      <c r="H3767" s="510"/>
      <c r="I3767" s="510"/>
      <c r="J3767" s="510"/>
      <c r="K3767" s="509"/>
    </row>
    <row r="3768" spans="1:11" ht="13.7" customHeight="1">
      <c r="A3768" s="743" t="s">
        <v>1034</v>
      </c>
      <c r="B3768" s="744"/>
      <c r="C3768" s="533"/>
      <c r="D3768" s="532"/>
      <c r="E3768" s="531"/>
      <c r="F3768" s="530"/>
      <c r="G3768" s="529" t="s">
        <v>1043</v>
      </c>
      <c r="H3768" s="528"/>
      <c r="I3768" s="528"/>
      <c r="J3768" s="528"/>
      <c r="K3768" s="527"/>
    </row>
    <row r="3769" spans="1:11" ht="13.7" customHeight="1">
      <c r="A3769" s="745"/>
      <c r="B3769" s="740"/>
      <c r="C3769" s="526"/>
      <c r="D3769" s="525"/>
      <c r="E3769" s="524"/>
      <c r="F3769" s="523" t="s">
        <v>651</v>
      </c>
      <c r="G3769" s="518" t="s">
        <v>651</v>
      </c>
      <c r="H3769" s="517"/>
      <c r="I3769" s="517"/>
      <c r="J3769" s="517"/>
      <c r="K3769" s="516"/>
    </row>
    <row r="3770" spans="1:11" ht="13.7" customHeight="1">
      <c r="A3770" s="739" t="s">
        <v>651</v>
      </c>
      <c r="B3770" s="740"/>
      <c r="C3770" s="522" t="s">
        <v>242</v>
      </c>
      <c r="D3770" s="521">
        <v>1</v>
      </c>
      <c r="E3770" s="520"/>
      <c r="F3770" s="519"/>
      <c r="G3770" s="518" t="s">
        <v>651</v>
      </c>
      <c r="H3770" s="517"/>
      <c r="I3770" s="517"/>
      <c r="J3770" s="517"/>
      <c r="K3770" s="516"/>
    </row>
    <row r="3771" spans="1:11" ht="13.7" customHeight="1">
      <c r="A3771" s="741"/>
      <c r="B3771" s="742"/>
      <c r="C3771" s="515"/>
      <c r="D3771" s="514"/>
      <c r="E3771" s="513"/>
      <c r="F3771" s="512"/>
      <c r="G3771" s="511" t="s">
        <v>651</v>
      </c>
      <c r="H3771" s="510"/>
      <c r="I3771" s="510"/>
      <c r="J3771" s="510"/>
      <c r="K3771" s="509"/>
    </row>
    <row r="3772" spans="1:11" ht="13.7" customHeight="1">
      <c r="A3772" s="743" t="s">
        <v>1008</v>
      </c>
      <c r="B3772" s="744"/>
      <c r="C3772" s="533"/>
      <c r="D3772" s="532"/>
      <c r="E3772" s="531"/>
      <c r="F3772" s="530"/>
      <c r="G3772" s="529" t="s">
        <v>1042</v>
      </c>
      <c r="H3772" s="528"/>
      <c r="I3772" s="528"/>
      <c r="J3772" s="528"/>
      <c r="K3772" s="527"/>
    </row>
    <row r="3773" spans="1:11" ht="13.7" customHeight="1">
      <c r="A3773" s="745"/>
      <c r="B3773" s="740"/>
      <c r="C3773" s="526"/>
      <c r="D3773" s="525"/>
      <c r="E3773" s="524"/>
      <c r="F3773" s="523" t="s">
        <v>651</v>
      </c>
      <c r="G3773" s="518" t="s">
        <v>651</v>
      </c>
      <c r="H3773" s="517"/>
      <c r="I3773" s="517"/>
      <c r="J3773" s="517"/>
      <c r="K3773" s="516"/>
    </row>
    <row r="3774" spans="1:11" ht="13.7" customHeight="1">
      <c r="A3774" s="739" t="s">
        <v>651</v>
      </c>
      <c r="B3774" s="740"/>
      <c r="C3774" s="522" t="s">
        <v>242</v>
      </c>
      <c r="D3774" s="521">
        <v>1</v>
      </c>
      <c r="E3774" s="520"/>
      <c r="F3774" s="519"/>
      <c r="G3774" s="518" t="s">
        <v>651</v>
      </c>
      <c r="H3774" s="517"/>
      <c r="I3774" s="517"/>
      <c r="J3774" s="517"/>
      <c r="K3774" s="516"/>
    </row>
    <row r="3775" spans="1:11" ht="13.7" customHeight="1">
      <c r="A3775" s="741"/>
      <c r="B3775" s="742"/>
      <c r="C3775" s="515"/>
      <c r="D3775" s="514"/>
      <c r="E3775" s="513"/>
      <c r="F3775" s="512"/>
      <c r="G3775" s="511" t="s">
        <v>651</v>
      </c>
      <c r="H3775" s="510"/>
      <c r="I3775" s="510"/>
      <c r="J3775" s="510"/>
      <c r="K3775" s="509"/>
    </row>
    <row r="3776" spans="1:11" ht="13.7" customHeight="1">
      <c r="A3776" s="743" t="s">
        <v>651</v>
      </c>
      <c r="B3776" s="744"/>
      <c r="C3776" s="533"/>
      <c r="D3776" s="532"/>
      <c r="E3776" s="531"/>
      <c r="F3776" s="530"/>
      <c r="G3776" s="529" t="s">
        <v>651</v>
      </c>
      <c r="H3776" s="528"/>
      <c r="I3776" s="528"/>
      <c r="J3776" s="528"/>
      <c r="K3776" s="527"/>
    </row>
    <row r="3777" spans="1:11" ht="13.7" customHeight="1">
      <c r="A3777" s="745"/>
      <c r="B3777" s="740"/>
      <c r="C3777" s="526"/>
      <c r="D3777" s="525"/>
      <c r="E3777" s="524"/>
      <c r="F3777" s="523" t="s">
        <v>651</v>
      </c>
      <c r="G3777" s="518" t="s">
        <v>651</v>
      </c>
      <c r="H3777" s="517"/>
      <c r="I3777" s="517"/>
      <c r="J3777" s="517"/>
      <c r="K3777" s="516"/>
    </row>
    <row r="3778" spans="1:11" ht="13.7" customHeight="1">
      <c r="A3778" s="739" t="s">
        <v>652</v>
      </c>
      <c r="B3778" s="740"/>
      <c r="C3778" s="522" t="s">
        <v>242</v>
      </c>
      <c r="D3778" s="521">
        <v>1</v>
      </c>
      <c r="E3778" s="520"/>
      <c r="F3778" s="519"/>
      <c r="G3778" s="518" t="s">
        <v>651</v>
      </c>
      <c r="H3778" s="517"/>
      <c r="I3778" s="517"/>
      <c r="J3778" s="517"/>
      <c r="K3778" s="516"/>
    </row>
    <row r="3779" spans="1:11" ht="13.7" customHeight="1">
      <c r="A3779" s="741"/>
      <c r="B3779" s="742"/>
      <c r="C3779" s="515"/>
      <c r="D3779" s="514"/>
      <c r="E3779" s="513"/>
      <c r="F3779" s="512"/>
      <c r="G3779" s="511" t="s">
        <v>651</v>
      </c>
      <c r="H3779" s="510"/>
      <c r="I3779" s="510"/>
      <c r="J3779" s="510"/>
      <c r="K3779" s="509"/>
    </row>
    <row r="3780" spans="1:11" ht="13.7" customHeight="1">
      <c r="A3780" s="743" t="s">
        <v>651</v>
      </c>
      <c r="B3780" s="744"/>
      <c r="C3780" s="533"/>
      <c r="D3780" s="532"/>
      <c r="E3780" s="531"/>
      <c r="F3780" s="530"/>
      <c r="G3780" s="529" t="s">
        <v>651</v>
      </c>
      <c r="H3780" s="528"/>
      <c r="I3780" s="528"/>
      <c r="J3780" s="528"/>
      <c r="K3780" s="527"/>
    </row>
    <row r="3781" spans="1:11" ht="13.7" customHeight="1">
      <c r="A3781" s="745"/>
      <c r="B3781" s="740"/>
      <c r="C3781" s="526"/>
      <c r="D3781" s="525"/>
      <c r="E3781" s="524"/>
      <c r="F3781" s="523" t="s">
        <v>651</v>
      </c>
      <c r="G3781" s="518" t="s">
        <v>651</v>
      </c>
      <c r="H3781" s="517"/>
      <c r="I3781" s="517"/>
      <c r="J3781" s="517"/>
      <c r="K3781" s="516"/>
    </row>
    <row r="3782" spans="1:11" ht="13.7" customHeight="1">
      <c r="A3782" s="739" t="s">
        <v>681</v>
      </c>
      <c r="B3782" s="740"/>
      <c r="C3782" s="522" t="s">
        <v>242</v>
      </c>
      <c r="D3782" s="521">
        <v>1</v>
      </c>
      <c r="E3782" s="520" t="s">
        <v>1002</v>
      </c>
      <c r="F3782" s="519"/>
      <c r="G3782" s="518" t="s">
        <v>651</v>
      </c>
      <c r="H3782" s="517"/>
      <c r="I3782" s="517"/>
      <c r="J3782" s="517"/>
      <c r="K3782" s="516"/>
    </row>
    <row r="3783" spans="1:11" ht="13.7" customHeight="1">
      <c r="A3783" s="741"/>
      <c r="B3783" s="742"/>
      <c r="C3783" s="515"/>
      <c r="D3783" s="514"/>
      <c r="E3783" s="513"/>
      <c r="F3783" s="512"/>
      <c r="G3783" s="511" t="s">
        <v>651</v>
      </c>
      <c r="H3783" s="510"/>
      <c r="I3783" s="510"/>
      <c r="J3783" s="510"/>
      <c r="K3783" s="509"/>
    </row>
    <row r="3784" spans="1:11" ht="13.7" customHeight="1"/>
    <row r="3785" spans="1:11" ht="13.7" customHeight="1"/>
    <row r="3786" spans="1:11" ht="13.7" customHeight="1"/>
    <row r="3787" spans="1:11" ht="13.7" customHeight="1"/>
    <row r="3788" spans="1:11" ht="13.7" customHeight="1"/>
    <row r="3789" spans="1:11" ht="13.7" customHeight="1"/>
    <row r="3790" spans="1:11" ht="13.7" customHeight="1"/>
    <row r="3791" spans="1:11" ht="13.7" customHeight="1"/>
    <row r="3792" spans="1:11" ht="13.7" customHeight="1"/>
    <row r="3793" spans="1:11" ht="13.7" customHeight="1"/>
    <row r="3794" spans="1:11" ht="13.7" customHeight="1"/>
    <row r="3795" spans="1:11" ht="13.7" customHeight="1"/>
    <row r="3796" spans="1:11" ht="13.7" customHeight="1"/>
    <row r="3797" spans="1:11" ht="13.7" customHeight="1"/>
    <row r="3798" spans="1:11" ht="6.2" customHeight="1"/>
    <row r="3799" spans="1:11" ht="14.1" customHeight="1">
      <c r="A3799" s="543" t="s">
        <v>1041</v>
      </c>
      <c r="B3799" s="540" t="s">
        <v>1040</v>
      </c>
      <c r="C3799" s="540"/>
      <c r="D3799" s="540"/>
      <c r="E3799" s="540"/>
      <c r="F3799" s="540"/>
      <c r="G3799" s="542" t="s">
        <v>617</v>
      </c>
      <c r="H3799" s="541" t="s">
        <v>855</v>
      </c>
      <c r="I3799" s="540" t="s">
        <v>1007</v>
      </c>
      <c r="J3799" s="540"/>
      <c r="K3799" s="539"/>
    </row>
    <row r="3800" spans="1:11" ht="24" customHeight="1">
      <c r="A3800" s="538" t="s">
        <v>651</v>
      </c>
      <c r="B3800" s="537" t="s">
        <v>651</v>
      </c>
      <c r="C3800" s="537"/>
      <c r="D3800" s="537"/>
      <c r="E3800" s="537"/>
      <c r="F3800" s="537"/>
      <c r="G3800" s="751">
        <v>1</v>
      </c>
      <c r="H3800" s="751"/>
      <c r="I3800" s="751"/>
      <c r="J3800" s="536" t="s">
        <v>242</v>
      </c>
      <c r="K3800" s="535" t="s">
        <v>618</v>
      </c>
    </row>
    <row r="3801" spans="1:11" ht="17.100000000000001" customHeight="1">
      <c r="A3801" s="746" t="s">
        <v>1006</v>
      </c>
      <c r="B3801" s="747"/>
      <c r="C3801" s="534" t="s">
        <v>309</v>
      </c>
      <c r="D3801" s="534" t="s">
        <v>619</v>
      </c>
      <c r="E3801" s="534" t="s">
        <v>620</v>
      </c>
      <c r="F3801" s="534" t="s">
        <v>659</v>
      </c>
      <c r="G3801" s="748" t="s">
        <v>1005</v>
      </c>
      <c r="H3801" s="749"/>
      <c r="I3801" s="749"/>
      <c r="J3801" s="749"/>
      <c r="K3801" s="750"/>
    </row>
    <row r="3802" spans="1:11" ht="13.7" customHeight="1">
      <c r="A3802" s="743" t="s">
        <v>1039</v>
      </c>
      <c r="B3802" s="744"/>
      <c r="C3802" s="533"/>
      <c r="D3802" s="532"/>
      <c r="E3802" s="531"/>
      <c r="F3802" s="530"/>
      <c r="G3802" s="529" t="s">
        <v>651</v>
      </c>
      <c r="H3802" s="528"/>
      <c r="I3802" s="528"/>
      <c r="J3802" s="528"/>
      <c r="K3802" s="527"/>
    </row>
    <row r="3803" spans="1:11" ht="13.7" customHeight="1">
      <c r="A3803" s="745"/>
      <c r="B3803" s="740"/>
      <c r="C3803" s="526"/>
      <c r="D3803" s="525"/>
      <c r="E3803" s="524"/>
      <c r="F3803" s="523" t="s">
        <v>651</v>
      </c>
      <c r="G3803" s="518" t="s">
        <v>651</v>
      </c>
      <c r="H3803" s="517"/>
      <c r="I3803" s="517"/>
      <c r="J3803" s="517"/>
      <c r="K3803" s="516"/>
    </row>
    <row r="3804" spans="1:11" ht="13.7" customHeight="1">
      <c r="A3804" s="739" t="s">
        <v>698</v>
      </c>
      <c r="B3804" s="740"/>
      <c r="C3804" s="522" t="s">
        <v>240</v>
      </c>
      <c r="D3804" s="521">
        <v>17.5</v>
      </c>
      <c r="E3804" s="520"/>
      <c r="F3804" s="519"/>
      <c r="G3804" s="518" t="s">
        <v>651</v>
      </c>
      <c r="H3804" s="517"/>
      <c r="I3804" s="517"/>
      <c r="J3804" s="517"/>
      <c r="K3804" s="516"/>
    </row>
    <row r="3805" spans="1:11" ht="13.7" customHeight="1">
      <c r="A3805" s="741"/>
      <c r="B3805" s="742"/>
      <c r="C3805" s="515"/>
      <c r="D3805" s="514"/>
      <c r="E3805" s="513"/>
      <c r="F3805" s="512"/>
      <c r="G3805" s="511" t="s">
        <v>651</v>
      </c>
      <c r="H3805" s="510"/>
      <c r="I3805" s="510"/>
      <c r="J3805" s="510"/>
      <c r="K3805" s="509"/>
    </row>
    <row r="3806" spans="1:11" ht="13.7" customHeight="1">
      <c r="A3806" s="743" t="s">
        <v>1038</v>
      </c>
      <c r="B3806" s="744"/>
      <c r="C3806" s="533"/>
      <c r="D3806" s="532"/>
      <c r="E3806" s="531"/>
      <c r="F3806" s="530"/>
      <c r="G3806" s="529" t="s">
        <v>651</v>
      </c>
      <c r="H3806" s="528"/>
      <c r="I3806" s="528"/>
      <c r="J3806" s="528"/>
      <c r="K3806" s="527"/>
    </row>
    <row r="3807" spans="1:11" ht="13.7" customHeight="1">
      <c r="A3807" s="745"/>
      <c r="B3807" s="740"/>
      <c r="C3807" s="526"/>
      <c r="D3807" s="525"/>
      <c r="E3807" s="524"/>
      <c r="F3807" s="523" t="s">
        <v>651</v>
      </c>
      <c r="G3807" s="518" t="s">
        <v>651</v>
      </c>
      <c r="H3807" s="517"/>
      <c r="I3807" s="517"/>
      <c r="J3807" s="517"/>
      <c r="K3807" s="516"/>
    </row>
    <row r="3808" spans="1:11" ht="13.7" customHeight="1">
      <c r="A3808" s="739" t="s">
        <v>698</v>
      </c>
      <c r="B3808" s="740"/>
      <c r="C3808" s="522" t="s">
        <v>246</v>
      </c>
      <c r="D3808" s="521">
        <v>5</v>
      </c>
      <c r="E3808" s="520"/>
      <c r="F3808" s="519"/>
      <c r="G3808" s="518" t="s">
        <v>651</v>
      </c>
      <c r="H3808" s="517"/>
      <c r="I3808" s="517"/>
      <c r="J3808" s="517"/>
      <c r="K3808" s="516"/>
    </row>
    <row r="3809" spans="1:11" ht="13.7" customHeight="1">
      <c r="A3809" s="741"/>
      <c r="B3809" s="742"/>
      <c r="C3809" s="515"/>
      <c r="D3809" s="514"/>
      <c r="E3809" s="513"/>
      <c r="F3809" s="512"/>
      <c r="G3809" s="511" t="s">
        <v>651</v>
      </c>
      <c r="H3809" s="510"/>
      <c r="I3809" s="510"/>
      <c r="J3809" s="510"/>
      <c r="K3809" s="509"/>
    </row>
    <row r="3810" spans="1:11" ht="13.7" customHeight="1">
      <c r="A3810" s="743" t="s">
        <v>1037</v>
      </c>
      <c r="B3810" s="744"/>
      <c r="C3810" s="533"/>
      <c r="D3810" s="532"/>
      <c r="E3810" s="531"/>
      <c r="F3810" s="530"/>
      <c r="G3810" s="529" t="s">
        <v>651</v>
      </c>
      <c r="H3810" s="528"/>
      <c r="I3810" s="528"/>
      <c r="J3810" s="528"/>
      <c r="K3810" s="527"/>
    </row>
    <row r="3811" spans="1:11" ht="13.7" customHeight="1">
      <c r="A3811" s="745"/>
      <c r="B3811" s="740"/>
      <c r="C3811" s="526"/>
      <c r="D3811" s="525"/>
      <c r="E3811" s="524"/>
      <c r="F3811" s="523" t="s">
        <v>651</v>
      </c>
      <c r="G3811" s="518" t="s">
        <v>651</v>
      </c>
      <c r="H3811" s="517"/>
      <c r="I3811" s="517"/>
      <c r="J3811" s="517"/>
      <c r="K3811" s="516"/>
    </row>
    <row r="3812" spans="1:11" ht="13.7" customHeight="1">
      <c r="A3812" s="739" t="s">
        <v>698</v>
      </c>
      <c r="B3812" s="740"/>
      <c r="C3812" s="522" t="s">
        <v>246</v>
      </c>
      <c r="D3812" s="521">
        <v>3</v>
      </c>
      <c r="E3812" s="520"/>
      <c r="F3812" s="519"/>
      <c r="G3812" s="518" t="s">
        <v>651</v>
      </c>
      <c r="H3812" s="517"/>
      <c r="I3812" s="517"/>
      <c r="J3812" s="517"/>
      <c r="K3812" s="516"/>
    </row>
    <row r="3813" spans="1:11" ht="13.7" customHeight="1">
      <c r="A3813" s="741"/>
      <c r="B3813" s="742"/>
      <c r="C3813" s="515"/>
      <c r="D3813" s="514"/>
      <c r="E3813" s="513"/>
      <c r="F3813" s="512"/>
      <c r="G3813" s="511" t="s">
        <v>651</v>
      </c>
      <c r="H3813" s="510"/>
      <c r="I3813" s="510"/>
      <c r="J3813" s="510"/>
      <c r="K3813" s="509"/>
    </row>
    <row r="3814" spans="1:11" ht="13.7" customHeight="1">
      <c r="A3814" s="743" t="s">
        <v>1036</v>
      </c>
      <c r="B3814" s="744"/>
      <c r="C3814" s="533"/>
      <c r="D3814" s="532"/>
      <c r="E3814" s="531"/>
      <c r="F3814" s="530"/>
      <c r="G3814" s="529" t="s">
        <v>651</v>
      </c>
      <c r="H3814" s="528"/>
      <c r="I3814" s="528"/>
      <c r="J3814" s="528"/>
      <c r="K3814" s="527"/>
    </row>
    <row r="3815" spans="1:11" ht="13.7" customHeight="1">
      <c r="A3815" s="745"/>
      <c r="B3815" s="740"/>
      <c r="C3815" s="526"/>
      <c r="D3815" s="525"/>
      <c r="E3815" s="524"/>
      <c r="F3815" s="523" t="s">
        <v>651</v>
      </c>
      <c r="G3815" s="518" t="s">
        <v>651</v>
      </c>
      <c r="H3815" s="517"/>
      <c r="I3815" s="517"/>
      <c r="J3815" s="517"/>
      <c r="K3815" s="516"/>
    </row>
    <row r="3816" spans="1:11" ht="13.7" customHeight="1">
      <c r="A3816" s="739" t="s">
        <v>698</v>
      </c>
      <c r="B3816" s="740"/>
      <c r="C3816" s="522" t="s">
        <v>246</v>
      </c>
      <c r="D3816" s="521">
        <v>2</v>
      </c>
      <c r="E3816" s="520"/>
      <c r="F3816" s="519"/>
      <c r="G3816" s="518" t="s">
        <v>651</v>
      </c>
      <c r="H3816" s="517"/>
      <c r="I3816" s="517"/>
      <c r="J3816" s="517"/>
      <c r="K3816" s="516"/>
    </row>
    <row r="3817" spans="1:11" ht="13.7" customHeight="1">
      <c r="A3817" s="741"/>
      <c r="B3817" s="742"/>
      <c r="C3817" s="515"/>
      <c r="D3817" s="514"/>
      <c r="E3817" s="513"/>
      <c r="F3817" s="512"/>
      <c r="G3817" s="511" t="s">
        <v>651</v>
      </c>
      <c r="H3817" s="510"/>
      <c r="I3817" s="510"/>
      <c r="J3817" s="510"/>
      <c r="K3817" s="509"/>
    </row>
    <row r="3818" spans="1:11" ht="13.7" customHeight="1">
      <c r="A3818" s="743" t="s">
        <v>651</v>
      </c>
      <c r="B3818" s="744"/>
      <c r="C3818" s="533"/>
      <c r="D3818" s="532"/>
      <c r="E3818" s="531"/>
      <c r="F3818" s="530"/>
      <c r="G3818" s="529" t="s">
        <v>651</v>
      </c>
      <c r="H3818" s="528"/>
      <c r="I3818" s="528"/>
      <c r="J3818" s="528"/>
      <c r="K3818" s="527"/>
    </row>
    <row r="3819" spans="1:11" ht="13.7" customHeight="1">
      <c r="A3819" s="745"/>
      <c r="B3819" s="740"/>
      <c r="C3819" s="526"/>
      <c r="D3819" s="525"/>
      <c r="E3819" s="524"/>
      <c r="F3819" s="523" t="s">
        <v>651</v>
      </c>
      <c r="G3819" s="518" t="s">
        <v>651</v>
      </c>
      <c r="H3819" s="517"/>
      <c r="I3819" s="517"/>
      <c r="J3819" s="517"/>
      <c r="K3819" s="516"/>
    </row>
    <row r="3820" spans="1:11" ht="13.7" customHeight="1">
      <c r="A3820" s="739" t="s">
        <v>652</v>
      </c>
      <c r="B3820" s="740"/>
      <c r="C3820" s="522" t="s">
        <v>242</v>
      </c>
      <c r="D3820" s="521">
        <v>1</v>
      </c>
      <c r="E3820" s="520"/>
      <c r="F3820" s="519"/>
      <c r="G3820" s="518" t="s">
        <v>651</v>
      </c>
      <c r="H3820" s="517"/>
      <c r="I3820" s="517"/>
      <c r="J3820" s="517"/>
      <c r="K3820" s="516"/>
    </row>
    <row r="3821" spans="1:11" ht="13.7" customHeight="1">
      <c r="A3821" s="741"/>
      <c r="B3821" s="742"/>
      <c r="C3821" s="515"/>
      <c r="D3821" s="514"/>
      <c r="E3821" s="513"/>
      <c r="F3821" s="512"/>
      <c r="G3821" s="511" t="s">
        <v>651</v>
      </c>
      <c r="H3821" s="510"/>
      <c r="I3821" s="510"/>
      <c r="J3821" s="510"/>
      <c r="K3821" s="509"/>
    </row>
    <row r="3822" spans="1:11" ht="13.7" customHeight="1">
      <c r="A3822" s="743" t="s">
        <v>651</v>
      </c>
      <c r="B3822" s="744"/>
      <c r="C3822" s="533"/>
      <c r="D3822" s="532"/>
      <c r="E3822" s="531"/>
      <c r="F3822" s="530"/>
      <c r="G3822" s="529" t="s">
        <v>651</v>
      </c>
      <c r="H3822" s="528"/>
      <c r="I3822" s="528"/>
      <c r="J3822" s="528"/>
      <c r="K3822" s="527"/>
    </row>
    <row r="3823" spans="1:11" ht="13.7" customHeight="1">
      <c r="A3823" s="745"/>
      <c r="B3823" s="740"/>
      <c r="C3823" s="526"/>
      <c r="D3823" s="525"/>
      <c r="E3823" s="524"/>
      <c r="F3823" s="523" t="s">
        <v>651</v>
      </c>
      <c r="G3823" s="518" t="s">
        <v>651</v>
      </c>
      <c r="H3823" s="517"/>
      <c r="I3823" s="517"/>
      <c r="J3823" s="517"/>
      <c r="K3823" s="516"/>
    </row>
    <row r="3824" spans="1:11" ht="13.7" customHeight="1">
      <c r="A3824" s="739" t="s">
        <v>681</v>
      </c>
      <c r="B3824" s="740"/>
      <c r="C3824" s="522" t="s">
        <v>242</v>
      </c>
      <c r="D3824" s="521">
        <v>1</v>
      </c>
      <c r="E3824" s="520" t="s">
        <v>1002</v>
      </c>
      <c r="F3824" s="519"/>
      <c r="G3824" s="518" t="s">
        <v>651</v>
      </c>
      <c r="H3824" s="517"/>
      <c r="I3824" s="517"/>
      <c r="J3824" s="517"/>
      <c r="K3824" s="516"/>
    </row>
    <row r="3825" spans="1:11" ht="13.7" customHeight="1">
      <c r="A3825" s="741"/>
      <c r="B3825" s="742"/>
      <c r="C3825" s="515"/>
      <c r="D3825" s="514"/>
      <c r="E3825" s="513"/>
      <c r="F3825" s="512"/>
      <c r="G3825" s="511" t="s">
        <v>651</v>
      </c>
      <c r="H3825" s="510"/>
      <c r="I3825" s="510"/>
      <c r="J3825" s="510"/>
      <c r="K3825" s="509"/>
    </row>
    <row r="3826" spans="1:11" ht="13.7" customHeight="1"/>
    <row r="3827" spans="1:11" ht="13.7" customHeight="1"/>
    <row r="3828" spans="1:11" ht="13.7" customHeight="1"/>
    <row r="3829" spans="1:11" ht="13.7" customHeight="1"/>
    <row r="3830" spans="1:11" ht="13.7" customHeight="1"/>
    <row r="3831" spans="1:11" ht="13.7" customHeight="1"/>
    <row r="3832" spans="1:11" ht="13.7" customHeight="1"/>
    <row r="3833" spans="1:11" ht="13.7" customHeight="1"/>
    <row r="3834" spans="1:11" ht="13.7" customHeight="1"/>
    <row r="3835" spans="1:11" ht="13.7" customHeight="1"/>
    <row r="3836" spans="1:11" ht="6.2" customHeight="1"/>
    <row r="3837" spans="1:11" ht="14.1" customHeight="1">
      <c r="A3837" s="543" t="s">
        <v>1035</v>
      </c>
      <c r="B3837" s="540" t="s">
        <v>1034</v>
      </c>
      <c r="C3837" s="540"/>
      <c r="D3837" s="540"/>
      <c r="E3837" s="540"/>
      <c r="F3837" s="540"/>
      <c r="G3837" s="542" t="s">
        <v>617</v>
      </c>
      <c r="H3837" s="541" t="s">
        <v>852</v>
      </c>
      <c r="I3837" s="540" t="s">
        <v>1007</v>
      </c>
      <c r="J3837" s="540"/>
      <c r="K3837" s="539"/>
    </row>
    <row r="3838" spans="1:11" ht="24" customHeight="1">
      <c r="A3838" s="538" t="s">
        <v>651</v>
      </c>
      <c r="B3838" s="537" t="s">
        <v>651</v>
      </c>
      <c r="C3838" s="537"/>
      <c r="D3838" s="537"/>
      <c r="E3838" s="537"/>
      <c r="F3838" s="537"/>
      <c r="G3838" s="751">
        <v>1</v>
      </c>
      <c r="H3838" s="751"/>
      <c r="I3838" s="751"/>
      <c r="J3838" s="536" t="s">
        <v>242</v>
      </c>
      <c r="K3838" s="535" t="s">
        <v>618</v>
      </c>
    </row>
    <row r="3839" spans="1:11" ht="17.100000000000001" customHeight="1">
      <c r="A3839" s="746" t="s">
        <v>1006</v>
      </c>
      <c r="B3839" s="747"/>
      <c r="C3839" s="534" t="s">
        <v>309</v>
      </c>
      <c r="D3839" s="534" t="s">
        <v>619</v>
      </c>
      <c r="E3839" s="534" t="s">
        <v>620</v>
      </c>
      <c r="F3839" s="534" t="s">
        <v>659</v>
      </c>
      <c r="G3839" s="748" t="s">
        <v>1005</v>
      </c>
      <c r="H3839" s="749"/>
      <c r="I3839" s="749"/>
      <c r="J3839" s="749"/>
      <c r="K3839" s="750"/>
    </row>
    <row r="3840" spans="1:11" ht="13.7" customHeight="1">
      <c r="A3840" s="743" t="s">
        <v>707</v>
      </c>
      <c r="B3840" s="744"/>
      <c r="C3840" s="533"/>
      <c r="D3840" s="532"/>
      <c r="E3840" s="531"/>
      <c r="F3840" s="530"/>
      <c r="G3840" s="529" t="s">
        <v>1033</v>
      </c>
      <c r="H3840" s="528"/>
      <c r="I3840" s="528"/>
      <c r="J3840" s="528"/>
      <c r="K3840" s="527"/>
    </row>
    <row r="3841" spans="1:11" ht="13.7" customHeight="1">
      <c r="A3841" s="745"/>
      <c r="B3841" s="740"/>
      <c r="C3841" s="526"/>
      <c r="D3841" s="525"/>
      <c r="E3841" s="524"/>
      <c r="F3841" s="523" t="s">
        <v>651</v>
      </c>
      <c r="G3841" s="518" t="s">
        <v>651</v>
      </c>
      <c r="H3841" s="517"/>
      <c r="I3841" s="517"/>
      <c r="J3841" s="517"/>
      <c r="K3841" s="516"/>
    </row>
    <row r="3842" spans="1:11" ht="13.7" customHeight="1">
      <c r="A3842" s="739" t="s">
        <v>702</v>
      </c>
      <c r="B3842" s="740"/>
      <c r="C3842" s="522" t="s">
        <v>240</v>
      </c>
      <c r="D3842" s="521">
        <v>18.3</v>
      </c>
      <c r="E3842" s="520"/>
      <c r="F3842" s="519"/>
      <c r="G3842" s="518" t="s">
        <v>651</v>
      </c>
      <c r="H3842" s="517"/>
      <c r="I3842" s="517"/>
      <c r="J3842" s="517"/>
      <c r="K3842" s="516"/>
    </row>
    <row r="3843" spans="1:11" ht="13.7" customHeight="1">
      <c r="A3843" s="741"/>
      <c r="B3843" s="742"/>
      <c r="C3843" s="515"/>
      <c r="D3843" s="514"/>
      <c r="E3843" s="513"/>
      <c r="F3843" s="512"/>
      <c r="G3843" s="511" t="s">
        <v>651</v>
      </c>
      <c r="H3843" s="510"/>
      <c r="I3843" s="510"/>
      <c r="J3843" s="510"/>
      <c r="K3843" s="509"/>
    </row>
    <row r="3844" spans="1:11" ht="13.7" customHeight="1">
      <c r="A3844" s="743" t="s">
        <v>705</v>
      </c>
      <c r="B3844" s="744"/>
      <c r="C3844" s="533"/>
      <c r="D3844" s="532"/>
      <c r="E3844" s="531"/>
      <c r="F3844" s="530"/>
      <c r="G3844" s="529" t="s">
        <v>1032</v>
      </c>
      <c r="H3844" s="528"/>
      <c r="I3844" s="528"/>
      <c r="J3844" s="528"/>
      <c r="K3844" s="527"/>
    </row>
    <row r="3845" spans="1:11" ht="13.7" customHeight="1">
      <c r="A3845" s="745"/>
      <c r="B3845" s="740"/>
      <c r="C3845" s="526"/>
      <c r="D3845" s="525"/>
      <c r="E3845" s="524"/>
      <c r="F3845" s="523" t="s">
        <v>651</v>
      </c>
      <c r="G3845" s="518" t="s">
        <v>651</v>
      </c>
      <c r="H3845" s="517"/>
      <c r="I3845" s="517"/>
      <c r="J3845" s="517"/>
      <c r="K3845" s="516"/>
    </row>
    <row r="3846" spans="1:11" ht="13.7" customHeight="1">
      <c r="A3846" s="739" t="s">
        <v>702</v>
      </c>
      <c r="B3846" s="740"/>
      <c r="C3846" s="522" t="s">
        <v>697</v>
      </c>
      <c r="D3846" s="521">
        <v>8</v>
      </c>
      <c r="E3846" s="520"/>
      <c r="F3846" s="519"/>
      <c r="G3846" s="518" t="s">
        <v>651</v>
      </c>
      <c r="H3846" s="517"/>
      <c r="I3846" s="517"/>
      <c r="J3846" s="517"/>
      <c r="K3846" s="516"/>
    </row>
    <row r="3847" spans="1:11" ht="13.7" customHeight="1">
      <c r="A3847" s="741"/>
      <c r="B3847" s="742"/>
      <c r="C3847" s="515"/>
      <c r="D3847" s="514"/>
      <c r="E3847" s="513"/>
      <c r="F3847" s="512"/>
      <c r="G3847" s="511" t="s">
        <v>651</v>
      </c>
      <c r="H3847" s="510"/>
      <c r="I3847" s="510"/>
      <c r="J3847" s="510"/>
      <c r="K3847" s="509"/>
    </row>
    <row r="3848" spans="1:11" ht="13.7" customHeight="1">
      <c r="A3848" s="743" t="s">
        <v>1658</v>
      </c>
      <c r="B3848" s="744"/>
      <c r="C3848" s="533"/>
      <c r="D3848" s="532"/>
      <c r="E3848" s="531"/>
      <c r="F3848" s="530"/>
      <c r="G3848" s="529" t="s">
        <v>1031</v>
      </c>
      <c r="H3848" s="528"/>
      <c r="I3848" s="528"/>
      <c r="J3848" s="528"/>
      <c r="K3848" s="527"/>
    </row>
    <row r="3849" spans="1:11" ht="13.7" customHeight="1">
      <c r="A3849" s="745"/>
      <c r="B3849" s="740"/>
      <c r="C3849" s="526"/>
      <c r="D3849" s="525"/>
      <c r="E3849" s="524"/>
      <c r="F3849" s="523" t="s">
        <v>651</v>
      </c>
      <c r="G3849" s="518" t="s">
        <v>651</v>
      </c>
      <c r="H3849" s="517"/>
      <c r="I3849" s="517"/>
      <c r="J3849" s="517"/>
      <c r="K3849" s="516"/>
    </row>
    <row r="3850" spans="1:11" ht="13.7" customHeight="1">
      <c r="A3850" s="739" t="s">
        <v>702</v>
      </c>
      <c r="B3850" s="740"/>
      <c r="C3850" s="522" t="s">
        <v>697</v>
      </c>
      <c r="D3850" s="521">
        <v>20</v>
      </c>
      <c r="E3850" s="520"/>
      <c r="F3850" s="519"/>
      <c r="G3850" s="518" t="s">
        <v>651</v>
      </c>
      <c r="H3850" s="517"/>
      <c r="I3850" s="517"/>
      <c r="J3850" s="517"/>
      <c r="K3850" s="516"/>
    </row>
    <row r="3851" spans="1:11" ht="13.7" customHeight="1">
      <c r="A3851" s="741"/>
      <c r="B3851" s="742"/>
      <c r="C3851" s="515"/>
      <c r="D3851" s="514"/>
      <c r="E3851" s="513"/>
      <c r="F3851" s="512"/>
      <c r="G3851" s="511" t="s">
        <v>651</v>
      </c>
      <c r="H3851" s="510"/>
      <c r="I3851" s="510"/>
      <c r="J3851" s="510"/>
      <c r="K3851" s="509"/>
    </row>
    <row r="3852" spans="1:11" ht="13.7" customHeight="1">
      <c r="A3852" s="743" t="s">
        <v>696</v>
      </c>
      <c r="B3852" s="744"/>
      <c r="C3852" s="533"/>
      <c r="D3852" s="532"/>
      <c r="E3852" s="531"/>
      <c r="F3852" s="530"/>
      <c r="G3852" s="529" t="s">
        <v>1030</v>
      </c>
      <c r="H3852" s="528"/>
      <c r="I3852" s="528"/>
      <c r="J3852" s="528"/>
      <c r="K3852" s="527"/>
    </row>
    <row r="3853" spans="1:11" ht="13.7" customHeight="1">
      <c r="A3853" s="745"/>
      <c r="B3853" s="740"/>
      <c r="C3853" s="526"/>
      <c r="D3853" s="525"/>
      <c r="E3853" s="524"/>
      <c r="F3853" s="523" t="s">
        <v>651</v>
      </c>
      <c r="G3853" s="518" t="s">
        <v>651</v>
      </c>
      <c r="H3853" s="517"/>
      <c r="I3853" s="517"/>
      <c r="J3853" s="517"/>
      <c r="K3853" s="516"/>
    </row>
    <row r="3854" spans="1:11" ht="13.7" customHeight="1">
      <c r="A3854" s="739" t="s">
        <v>698</v>
      </c>
      <c r="B3854" s="740"/>
      <c r="C3854" s="522" t="s">
        <v>697</v>
      </c>
      <c r="D3854" s="521">
        <v>2</v>
      </c>
      <c r="E3854" s="520"/>
      <c r="F3854" s="519"/>
      <c r="G3854" s="518" t="s">
        <v>651</v>
      </c>
      <c r="H3854" s="517"/>
      <c r="I3854" s="517"/>
      <c r="J3854" s="517"/>
      <c r="K3854" s="516"/>
    </row>
    <row r="3855" spans="1:11" ht="13.7" customHeight="1">
      <c r="A3855" s="741"/>
      <c r="B3855" s="742"/>
      <c r="C3855" s="515"/>
      <c r="D3855" s="514"/>
      <c r="E3855" s="513"/>
      <c r="F3855" s="512"/>
      <c r="G3855" s="511" t="s">
        <v>651</v>
      </c>
      <c r="H3855" s="510"/>
      <c r="I3855" s="510"/>
      <c r="J3855" s="510"/>
      <c r="K3855" s="509"/>
    </row>
    <row r="3856" spans="1:11" ht="13.7" customHeight="1">
      <c r="A3856" s="743" t="s">
        <v>1029</v>
      </c>
      <c r="B3856" s="744"/>
      <c r="C3856" s="533"/>
      <c r="D3856" s="532"/>
      <c r="E3856" s="531"/>
      <c r="F3856" s="530"/>
      <c r="G3856" s="529" t="s">
        <v>1028</v>
      </c>
      <c r="H3856" s="528"/>
      <c r="I3856" s="528"/>
      <c r="J3856" s="528"/>
      <c r="K3856" s="527"/>
    </row>
    <row r="3857" spans="1:11" ht="13.7" customHeight="1">
      <c r="A3857" s="745"/>
      <c r="B3857" s="740"/>
      <c r="C3857" s="526"/>
      <c r="D3857" s="525"/>
      <c r="E3857" s="524"/>
      <c r="F3857" s="523" t="s">
        <v>651</v>
      </c>
      <c r="G3857" s="518" t="s">
        <v>651</v>
      </c>
      <c r="H3857" s="517"/>
      <c r="I3857" s="517"/>
      <c r="J3857" s="517"/>
      <c r="K3857" s="516"/>
    </row>
    <row r="3858" spans="1:11" ht="13.7" customHeight="1">
      <c r="A3858" s="739" t="s">
        <v>651</v>
      </c>
      <c r="B3858" s="740"/>
      <c r="C3858" s="522" t="s">
        <v>240</v>
      </c>
      <c r="D3858" s="521">
        <v>18.3</v>
      </c>
      <c r="E3858" s="520"/>
      <c r="F3858" s="519"/>
      <c r="G3858" s="518" t="s">
        <v>651</v>
      </c>
      <c r="H3858" s="517"/>
      <c r="I3858" s="517"/>
      <c r="J3858" s="517"/>
      <c r="K3858" s="516"/>
    </row>
    <row r="3859" spans="1:11" ht="13.7" customHeight="1">
      <c r="A3859" s="741"/>
      <c r="B3859" s="742"/>
      <c r="C3859" s="515"/>
      <c r="D3859" s="514"/>
      <c r="E3859" s="513"/>
      <c r="F3859" s="512"/>
      <c r="G3859" s="511" t="s">
        <v>651</v>
      </c>
      <c r="H3859" s="510"/>
      <c r="I3859" s="510"/>
      <c r="J3859" s="510"/>
      <c r="K3859" s="509"/>
    </row>
    <row r="3860" spans="1:11" ht="13.7" customHeight="1">
      <c r="A3860" s="743" t="s">
        <v>1027</v>
      </c>
      <c r="B3860" s="744"/>
      <c r="C3860" s="533"/>
      <c r="D3860" s="532"/>
      <c r="E3860" s="531"/>
      <c r="F3860" s="530"/>
      <c r="G3860" s="529" t="s">
        <v>1026</v>
      </c>
      <c r="H3860" s="528"/>
      <c r="I3860" s="528"/>
      <c r="J3860" s="528"/>
      <c r="K3860" s="527"/>
    </row>
    <row r="3861" spans="1:11" ht="13.7" customHeight="1">
      <c r="A3861" s="745"/>
      <c r="B3861" s="740"/>
      <c r="C3861" s="526"/>
      <c r="D3861" s="525"/>
      <c r="E3861" s="524"/>
      <c r="F3861" s="523" t="s">
        <v>651</v>
      </c>
      <c r="G3861" s="518" t="s">
        <v>651</v>
      </c>
      <c r="H3861" s="517"/>
      <c r="I3861" s="517"/>
      <c r="J3861" s="517"/>
      <c r="K3861" s="516"/>
    </row>
    <row r="3862" spans="1:11" ht="13.7" customHeight="1">
      <c r="A3862" s="739" t="s">
        <v>651</v>
      </c>
      <c r="B3862" s="740"/>
      <c r="C3862" s="522" t="s">
        <v>1025</v>
      </c>
      <c r="D3862" s="521">
        <v>1</v>
      </c>
      <c r="E3862" s="520"/>
      <c r="F3862" s="519"/>
      <c r="G3862" s="518" t="s">
        <v>651</v>
      </c>
      <c r="H3862" s="517"/>
      <c r="I3862" s="517"/>
      <c r="J3862" s="517"/>
      <c r="K3862" s="516"/>
    </row>
    <row r="3863" spans="1:11" ht="13.7" customHeight="1">
      <c r="A3863" s="741"/>
      <c r="B3863" s="742"/>
      <c r="C3863" s="515"/>
      <c r="D3863" s="514"/>
      <c r="E3863" s="513"/>
      <c r="F3863" s="512"/>
      <c r="G3863" s="511" t="s">
        <v>651</v>
      </c>
      <c r="H3863" s="510"/>
      <c r="I3863" s="510"/>
      <c r="J3863" s="510"/>
      <c r="K3863" s="509"/>
    </row>
    <row r="3864" spans="1:11" ht="13.7" customHeight="1">
      <c r="A3864" s="743" t="s">
        <v>651</v>
      </c>
      <c r="B3864" s="744"/>
      <c r="C3864" s="533"/>
      <c r="D3864" s="532"/>
      <c r="E3864" s="531"/>
      <c r="F3864" s="530"/>
      <c r="G3864" s="529" t="s">
        <v>651</v>
      </c>
      <c r="H3864" s="528"/>
      <c r="I3864" s="528"/>
      <c r="J3864" s="528"/>
      <c r="K3864" s="527"/>
    </row>
    <row r="3865" spans="1:11" ht="13.7" customHeight="1">
      <c r="A3865" s="745"/>
      <c r="B3865" s="740"/>
      <c r="C3865" s="526"/>
      <c r="D3865" s="525"/>
      <c r="E3865" s="524"/>
      <c r="F3865" s="523" t="s">
        <v>651</v>
      </c>
      <c r="G3865" s="518" t="s">
        <v>651</v>
      </c>
      <c r="H3865" s="517"/>
      <c r="I3865" s="517"/>
      <c r="J3865" s="517"/>
      <c r="K3865" s="516"/>
    </row>
    <row r="3866" spans="1:11" ht="13.7" customHeight="1">
      <c r="A3866" s="739" t="s">
        <v>652</v>
      </c>
      <c r="B3866" s="740"/>
      <c r="C3866" s="522" t="s">
        <v>242</v>
      </c>
      <c r="D3866" s="521">
        <v>1</v>
      </c>
      <c r="E3866" s="520"/>
      <c r="F3866" s="519"/>
      <c r="G3866" s="518" t="s">
        <v>651</v>
      </c>
      <c r="H3866" s="517"/>
      <c r="I3866" s="517"/>
      <c r="J3866" s="517"/>
      <c r="K3866" s="516"/>
    </row>
    <row r="3867" spans="1:11" ht="13.7" customHeight="1">
      <c r="A3867" s="741"/>
      <c r="B3867" s="742"/>
      <c r="C3867" s="515"/>
      <c r="D3867" s="514"/>
      <c r="E3867" s="513"/>
      <c r="F3867" s="512"/>
      <c r="G3867" s="511" t="s">
        <v>651</v>
      </c>
      <c r="H3867" s="510"/>
      <c r="I3867" s="510"/>
      <c r="J3867" s="510"/>
      <c r="K3867" s="509"/>
    </row>
    <row r="3868" spans="1:11" ht="13.7" customHeight="1">
      <c r="A3868" s="743" t="s">
        <v>651</v>
      </c>
      <c r="B3868" s="744"/>
      <c r="C3868" s="533"/>
      <c r="D3868" s="532"/>
      <c r="E3868" s="531"/>
      <c r="F3868" s="530"/>
      <c r="G3868" s="529" t="s">
        <v>651</v>
      </c>
      <c r="H3868" s="528"/>
      <c r="I3868" s="528"/>
      <c r="J3868" s="528"/>
      <c r="K3868" s="527"/>
    </row>
    <row r="3869" spans="1:11" ht="13.7" customHeight="1">
      <c r="A3869" s="745"/>
      <c r="B3869" s="740"/>
      <c r="C3869" s="526"/>
      <c r="D3869" s="525"/>
      <c r="E3869" s="524"/>
      <c r="F3869" s="523" t="s">
        <v>651</v>
      </c>
      <c r="G3869" s="518" t="s">
        <v>651</v>
      </c>
      <c r="H3869" s="517"/>
      <c r="I3869" s="517"/>
      <c r="J3869" s="517"/>
      <c r="K3869" s="516"/>
    </row>
    <row r="3870" spans="1:11" ht="13.7" customHeight="1">
      <c r="A3870" s="739" t="s">
        <v>681</v>
      </c>
      <c r="B3870" s="740"/>
      <c r="C3870" s="522" t="s">
        <v>242</v>
      </c>
      <c r="D3870" s="521">
        <v>1</v>
      </c>
      <c r="E3870" s="520" t="s">
        <v>1002</v>
      </c>
      <c r="F3870" s="519"/>
      <c r="G3870" s="518" t="s">
        <v>651</v>
      </c>
      <c r="H3870" s="517"/>
      <c r="I3870" s="517"/>
      <c r="J3870" s="517"/>
      <c r="K3870" s="516"/>
    </row>
    <row r="3871" spans="1:11" ht="13.7" customHeight="1">
      <c r="A3871" s="741"/>
      <c r="B3871" s="742"/>
      <c r="C3871" s="515"/>
      <c r="D3871" s="514"/>
      <c r="E3871" s="513"/>
      <c r="F3871" s="512"/>
      <c r="G3871" s="511" t="s">
        <v>651</v>
      </c>
      <c r="H3871" s="510"/>
      <c r="I3871" s="510"/>
      <c r="J3871" s="510"/>
      <c r="K3871" s="509"/>
    </row>
    <row r="3872" spans="1:11" ht="13.7" customHeight="1"/>
    <row r="3873" spans="1:11" ht="13.7" customHeight="1"/>
    <row r="3874" spans="1:11" ht="6.2" customHeight="1"/>
    <row r="3875" spans="1:11" ht="14.1" customHeight="1">
      <c r="A3875" s="543" t="s">
        <v>1009</v>
      </c>
      <c r="B3875" s="540" t="s">
        <v>1008</v>
      </c>
      <c r="C3875" s="540"/>
      <c r="D3875" s="540"/>
      <c r="E3875" s="540"/>
      <c r="F3875" s="540"/>
      <c r="G3875" s="542" t="s">
        <v>617</v>
      </c>
      <c r="H3875" s="541" t="s">
        <v>851</v>
      </c>
      <c r="I3875" s="540" t="s">
        <v>1007</v>
      </c>
      <c r="J3875" s="540"/>
      <c r="K3875" s="539"/>
    </row>
    <row r="3876" spans="1:11" ht="24" customHeight="1">
      <c r="A3876" s="538" t="s">
        <v>651</v>
      </c>
      <c r="B3876" s="537" t="s">
        <v>651</v>
      </c>
      <c r="C3876" s="537"/>
      <c r="D3876" s="537"/>
      <c r="E3876" s="537"/>
      <c r="F3876" s="537"/>
      <c r="G3876" s="751">
        <v>1</v>
      </c>
      <c r="H3876" s="751"/>
      <c r="I3876" s="751"/>
      <c r="J3876" s="536" t="s">
        <v>242</v>
      </c>
      <c r="K3876" s="535" t="s">
        <v>618</v>
      </c>
    </row>
    <row r="3877" spans="1:11" ht="17.100000000000001" customHeight="1">
      <c r="A3877" s="746" t="s">
        <v>1006</v>
      </c>
      <c r="B3877" s="747"/>
      <c r="C3877" s="534" t="s">
        <v>309</v>
      </c>
      <c r="D3877" s="534" t="s">
        <v>619</v>
      </c>
      <c r="E3877" s="534" t="s">
        <v>620</v>
      </c>
      <c r="F3877" s="534" t="s">
        <v>659</v>
      </c>
      <c r="G3877" s="748" t="s">
        <v>1005</v>
      </c>
      <c r="H3877" s="749"/>
      <c r="I3877" s="749"/>
      <c r="J3877" s="749"/>
      <c r="K3877" s="750"/>
    </row>
    <row r="3878" spans="1:11" ht="13.7" customHeight="1">
      <c r="A3878" s="743" t="s">
        <v>1024</v>
      </c>
      <c r="B3878" s="744"/>
      <c r="C3878" s="533"/>
      <c r="D3878" s="532"/>
      <c r="E3878" s="531"/>
      <c r="F3878" s="530"/>
      <c r="G3878" s="529" t="s">
        <v>1023</v>
      </c>
      <c r="H3878" s="528"/>
      <c r="I3878" s="528"/>
      <c r="J3878" s="528"/>
      <c r="K3878" s="527"/>
    </row>
    <row r="3879" spans="1:11" ht="13.7" customHeight="1">
      <c r="A3879" s="745"/>
      <c r="B3879" s="740"/>
      <c r="C3879" s="526"/>
      <c r="D3879" s="525"/>
      <c r="E3879" s="524"/>
      <c r="F3879" s="523" t="s">
        <v>651</v>
      </c>
      <c r="G3879" s="518" t="s">
        <v>651</v>
      </c>
      <c r="H3879" s="517"/>
      <c r="I3879" s="517"/>
      <c r="J3879" s="517"/>
      <c r="K3879" s="516"/>
    </row>
    <row r="3880" spans="1:11" ht="13.7" customHeight="1">
      <c r="A3880" s="739" t="s">
        <v>1022</v>
      </c>
      <c r="B3880" s="740"/>
      <c r="C3880" s="522" t="s">
        <v>240</v>
      </c>
      <c r="D3880" s="521">
        <v>20</v>
      </c>
      <c r="E3880" s="520"/>
      <c r="F3880" s="519"/>
      <c r="G3880" s="518" t="s">
        <v>651</v>
      </c>
      <c r="H3880" s="517"/>
      <c r="I3880" s="517"/>
      <c r="J3880" s="517"/>
      <c r="K3880" s="516"/>
    </row>
    <row r="3881" spans="1:11" ht="13.7" customHeight="1">
      <c r="A3881" s="741"/>
      <c r="B3881" s="742"/>
      <c r="C3881" s="515"/>
      <c r="D3881" s="514"/>
      <c r="E3881" s="513"/>
      <c r="F3881" s="512"/>
      <c r="G3881" s="511" t="s">
        <v>651</v>
      </c>
      <c r="H3881" s="510"/>
      <c r="I3881" s="510"/>
      <c r="J3881" s="510"/>
      <c r="K3881" s="509"/>
    </row>
    <row r="3882" spans="1:11" ht="13.7" customHeight="1">
      <c r="A3882" s="743" t="s">
        <v>1021</v>
      </c>
      <c r="B3882" s="744"/>
      <c r="C3882" s="533"/>
      <c r="D3882" s="532"/>
      <c r="E3882" s="531"/>
      <c r="F3882" s="530"/>
      <c r="G3882" s="529" t="s">
        <v>1020</v>
      </c>
      <c r="H3882" s="528"/>
      <c r="I3882" s="528"/>
      <c r="J3882" s="528"/>
      <c r="K3882" s="527"/>
    </row>
    <row r="3883" spans="1:11" ht="13.7" customHeight="1">
      <c r="A3883" s="745"/>
      <c r="B3883" s="740"/>
      <c r="C3883" s="526"/>
      <c r="D3883" s="525"/>
      <c r="E3883" s="524"/>
      <c r="F3883" s="523" t="s">
        <v>651</v>
      </c>
      <c r="G3883" s="518" t="s">
        <v>651</v>
      </c>
      <c r="H3883" s="517"/>
      <c r="I3883" s="517"/>
      <c r="J3883" s="517"/>
      <c r="K3883" s="516"/>
    </row>
    <row r="3884" spans="1:11" ht="13.7" customHeight="1">
      <c r="A3884" s="739" t="s">
        <v>1019</v>
      </c>
      <c r="B3884" s="740"/>
      <c r="C3884" s="522" t="s">
        <v>194</v>
      </c>
      <c r="D3884" s="521">
        <v>7</v>
      </c>
      <c r="E3884" s="520"/>
      <c r="F3884" s="519"/>
      <c r="G3884" s="518" t="s">
        <v>651</v>
      </c>
      <c r="H3884" s="517"/>
      <c r="I3884" s="517"/>
      <c r="J3884" s="517"/>
      <c r="K3884" s="516"/>
    </row>
    <row r="3885" spans="1:11" ht="13.7" customHeight="1">
      <c r="A3885" s="741"/>
      <c r="B3885" s="742"/>
      <c r="C3885" s="515"/>
      <c r="D3885" s="514"/>
      <c r="E3885" s="513"/>
      <c r="F3885" s="512"/>
      <c r="G3885" s="511" t="s">
        <v>651</v>
      </c>
      <c r="H3885" s="510"/>
      <c r="I3885" s="510"/>
      <c r="J3885" s="510"/>
      <c r="K3885" s="509"/>
    </row>
    <row r="3886" spans="1:11" ht="13.7" customHeight="1">
      <c r="A3886" s="743" t="s">
        <v>892</v>
      </c>
      <c r="B3886" s="744"/>
      <c r="C3886" s="533"/>
      <c r="D3886" s="532"/>
      <c r="E3886" s="531"/>
      <c r="F3886" s="530"/>
      <c r="G3886" s="529" t="s">
        <v>1018</v>
      </c>
      <c r="H3886" s="528"/>
      <c r="I3886" s="528"/>
      <c r="J3886" s="528"/>
      <c r="K3886" s="527"/>
    </row>
    <row r="3887" spans="1:11" ht="13.7" customHeight="1">
      <c r="A3887" s="745"/>
      <c r="B3887" s="740"/>
      <c r="C3887" s="526"/>
      <c r="D3887" s="525"/>
      <c r="E3887" s="524"/>
      <c r="F3887" s="523" t="s">
        <v>651</v>
      </c>
      <c r="G3887" s="518" t="s">
        <v>651</v>
      </c>
      <c r="H3887" s="517"/>
      <c r="I3887" s="517"/>
      <c r="J3887" s="517"/>
      <c r="K3887" s="516"/>
    </row>
    <row r="3888" spans="1:11" ht="13.7" customHeight="1">
      <c r="A3888" s="739" t="s">
        <v>1017</v>
      </c>
      <c r="B3888" s="740"/>
      <c r="C3888" s="522" t="s">
        <v>194</v>
      </c>
      <c r="D3888" s="521">
        <v>7</v>
      </c>
      <c r="E3888" s="520"/>
      <c r="F3888" s="519"/>
      <c r="G3888" s="518" t="s">
        <v>651</v>
      </c>
      <c r="H3888" s="517"/>
      <c r="I3888" s="517"/>
      <c r="J3888" s="517"/>
      <c r="K3888" s="516"/>
    </row>
    <row r="3889" spans="1:11" ht="13.7" customHeight="1">
      <c r="A3889" s="741"/>
      <c r="B3889" s="742"/>
      <c r="C3889" s="515"/>
      <c r="D3889" s="514"/>
      <c r="E3889" s="513"/>
      <c r="F3889" s="512"/>
      <c r="G3889" s="511" t="s">
        <v>651</v>
      </c>
      <c r="H3889" s="510"/>
      <c r="I3889" s="510"/>
      <c r="J3889" s="510"/>
      <c r="K3889" s="509"/>
    </row>
    <row r="3890" spans="1:11" ht="13.7" customHeight="1">
      <c r="A3890" s="743" t="s">
        <v>958</v>
      </c>
      <c r="B3890" s="744"/>
      <c r="C3890" s="533"/>
      <c r="D3890" s="532"/>
      <c r="E3890" s="531"/>
      <c r="F3890" s="530"/>
      <c r="G3890" s="529" t="s">
        <v>1016</v>
      </c>
      <c r="H3890" s="528"/>
      <c r="I3890" s="528"/>
      <c r="J3890" s="528"/>
      <c r="K3890" s="527"/>
    </row>
    <row r="3891" spans="1:11" ht="13.7" customHeight="1">
      <c r="A3891" s="745"/>
      <c r="B3891" s="740"/>
      <c r="C3891" s="526"/>
      <c r="D3891" s="525"/>
      <c r="E3891" s="524"/>
      <c r="F3891" s="523" t="s">
        <v>651</v>
      </c>
      <c r="G3891" s="518" t="s">
        <v>651</v>
      </c>
      <c r="H3891" s="517"/>
      <c r="I3891" s="517"/>
      <c r="J3891" s="517"/>
      <c r="K3891" s="516"/>
    </row>
    <row r="3892" spans="1:11" ht="13.7" customHeight="1">
      <c r="A3892" s="739" t="s">
        <v>1686</v>
      </c>
      <c r="B3892" s="740"/>
      <c r="C3892" s="522" t="s">
        <v>193</v>
      </c>
      <c r="D3892" s="521">
        <v>5</v>
      </c>
      <c r="E3892" s="520"/>
      <c r="F3892" s="519"/>
      <c r="G3892" s="518" t="s">
        <v>651</v>
      </c>
      <c r="H3892" s="517"/>
      <c r="I3892" s="517"/>
      <c r="J3892" s="517"/>
      <c r="K3892" s="516"/>
    </row>
    <row r="3893" spans="1:11" ht="13.7" customHeight="1">
      <c r="A3893" s="741"/>
      <c r="B3893" s="742"/>
      <c r="C3893" s="515"/>
      <c r="D3893" s="514"/>
      <c r="E3893" s="513"/>
      <c r="F3893" s="512"/>
      <c r="G3893" s="511" t="s">
        <v>651</v>
      </c>
      <c r="H3893" s="510"/>
      <c r="I3893" s="510"/>
      <c r="J3893" s="510"/>
      <c r="K3893" s="509"/>
    </row>
    <row r="3894" spans="1:11" ht="13.7" customHeight="1">
      <c r="A3894" s="743" t="s">
        <v>1015</v>
      </c>
      <c r="B3894" s="744"/>
      <c r="C3894" s="533"/>
      <c r="D3894" s="532"/>
      <c r="E3894" s="531"/>
      <c r="F3894" s="530"/>
      <c r="G3894" s="529" t="s">
        <v>1014</v>
      </c>
      <c r="H3894" s="528"/>
      <c r="I3894" s="528"/>
      <c r="J3894" s="528"/>
      <c r="K3894" s="527"/>
    </row>
    <row r="3895" spans="1:11" ht="13.7" customHeight="1">
      <c r="A3895" s="745"/>
      <c r="B3895" s="740"/>
      <c r="C3895" s="526"/>
      <c r="D3895" s="525"/>
      <c r="E3895" s="524"/>
      <c r="F3895" s="523" t="s">
        <v>651</v>
      </c>
      <c r="G3895" s="518" t="s">
        <v>651</v>
      </c>
      <c r="H3895" s="517"/>
      <c r="I3895" s="517"/>
      <c r="J3895" s="517"/>
      <c r="K3895" s="516"/>
    </row>
    <row r="3896" spans="1:11" ht="13.7" customHeight="1">
      <c r="A3896" s="739" t="s">
        <v>1013</v>
      </c>
      <c r="B3896" s="740"/>
      <c r="C3896" s="522" t="s">
        <v>193</v>
      </c>
      <c r="D3896" s="521">
        <v>1</v>
      </c>
      <c r="E3896" s="520"/>
      <c r="F3896" s="519"/>
      <c r="G3896" s="518" t="s">
        <v>651</v>
      </c>
      <c r="H3896" s="517"/>
      <c r="I3896" s="517"/>
      <c r="J3896" s="517"/>
      <c r="K3896" s="516"/>
    </row>
    <row r="3897" spans="1:11" ht="13.7" customHeight="1">
      <c r="A3897" s="741"/>
      <c r="B3897" s="742"/>
      <c r="C3897" s="515"/>
      <c r="D3897" s="514"/>
      <c r="E3897" s="513"/>
      <c r="F3897" s="512"/>
      <c r="G3897" s="511" t="s">
        <v>651</v>
      </c>
      <c r="H3897" s="510"/>
      <c r="I3897" s="510"/>
      <c r="J3897" s="510"/>
      <c r="K3897" s="509"/>
    </row>
    <row r="3898" spans="1:11" ht="13.7" customHeight="1">
      <c r="A3898" s="743" t="s">
        <v>951</v>
      </c>
      <c r="B3898" s="744"/>
      <c r="C3898" s="533"/>
      <c r="D3898" s="532"/>
      <c r="E3898" s="531"/>
      <c r="F3898" s="530"/>
      <c r="G3898" s="529" t="s">
        <v>1012</v>
      </c>
      <c r="H3898" s="528"/>
      <c r="I3898" s="528"/>
      <c r="J3898" s="528"/>
      <c r="K3898" s="527"/>
    </row>
    <row r="3899" spans="1:11" ht="13.7" customHeight="1">
      <c r="A3899" s="745"/>
      <c r="B3899" s="740"/>
      <c r="C3899" s="526"/>
      <c r="D3899" s="525"/>
      <c r="E3899" s="524"/>
      <c r="F3899" s="523" t="s">
        <v>651</v>
      </c>
      <c r="G3899" s="518" t="s">
        <v>651</v>
      </c>
      <c r="H3899" s="517"/>
      <c r="I3899" s="517"/>
      <c r="J3899" s="517"/>
      <c r="K3899" s="516"/>
    </row>
    <row r="3900" spans="1:11" ht="13.7" customHeight="1">
      <c r="A3900" s="739" t="s">
        <v>1686</v>
      </c>
      <c r="B3900" s="740"/>
      <c r="C3900" s="522" t="s">
        <v>193</v>
      </c>
      <c r="D3900" s="521">
        <v>2</v>
      </c>
      <c r="E3900" s="520"/>
      <c r="F3900" s="519"/>
      <c r="G3900" s="518" t="s">
        <v>651</v>
      </c>
      <c r="H3900" s="517"/>
      <c r="I3900" s="517"/>
      <c r="J3900" s="517"/>
      <c r="K3900" s="516"/>
    </row>
    <row r="3901" spans="1:11" ht="13.7" customHeight="1">
      <c r="A3901" s="741"/>
      <c r="B3901" s="742"/>
      <c r="C3901" s="515"/>
      <c r="D3901" s="514"/>
      <c r="E3901" s="513"/>
      <c r="F3901" s="512"/>
      <c r="G3901" s="511" t="s">
        <v>651</v>
      </c>
      <c r="H3901" s="510"/>
      <c r="I3901" s="510"/>
      <c r="J3901" s="510"/>
      <c r="K3901" s="509"/>
    </row>
    <row r="3902" spans="1:11" ht="13.7" customHeight="1">
      <c r="A3902" s="743" t="s">
        <v>1677</v>
      </c>
      <c r="B3902" s="744"/>
      <c r="C3902" s="533"/>
      <c r="D3902" s="532"/>
      <c r="E3902" s="531"/>
      <c r="F3902" s="530"/>
      <c r="G3902" s="529" t="s">
        <v>1011</v>
      </c>
      <c r="H3902" s="528"/>
      <c r="I3902" s="528"/>
      <c r="J3902" s="528"/>
      <c r="K3902" s="527"/>
    </row>
    <row r="3903" spans="1:11" ht="13.7" customHeight="1">
      <c r="A3903" s="745"/>
      <c r="B3903" s="740"/>
      <c r="C3903" s="526"/>
      <c r="D3903" s="525"/>
      <c r="E3903" s="524"/>
      <c r="F3903" s="523" t="s">
        <v>651</v>
      </c>
      <c r="G3903" s="518" t="s">
        <v>651</v>
      </c>
      <c r="H3903" s="517"/>
      <c r="I3903" s="517"/>
      <c r="J3903" s="517"/>
      <c r="K3903" s="516"/>
    </row>
    <row r="3904" spans="1:11" ht="13.7" customHeight="1">
      <c r="A3904" s="739" t="s">
        <v>1676</v>
      </c>
      <c r="B3904" s="740"/>
      <c r="C3904" s="522" t="s">
        <v>193</v>
      </c>
      <c r="D3904" s="521">
        <v>2</v>
      </c>
      <c r="E3904" s="520"/>
      <c r="F3904" s="519"/>
      <c r="G3904" s="518" t="s">
        <v>651</v>
      </c>
      <c r="H3904" s="517"/>
      <c r="I3904" s="517"/>
      <c r="J3904" s="517"/>
      <c r="K3904" s="516"/>
    </row>
    <row r="3905" spans="1:11" ht="13.7" customHeight="1">
      <c r="A3905" s="741"/>
      <c r="B3905" s="742"/>
      <c r="C3905" s="515"/>
      <c r="D3905" s="514"/>
      <c r="E3905" s="513"/>
      <c r="F3905" s="512"/>
      <c r="G3905" s="511" t="s">
        <v>651</v>
      </c>
      <c r="H3905" s="510"/>
      <c r="I3905" s="510"/>
      <c r="J3905" s="510"/>
      <c r="K3905" s="509"/>
    </row>
    <row r="3906" spans="1:11" ht="13.7" customHeight="1">
      <c r="A3906" s="743" t="s">
        <v>1673</v>
      </c>
      <c r="B3906" s="744"/>
      <c r="C3906" s="533"/>
      <c r="D3906" s="532"/>
      <c r="E3906" s="531"/>
      <c r="F3906" s="530"/>
      <c r="G3906" s="529" t="s">
        <v>1010</v>
      </c>
      <c r="H3906" s="528"/>
      <c r="I3906" s="528"/>
      <c r="J3906" s="528"/>
      <c r="K3906" s="527"/>
    </row>
    <row r="3907" spans="1:11" ht="13.7" customHeight="1">
      <c r="A3907" s="745"/>
      <c r="B3907" s="740"/>
      <c r="C3907" s="526"/>
      <c r="D3907" s="525"/>
      <c r="E3907" s="524"/>
      <c r="F3907" s="523" t="s">
        <v>651</v>
      </c>
      <c r="G3907" s="518" t="s">
        <v>651</v>
      </c>
      <c r="H3907" s="517"/>
      <c r="I3907" s="517"/>
      <c r="J3907" s="517"/>
      <c r="K3907" s="516"/>
    </row>
    <row r="3908" spans="1:11" ht="13.7" customHeight="1">
      <c r="A3908" s="739" t="s">
        <v>1672</v>
      </c>
      <c r="B3908" s="740"/>
      <c r="C3908" s="522" t="s">
        <v>194</v>
      </c>
      <c r="D3908" s="521">
        <v>4</v>
      </c>
      <c r="E3908" s="520"/>
      <c r="F3908" s="519"/>
      <c r="G3908" s="518" t="s">
        <v>651</v>
      </c>
      <c r="H3908" s="517"/>
      <c r="I3908" s="517"/>
      <c r="J3908" s="517"/>
      <c r="K3908" s="516"/>
    </row>
    <row r="3909" spans="1:11" ht="13.7" customHeight="1">
      <c r="A3909" s="741"/>
      <c r="B3909" s="742"/>
      <c r="C3909" s="515"/>
      <c r="D3909" s="514"/>
      <c r="E3909" s="513"/>
      <c r="F3909" s="512"/>
      <c r="G3909" s="511" t="s">
        <v>651</v>
      </c>
      <c r="H3909" s="510"/>
      <c r="I3909" s="510"/>
      <c r="J3909" s="510"/>
      <c r="K3909" s="509"/>
    </row>
    <row r="3910" spans="1:11" ht="13.7" customHeight="1"/>
    <row r="3911" spans="1:11" ht="13.7" customHeight="1"/>
    <row r="3912" spans="1:11" ht="6.2" customHeight="1"/>
    <row r="3913" spans="1:11" ht="14.1" customHeight="1">
      <c r="A3913" s="543" t="s">
        <v>1009</v>
      </c>
      <c r="B3913" s="540" t="s">
        <v>1008</v>
      </c>
      <c r="C3913" s="540"/>
      <c r="D3913" s="540"/>
      <c r="E3913" s="540"/>
      <c r="F3913" s="540"/>
      <c r="G3913" s="542" t="s">
        <v>617</v>
      </c>
      <c r="H3913" s="541" t="s">
        <v>851</v>
      </c>
      <c r="I3913" s="540" t="s">
        <v>1007</v>
      </c>
      <c r="J3913" s="540"/>
      <c r="K3913" s="539"/>
    </row>
    <row r="3914" spans="1:11" ht="24" customHeight="1">
      <c r="A3914" s="538" t="s">
        <v>651</v>
      </c>
      <c r="B3914" s="537" t="s">
        <v>651</v>
      </c>
      <c r="C3914" s="537"/>
      <c r="D3914" s="537"/>
      <c r="E3914" s="537"/>
      <c r="F3914" s="537"/>
      <c r="G3914" s="751">
        <v>1</v>
      </c>
      <c r="H3914" s="751"/>
      <c r="I3914" s="751"/>
      <c r="J3914" s="536" t="s">
        <v>242</v>
      </c>
      <c r="K3914" s="535" t="s">
        <v>618</v>
      </c>
    </row>
    <row r="3915" spans="1:11" ht="17.100000000000001" customHeight="1">
      <c r="A3915" s="746" t="s">
        <v>1006</v>
      </c>
      <c r="B3915" s="747"/>
      <c r="C3915" s="534" t="s">
        <v>309</v>
      </c>
      <c r="D3915" s="534" t="s">
        <v>619</v>
      </c>
      <c r="E3915" s="534" t="s">
        <v>620</v>
      </c>
      <c r="F3915" s="534" t="s">
        <v>659</v>
      </c>
      <c r="G3915" s="748" t="s">
        <v>1005</v>
      </c>
      <c r="H3915" s="749"/>
      <c r="I3915" s="749"/>
      <c r="J3915" s="749"/>
      <c r="K3915" s="750"/>
    </row>
    <row r="3916" spans="1:11" ht="13.7" customHeight="1">
      <c r="A3916" s="743" t="s">
        <v>880</v>
      </c>
      <c r="B3916" s="744"/>
      <c r="C3916" s="533"/>
      <c r="D3916" s="532"/>
      <c r="E3916" s="531"/>
      <c r="F3916" s="530"/>
      <c r="G3916" s="529" t="s">
        <v>1004</v>
      </c>
      <c r="H3916" s="528"/>
      <c r="I3916" s="528"/>
      <c r="J3916" s="528"/>
      <c r="K3916" s="527"/>
    </row>
    <row r="3917" spans="1:11" ht="13.7" customHeight="1">
      <c r="A3917" s="745"/>
      <c r="B3917" s="740"/>
      <c r="C3917" s="526"/>
      <c r="D3917" s="525"/>
      <c r="E3917" s="524"/>
      <c r="F3917" s="523" t="s">
        <v>651</v>
      </c>
      <c r="G3917" s="518" t="s">
        <v>651</v>
      </c>
      <c r="H3917" s="517"/>
      <c r="I3917" s="517"/>
      <c r="J3917" s="517"/>
      <c r="K3917" s="516"/>
    </row>
    <row r="3918" spans="1:11" ht="13.7" customHeight="1">
      <c r="A3918" s="739" t="s">
        <v>1695</v>
      </c>
      <c r="B3918" s="740"/>
      <c r="C3918" s="522" t="s">
        <v>193</v>
      </c>
      <c r="D3918" s="521">
        <v>0.2</v>
      </c>
      <c r="E3918" s="520"/>
      <c r="F3918" s="519"/>
      <c r="G3918" s="518" t="s">
        <v>651</v>
      </c>
      <c r="H3918" s="517"/>
      <c r="I3918" s="517"/>
      <c r="J3918" s="517"/>
      <c r="K3918" s="516"/>
    </row>
    <row r="3919" spans="1:11" ht="13.7" customHeight="1">
      <c r="A3919" s="741"/>
      <c r="B3919" s="742"/>
      <c r="C3919" s="515"/>
      <c r="D3919" s="514"/>
      <c r="E3919" s="513"/>
      <c r="F3919" s="512"/>
      <c r="G3919" s="511" t="s">
        <v>651</v>
      </c>
      <c r="H3919" s="510"/>
      <c r="I3919" s="510"/>
      <c r="J3919" s="510"/>
      <c r="K3919" s="509"/>
    </row>
    <row r="3920" spans="1:11" ht="13.7" customHeight="1">
      <c r="A3920" s="743" t="s">
        <v>981</v>
      </c>
      <c r="B3920" s="744"/>
      <c r="C3920" s="533"/>
      <c r="D3920" s="532"/>
      <c r="E3920" s="531"/>
      <c r="F3920" s="530"/>
      <c r="G3920" s="529" t="s">
        <v>1003</v>
      </c>
      <c r="H3920" s="528"/>
      <c r="I3920" s="528"/>
      <c r="J3920" s="528"/>
      <c r="K3920" s="527"/>
    </row>
    <row r="3921" spans="1:11" ht="13.7" customHeight="1">
      <c r="A3921" s="745"/>
      <c r="B3921" s="740"/>
      <c r="C3921" s="526"/>
      <c r="D3921" s="525"/>
      <c r="E3921" s="524"/>
      <c r="F3921" s="523" t="s">
        <v>651</v>
      </c>
      <c r="G3921" s="518" t="s">
        <v>651</v>
      </c>
      <c r="H3921" s="517"/>
      <c r="I3921" s="517"/>
      <c r="J3921" s="517"/>
      <c r="K3921" s="516"/>
    </row>
    <row r="3922" spans="1:11" ht="13.7" customHeight="1">
      <c r="A3922" s="739" t="s">
        <v>1691</v>
      </c>
      <c r="B3922" s="740"/>
      <c r="C3922" s="522" t="s">
        <v>193</v>
      </c>
      <c r="D3922" s="521">
        <v>0.2</v>
      </c>
      <c r="E3922" s="520"/>
      <c r="F3922" s="519"/>
      <c r="G3922" s="518" t="s">
        <v>651</v>
      </c>
      <c r="H3922" s="517"/>
      <c r="I3922" s="517"/>
      <c r="J3922" s="517"/>
      <c r="K3922" s="516"/>
    </row>
    <row r="3923" spans="1:11" ht="13.7" customHeight="1">
      <c r="A3923" s="741"/>
      <c r="B3923" s="742"/>
      <c r="C3923" s="515"/>
      <c r="D3923" s="514"/>
      <c r="E3923" s="513"/>
      <c r="F3923" s="512"/>
      <c r="G3923" s="511" t="s">
        <v>651</v>
      </c>
      <c r="H3923" s="510"/>
      <c r="I3923" s="510"/>
      <c r="J3923" s="510"/>
      <c r="K3923" s="509"/>
    </row>
    <row r="3924" spans="1:11" ht="13.7" customHeight="1">
      <c r="A3924" s="743" t="s">
        <v>651</v>
      </c>
      <c r="B3924" s="744"/>
      <c r="C3924" s="533"/>
      <c r="D3924" s="532"/>
      <c r="E3924" s="531"/>
      <c r="F3924" s="530"/>
      <c r="G3924" s="529" t="s">
        <v>651</v>
      </c>
      <c r="H3924" s="528"/>
      <c r="I3924" s="528"/>
      <c r="J3924" s="528"/>
      <c r="K3924" s="527"/>
    </row>
    <row r="3925" spans="1:11" ht="13.7" customHeight="1">
      <c r="A3925" s="745"/>
      <c r="B3925" s="740"/>
      <c r="C3925" s="526"/>
      <c r="D3925" s="525"/>
      <c r="E3925" s="524"/>
      <c r="F3925" s="523" t="s">
        <v>651</v>
      </c>
      <c r="G3925" s="518" t="s">
        <v>651</v>
      </c>
      <c r="H3925" s="517"/>
      <c r="I3925" s="517"/>
      <c r="J3925" s="517"/>
      <c r="K3925" s="516"/>
    </row>
    <row r="3926" spans="1:11" ht="13.7" customHeight="1">
      <c r="A3926" s="739" t="s">
        <v>652</v>
      </c>
      <c r="B3926" s="740"/>
      <c r="C3926" s="522" t="s">
        <v>242</v>
      </c>
      <c r="D3926" s="521">
        <v>1</v>
      </c>
      <c r="E3926" s="520"/>
      <c r="F3926" s="519"/>
      <c r="G3926" s="518" t="s">
        <v>651</v>
      </c>
      <c r="H3926" s="517"/>
      <c r="I3926" s="517"/>
      <c r="J3926" s="517"/>
      <c r="K3926" s="516"/>
    </row>
    <row r="3927" spans="1:11" ht="13.7" customHeight="1">
      <c r="A3927" s="741"/>
      <c r="B3927" s="742"/>
      <c r="C3927" s="515"/>
      <c r="D3927" s="514"/>
      <c r="E3927" s="513"/>
      <c r="F3927" s="512"/>
      <c r="G3927" s="511" t="s">
        <v>651</v>
      </c>
      <c r="H3927" s="510"/>
      <c r="I3927" s="510"/>
      <c r="J3927" s="510"/>
      <c r="K3927" s="509"/>
    </row>
    <row r="3928" spans="1:11" ht="13.7" customHeight="1">
      <c r="A3928" s="743" t="s">
        <v>651</v>
      </c>
      <c r="B3928" s="744"/>
      <c r="C3928" s="533"/>
      <c r="D3928" s="532"/>
      <c r="E3928" s="531"/>
      <c r="F3928" s="530"/>
      <c r="G3928" s="529" t="s">
        <v>651</v>
      </c>
      <c r="H3928" s="528"/>
      <c r="I3928" s="528"/>
      <c r="J3928" s="528"/>
      <c r="K3928" s="527"/>
    </row>
    <row r="3929" spans="1:11" ht="13.7" customHeight="1">
      <c r="A3929" s="745"/>
      <c r="B3929" s="740"/>
      <c r="C3929" s="526"/>
      <c r="D3929" s="525"/>
      <c r="E3929" s="524"/>
      <c r="F3929" s="523" t="s">
        <v>651</v>
      </c>
      <c r="G3929" s="518" t="s">
        <v>651</v>
      </c>
      <c r="H3929" s="517"/>
      <c r="I3929" s="517"/>
      <c r="J3929" s="517"/>
      <c r="K3929" s="516"/>
    </row>
    <row r="3930" spans="1:11" ht="13.7" customHeight="1">
      <c r="A3930" s="739" t="s">
        <v>681</v>
      </c>
      <c r="B3930" s="740"/>
      <c r="C3930" s="522" t="s">
        <v>242</v>
      </c>
      <c r="D3930" s="521">
        <v>1</v>
      </c>
      <c r="E3930" s="520" t="s">
        <v>1002</v>
      </c>
      <c r="F3930" s="519"/>
      <c r="G3930" s="518" t="s">
        <v>651</v>
      </c>
      <c r="H3930" s="517"/>
      <c r="I3930" s="517"/>
      <c r="J3930" s="517"/>
      <c r="K3930" s="516"/>
    </row>
    <row r="3931" spans="1:11" ht="13.7" customHeight="1">
      <c r="A3931" s="741"/>
      <c r="B3931" s="742"/>
      <c r="C3931" s="515"/>
      <c r="D3931" s="514"/>
      <c r="E3931" s="513"/>
      <c r="F3931" s="512"/>
      <c r="G3931" s="511" t="s">
        <v>651</v>
      </c>
      <c r="H3931" s="510"/>
      <c r="I3931" s="510"/>
      <c r="J3931" s="510"/>
      <c r="K3931" s="509"/>
    </row>
  </sheetData>
  <mergeCells count="1699">
    <mergeCell ref="G3:K3"/>
    <mergeCell ref="G2:I2"/>
    <mergeCell ref="A4:B5"/>
    <mergeCell ref="A6:B7"/>
    <mergeCell ref="A8:B9"/>
    <mergeCell ref="A10:B11"/>
    <mergeCell ref="A12:B13"/>
    <mergeCell ref="A14:B15"/>
    <mergeCell ref="A16:B17"/>
    <mergeCell ref="A3:B3"/>
    <mergeCell ref="A28:B29"/>
    <mergeCell ref="A30:B31"/>
    <mergeCell ref="A32:B33"/>
    <mergeCell ref="A34:B35"/>
    <mergeCell ref="A41:B41"/>
    <mergeCell ref="A18:B19"/>
    <mergeCell ref="A20:B21"/>
    <mergeCell ref="A22:B23"/>
    <mergeCell ref="A24:B25"/>
    <mergeCell ref="A26:B27"/>
    <mergeCell ref="G40:I40"/>
    <mergeCell ref="A42:B43"/>
    <mergeCell ref="A44:B45"/>
    <mergeCell ref="A49:B49"/>
    <mergeCell ref="G49:K49"/>
    <mergeCell ref="G48:I48"/>
    <mergeCell ref="A50:B51"/>
    <mergeCell ref="A52:B53"/>
    <mergeCell ref="A54:B55"/>
    <mergeCell ref="A56:B57"/>
    <mergeCell ref="A58:B59"/>
    <mergeCell ref="G41:K41"/>
    <mergeCell ref="G75:K75"/>
    <mergeCell ref="G74:I74"/>
    <mergeCell ref="A76:B77"/>
    <mergeCell ref="A78:B79"/>
    <mergeCell ref="A60:B61"/>
    <mergeCell ref="A62:B63"/>
    <mergeCell ref="A64:B65"/>
    <mergeCell ref="A66:B67"/>
    <mergeCell ref="A68:B69"/>
    <mergeCell ref="A80:B81"/>
    <mergeCell ref="A82:B83"/>
    <mergeCell ref="A84:B85"/>
    <mergeCell ref="A86:B87"/>
    <mergeCell ref="A88:B89"/>
    <mergeCell ref="A75:B75"/>
    <mergeCell ref="A100:B101"/>
    <mergeCell ref="A102:B103"/>
    <mergeCell ref="A113:B113"/>
    <mergeCell ref="G113:K113"/>
    <mergeCell ref="G112:I112"/>
    <mergeCell ref="A90:B91"/>
    <mergeCell ref="A92:B93"/>
    <mergeCell ref="A94:B95"/>
    <mergeCell ref="A96:B97"/>
    <mergeCell ref="A98:B99"/>
    <mergeCell ref="A124:B125"/>
    <mergeCell ref="A126:B127"/>
    <mergeCell ref="A128:B129"/>
    <mergeCell ref="A130:B131"/>
    <mergeCell ref="A132:B133"/>
    <mergeCell ref="A114:B115"/>
    <mergeCell ref="A116:B117"/>
    <mergeCell ref="A118:B119"/>
    <mergeCell ref="A120:B121"/>
    <mergeCell ref="A122:B123"/>
    <mergeCell ref="A144:B145"/>
    <mergeCell ref="A151:B151"/>
    <mergeCell ref="G151:K151"/>
    <mergeCell ref="G150:I150"/>
    <mergeCell ref="A152:B153"/>
    <mergeCell ref="A134:B135"/>
    <mergeCell ref="A136:B137"/>
    <mergeCell ref="A138:B139"/>
    <mergeCell ref="A140:B141"/>
    <mergeCell ref="A142:B143"/>
    <mergeCell ref="A164:B165"/>
    <mergeCell ref="A166:B167"/>
    <mergeCell ref="A168:B169"/>
    <mergeCell ref="A170:B171"/>
    <mergeCell ref="A172:B173"/>
    <mergeCell ref="A154:B155"/>
    <mergeCell ref="A156:B157"/>
    <mergeCell ref="A158:B159"/>
    <mergeCell ref="A160:B161"/>
    <mergeCell ref="A162:B163"/>
    <mergeCell ref="G188:I188"/>
    <mergeCell ref="A190:B191"/>
    <mergeCell ref="A192:B193"/>
    <mergeCell ref="A174:B175"/>
    <mergeCell ref="A176:B177"/>
    <mergeCell ref="A178:B179"/>
    <mergeCell ref="A180:B181"/>
    <mergeCell ref="A182:B183"/>
    <mergeCell ref="A197:B197"/>
    <mergeCell ref="G197:K197"/>
    <mergeCell ref="G196:I196"/>
    <mergeCell ref="A198:B199"/>
    <mergeCell ref="A200:B201"/>
    <mergeCell ref="A189:B189"/>
    <mergeCell ref="G189:K189"/>
    <mergeCell ref="G222:I222"/>
    <mergeCell ref="A202:B203"/>
    <mergeCell ref="A204:B205"/>
    <mergeCell ref="A206:B207"/>
    <mergeCell ref="A208:B209"/>
    <mergeCell ref="A210:B211"/>
    <mergeCell ref="A224:B225"/>
    <mergeCell ref="A226:B227"/>
    <mergeCell ref="A261:B261"/>
    <mergeCell ref="G261:K261"/>
    <mergeCell ref="G260:I260"/>
    <mergeCell ref="A212:B213"/>
    <mergeCell ref="A214:B215"/>
    <mergeCell ref="A216:B217"/>
    <mergeCell ref="A223:B223"/>
    <mergeCell ref="G223:K223"/>
    <mergeCell ref="A272:B273"/>
    <mergeCell ref="A274:B275"/>
    <mergeCell ref="A276:B277"/>
    <mergeCell ref="A278:B279"/>
    <mergeCell ref="A280:B281"/>
    <mergeCell ref="A262:B263"/>
    <mergeCell ref="A264:B265"/>
    <mergeCell ref="A266:B267"/>
    <mergeCell ref="A268:B269"/>
    <mergeCell ref="A270:B271"/>
    <mergeCell ref="G299:K299"/>
    <mergeCell ref="G298:I298"/>
    <mergeCell ref="A300:B301"/>
    <mergeCell ref="A282:B283"/>
    <mergeCell ref="A284:B285"/>
    <mergeCell ref="A286:B287"/>
    <mergeCell ref="A288:B289"/>
    <mergeCell ref="A290:B291"/>
    <mergeCell ref="A302:B303"/>
    <mergeCell ref="A304:B305"/>
    <mergeCell ref="A306:B307"/>
    <mergeCell ref="A308:B309"/>
    <mergeCell ref="A310:B311"/>
    <mergeCell ref="A292:B293"/>
    <mergeCell ref="A299:B299"/>
    <mergeCell ref="A322:B323"/>
    <mergeCell ref="A337:B337"/>
    <mergeCell ref="G337:K337"/>
    <mergeCell ref="G336:I336"/>
    <mergeCell ref="A338:B339"/>
    <mergeCell ref="A312:B313"/>
    <mergeCell ref="A314:B315"/>
    <mergeCell ref="A316:B317"/>
    <mergeCell ref="A318:B319"/>
    <mergeCell ref="A320:B321"/>
    <mergeCell ref="A350:B351"/>
    <mergeCell ref="A352:B353"/>
    <mergeCell ref="A354:B355"/>
    <mergeCell ref="A356:B357"/>
    <mergeCell ref="A358:B359"/>
    <mergeCell ref="A340:B341"/>
    <mergeCell ref="A342:B343"/>
    <mergeCell ref="A344:B345"/>
    <mergeCell ref="A346:B347"/>
    <mergeCell ref="A348:B349"/>
    <mergeCell ref="A360:B361"/>
    <mergeCell ref="A362:B363"/>
    <mergeCell ref="A364:B365"/>
    <mergeCell ref="A375:B375"/>
    <mergeCell ref="G375:K375"/>
    <mergeCell ref="G374:I374"/>
    <mergeCell ref="A386:B387"/>
    <mergeCell ref="A388:B389"/>
    <mergeCell ref="A390:B391"/>
    <mergeCell ref="A392:B393"/>
    <mergeCell ref="A394:B395"/>
    <mergeCell ref="A376:B377"/>
    <mergeCell ref="A378:B379"/>
    <mergeCell ref="A380:B381"/>
    <mergeCell ref="A382:B383"/>
    <mergeCell ref="A384:B385"/>
    <mergeCell ref="A406:B407"/>
    <mergeCell ref="A413:B413"/>
    <mergeCell ref="G413:K413"/>
    <mergeCell ref="G412:I412"/>
    <mergeCell ref="A414:B415"/>
    <mergeCell ref="A396:B397"/>
    <mergeCell ref="A398:B399"/>
    <mergeCell ref="A400:B401"/>
    <mergeCell ref="A402:B403"/>
    <mergeCell ref="A404:B405"/>
    <mergeCell ref="A426:B427"/>
    <mergeCell ref="A428:B429"/>
    <mergeCell ref="A430:B431"/>
    <mergeCell ref="A432:B433"/>
    <mergeCell ref="A434:B435"/>
    <mergeCell ref="A416:B417"/>
    <mergeCell ref="A418:B419"/>
    <mergeCell ref="A420:B421"/>
    <mergeCell ref="A422:B423"/>
    <mergeCell ref="A424:B425"/>
    <mergeCell ref="A451:B451"/>
    <mergeCell ref="G451:K451"/>
    <mergeCell ref="G450:I450"/>
    <mergeCell ref="A452:B453"/>
    <mergeCell ref="A454:B455"/>
    <mergeCell ref="A436:B437"/>
    <mergeCell ref="A438:B439"/>
    <mergeCell ref="A440:B441"/>
    <mergeCell ref="A442:B443"/>
    <mergeCell ref="A444:B445"/>
    <mergeCell ref="G489:K489"/>
    <mergeCell ref="G488:I488"/>
    <mergeCell ref="A456:B457"/>
    <mergeCell ref="A458:B459"/>
    <mergeCell ref="A460:B461"/>
    <mergeCell ref="A462:B463"/>
    <mergeCell ref="A464:B465"/>
    <mergeCell ref="A490:B491"/>
    <mergeCell ref="A492:B493"/>
    <mergeCell ref="A494:B495"/>
    <mergeCell ref="A496:B497"/>
    <mergeCell ref="A498:B499"/>
    <mergeCell ref="A466:B467"/>
    <mergeCell ref="A468:B469"/>
    <mergeCell ref="A470:B471"/>
    <mergeCell ref="A489:B489"/>
    <mergeCell ref="G527:K527"/>
    <mergeCell ref="G526:I526"/>
    <mergeCell ref="A500:B501"/>
    <mergeCell ref="A502:B503"/>
    <mergeCell ref="A504:B505"/>
    <mergeCell ref="A506:B507"/>
    <mergeCell ref="A508:B509"/>
    <mergeCell ref="A528:B529"/>
    <mergeCell ref="A530:B531"/>
    <mergeCell ref="A532:B533"/>
    <mergeCell ref="A534:B535"/>
    <mergeCell ref="A536:B537"/>
    <mergeCell ref="A510:B511"/>
    <mergeCell ref="A512:B513"/>
    <mergeCell ref="A527:B527"/>
    <mergeCell ref="G565:K565"/>
    <mergeCell ref="G564:I564"/>
    <mergeCell ref="A538:B539"/>
    <mergeCell ref="A540:B541"/>
    <mergeCell ref="A542:B543"/>
    <mergeCell ref="A544:B545"/>
    <mergeCell ref="A546:B547"/>
    <mergeCell ref="A566:B567"/>
    <mergeCell ref="A568:B569"/>
    <mergeCell ref="A570:B571"/>
    <mergeCell ref="A572:B573"/>
    <mergeCell ref="A574:B575"/>
    <mergeCell ref="A548:B549"/>
    <mergeCell ref="A550:B551"/>
    <mergeCell ref="A565:B565"/>
    <mergeCell ref="G603:K603"/>
    <mergeCell ref="G602:I602"/>
    <mergeCell ref="A604:B605"/>
    <mergeCell ref="A606:B607"/>
    <mergeCell ref="A576:B577"/>
    <mergeCell ref="A578:B579"/>
    <mergeCell ref="A580:B581"/>
    <mergeCell ref="A582:B583"/>
    <mergeCell ref="A584:B585"/>
    <mergeCell ref="A608:B609"/>
    <mergeCell ref="A610:B611"/>
    <mergeCell ref="A612:B613"/>
    <mergeCell ref="A614:B615"/>
    <mergeCell ref="A616:B617"/>
    <mergeCell ref="A603:B603"/>
    <mergeCell ref="A628:B629"/>
    <mergeCell ref="A630:B631"/>
    <mergeCell ref="A632:B633"/>
    <mergeCell ref="A634:B635"/>
    <mergeCell ref="A641:B641"/>
    <mergeCell ref="A618:B619"/>
    <mergeCell ref="A620:B621"/>
    <mergeCell ref="A622:B623"/>
    <mergeCell ref="A624:B625"/>
    <mergeCell ref="A626:B627"/>
    <mergeCell ref="G641:K641"/>
    <mergeCell ref="G640:I640"/>
    <mergeCell ref="A642:B643"/>
    <mergeCell ref="A644:B645"/>
    <mergeCell ref="A649:B649"/>
    <mergeCell ref="G649:K649"/>
    <mergeCell ref="G648:I648"/>
    <mergeCell ref="G675:K675"/>
    <mergeCell ref="G674:I674"/>
    <mergeCell ref="A676:B677"/>
    <mergeCell ref="A650:B651"/>
    <mergeCell ref="A652:B653"/>
    <mergeCell ref="A654:B655"/>
    <mergeCell ref="A656:B657"/>
    <mergeCell ref="A658:B659"/>
    <mergeCell ref="A678:B679"/>
    <mergeCell ref="A680:B681"/>
    <mergeCell ref="A682:B683"/>
    <mergeCell ref="A684:B685"/>
    <mergeCell ref="A686:B687"/>
    <mergeCell ref="A660:B661"/>
    <mergeCell ref="A675:B675"/>
    <mergeCell ref="G713:K713"/>
    <mergeCell ref="G712:I712"/>
    <mergeCell ref="A714:B715"/>
    <mergeCell ref="A688:B689"/>
    <mergeCell ref="A690:B691"/>
    <mergeCell ref="A692:B693"/>
    <mergeCell ref="A694:B695"/>
    <mergeCell ref="A696:B697"/>
    <mergeCell ref="A716:B717"/>
    <mergeCell ref="A718:B719"/>
    <mergeCell ref="A720:B721"/>
    <mergeCell ref="A722:B723"/>
    <mergeCell ref="A724:B725"/>
    <mergeCell ref="A698:B699"/>
    <mergeCell ref="A713:B713"/>
    <mergeCell ref="G751:K751"/>
    <mergeCell ref="G750:I750"/>
    <mergeCell ref="A726:B727"/>
    <mergeCell ref="A728:B729"/>
    <mergeCell ref="A730:B731"/>
    <mergeCell ref="A732:B733"/>
    <mergeCell ref="A734:B735"/>
    <mergeCell ref="A752:B753"/>
    <mergeCell ref="A754:B755"/>
    <mergeCell ref="A756:B757"/>
    <mergeCell ref="A758:B759"/>
    <mergeCell ref="A760:B761"/>
    <mergeCell ref="A736:B737"/>
    <mergeCell ref="A738:B739"/>
    <mergeCell ref="A740:B741"/>
    <mergeCell ref="A751:B751"/>
    <mergeCell ref="G789:K789"/>
    <mergeCell ref="G788:I788"/>
    <mergeCell ref="A790:B791"/>
    <mergeCell ref="A792:B793"/>
    <mergeCell ref="A762:B763"/>
    <mergeCell ref="A764:B765"/>
    <mergeCell ref="A766:B767"/>
    <mergeCell ref="A768:B769"/>
    <mergeCell ref="A770:B771"/>
    <mergeCell ref="A794:B795"/>
    <mergeCell ref="A796:B797"/>
    <mergeCell ref="A798:B799"/>
    <mergeCell ref="A800:B801"/>
    <mergeCell ref="A802:B803"/>
    <mergeCell ref="A789:B789"/>
    <mergeCell ref="G827:K827"/>
    <mergeCell ref="G826:I826"/>
    <mergeCell ref="A804:B805"/>
    <mergeCell ref="A806:B807"/>
    <mergeCell ref="A808:B809"/>
    <mergeCell ref="A810:B811"/>
    <mergeCell ref="A812:B813"/>
    <mergeCell ref="A828:B829"/>
    <mergeCell ref="A830:B831"/>
    <mergeCell ref="A832:B833"/>
    <mergeCell ref="A834:B835"/>
    <mergeCell ref="A836:B837"/>
    <mergeCell ref="A814:B815"/>
    <mergeCell ref="A816:B817"/>
    <mergeCell ref="A827:B827"/>
    <mergeCell ref="A838:B839"/>
    <mergeCell ref="A840:B841"/>
    <mergeCell ref="A842:B843"/>
    <mergeCell ref="A865:B865"/>
    <mergeCell ref="G865:K865"/>
    <mergeCell ref="G864:I864"/>
    <mergeCell ref="A876:B877"/>
    <mergeCell ref="A878:B879"/>
    <mergeCell ref="A880:B881"/>
    <mergeCell ref="A882:B883"/>
    <mergeCell ref="A884:B885"/>
    <mergeCell ref="A866:B867"/>
    <mergeCell ref="A868:B869"/>
    <mergeCell ref="A870:B871"/>
    <mergeCell ref="A872:B873"/>
    <mergeCell ref="A874:B875"/>
    <mergeCell ref="A896:B897"/>
    <mergeCell ref="A903:B903"/>
    <mergeCell ref="G903:K903"/>
    <mergeCell ref="G902:I902"/>
    <mergeCell ref="A904:B905"/>
    <mergeCell ref="A886:B887"/>
    <mergeCell ref="A888:B889"/>
    <mergeCell ref="A890:B891"/>
    <mergeCell ref="A892:B893"/>
    <mergeCell ref="A894:B895"/>
    <mergeCell ref="A941:B941"/>
    <mergeCell ref="G941:K941"/>
    <mergeCell ref="G940:I940"/>
    <mergeCell ref="A942:B943"/>
    <mergeCell ref="A944:B945"/>
    <mergeCell ref="A906:B907"/>
    <mergeCell ref="A908:B909"/>
    <mergeCell ref="A910:B911"/>
    <mergeCell ref="A912:B913"/>
    <mergeCell ref="A914:B915"/>
    <mergeCell ref="A956:B957"/>
    <mergeCell ref="A958:B959"/>
    <mergeCell ref="A960:B961"/>
    <mergeCell ref="A962:B963"/>
    <mergeCell ref="A964:B965"/>
    <mergeCell ref="A946:B947"/>
    <mergeCell ref="A948:B949"/>
    <mergeCell ref="A950:B951"/>
    <mergeCell ref="A952:B953"/>
    <mergeCell ref="A954:B955"/>
    <mergeCell ref="G978:I978"/>
    <mergeCell ref="A980:B981"/>
    <mergeCell ref="A982:B983"/>
    <mergeCell ref="A984:B985"/>
    <mergeCell ref="A966:B967"/>
    <mergeCell ref="A968:B969"/>
    <mergeCell ref="A970:B971"/>
    <mergeCell ref="A972:B973"/>
    <mergeCell ref="A979:B979"/>
    <mergeCell ref="A986:B987"/>
    <mergeCell ref="A988:B989"/>
    <mergeCell ref="A990:B991"/>
    <mergeCell ref="A992:B993"/>
    <mergeCell ref="A994:B995"/>
    <mergeCell ref="G979:K979"/>
    <mergeCell ref="G1017:K1017"/>
    <mergeCell ref="G1016:I1016"/>
    <mergeCell ref="A996:B997"/>
    <mergeCell ref="A998:B999"/>
    <mergeCell ref="A1000:B1001"/>
    <mergeCell ref="A1002:B1003"/>
    <mergeCell ref="A1004:B1005"/>
    <mergeCell ref="A1018:B1019"/>
    <mergeCell ref="A1020:B1021"/>
    <mergeCell ref="A1022:B1023"/>
    <mergeCell ref="A1024:B1025"/>
    <mergeCell ref="A1026:B1027"/>
    <mergeCell ref="A1006:B1007"/>
    <mergeCell ref="A1008:B1009"/>
    <mergeCell ref="A1010:B1011"/>
    <mergeCell ref="A1017:B1017"/>
    <mergeCell ref="A1038:B1039"/>
    <mergeCell ref="A1040:B1041"/>
    <mergeCell ref="A1042:B1043"/>
    <mergeCell ref="A1044:B1045"/>
    <mergeCell ref="A1046:B1047"/>
    <mergeCell ref="A1028:B1029"/>
    <mergeCell ref="A1030:B1031"/>
    <mergeCell ref="A1032:B1033"/>
    <mergeCell ref="A1034:B1035"/>
    <mergeCell ref="A1036:B1037"/>
    <mergeCell ref="G1093:K1093"/>
    <mergeCell ref="G1092:I1092"/>
    <mergeCell ref="A1094:B1095"/>
    <mergeCell ref="A1048:B1049"/>
    <mergeCell ref="A1055:B1055"/>
    <mergeCell ref="G1055:K1055"/>
    <mergeCell ref="G1054:I1054"/>
    <mergeCell ref="A1056:B1057"/>
    <mergeCell ref="A1096:B1097"/>
    <mergeCell ref="A1098:B1099"/>
    <mergeCell ref="A1100:B1101"/>
    <mergeCell ref="A1102:B1103"/>
    <mergeCell ref="A1104:B1105"/>
    <mergeCell ref="A1058:B1059"/>
    <mergeCell ref="A1093:B1093"/>
    <mergeCell ref="G1131:K1131"/>
    <mergeCell ref="G1130:I1130"/>
    <mergeCell ref="A1106:B1107"/>
    <mergeCell ref="A1108:B1109"/>
    <mergeCell ref="A1110:B1111"/>
    <mergeCell ref="A1112:B1113"/>
    <mergeCell ref="A1114:B1115"/>
    <mergeCell ref="A1132:B1133"/>
    <mergeCell ref="A1134:B1135"/>
    <mergeCell ref="A1136:B1137"/>
    <mergeCell ref="A1138:B1139"/>
    <mergeCell ref="A1140:B1141"/>
    <mergeCell ref="A1116:B1117"/>
    <mergeCell ref="A1118:B1119"/>
    <mergeCell ref="A1120:B1121"/>
    <mergeCell ref="A1131:B1131"/>
    <mergeCell ref="A1152:B1153"/>
    <mergeCell ref="A1154:B1155"/>
    <mergeCell ref="A1156:B1157"/>
    <mergeCell ref="A1158:B1159"/>
    <mergeCell ref="A1160:B1161"/>
    <mergeCell ref="A1142:B1143"/>
    <mergeCell ref="A1144:B1145"/>
    <mergeCell ref="A1146:B1147"/>
    <mergeCell ref="A1148:B1149"/>
    <mergeCell ref="A1150:B1151"/>
    <mergeCell ref="G1177:K1177"/>
    <mergeCell ref="G1176:I1176"/>
    <mergeCell ref="A1178:B1179"/>
    <mergeCell ref="A1162:B1163"/>
    <mergeCell ref="A1169:B1169"/>
    <mergeCell ref="G1169:K1169"/>
    <mergeCell ref="G1168:I1168"/>
    <mergeCell ref="A1170:B1171"/>
    <mergeCell ref="A1180:B1181"/>
    <mergeCell ref="A1182:B1183"/>
    <mergeCell ref="A1184:B1185"/>
    <mergeCell ref="A1186:B1187"/>
    <mergeCell ref="A1188:B1189"/>
    <mergeCell ref="A1172:B1173"/>
    <mergeCell ref="A1177:B1177"/>
    <mergeCell ref="G1203:K1203"/>
    <mergeCell ref="G1202:I1202"/>
    <mergeCell ref="A1204:B1205"/>
    <mergeCell ref="A1206:B1207"/>
    <mergeCell ref="A1208:B1209"/>
    <mergeCell ref="A1190:B1191"/>
    <mergeCell ref="A1192:B1193"/>
    <mergeCell ref="A1194:B1195"/>
    <mergeCell ref="A1196:B1197"/>
    <mergeCell ref="A1203:B1203"/>
    <mergeCell ref="A1210:B1211"/>
    <mergeCell ref="A1212:B1213"/>
    <mergeCell ref="A1214:B1215"/>
    <mergeCell ref="A1241:B1241"/>
    <mergeCell ref="G1241:K1241"/>
    <mergeCell ref="G1240:I1240"/>
    <mergeCell ref="A1252:B1253"/>
    <mergeCell ref="A1254:B1255"/>
    <mergeCell ref="A1256:B1257"/>
    <mergeCell ref="A1258:B1259"/>
    <mergeCell ref="A1260:B1261"/>
    <mergeCell ref="A1242:B1243"/>
    <mergeCell ref="A1244:B1245"/>
    <mergeCell ref="A1246:B1247"/>
    <mergeCell ref="A1248:B1249"/>
    <mergeCell ref="A1250:B1251"/>
    <mergeCell ref="A1272:B1273"/>
    <mergeCell ref="A1279:B1279"/>
    <mergeCell ref="G1279:K1279"/>
    <mergeCell ref="G1278:I1278"/>
    <mergeCell ref="A1280:B1281"/>
    <mergeCell ref="A1262:B1263"/>
    <mergeCell ref="A1264:B1265"/>
    <mergeCell ref="A1266:B1267"/>
    <mergeCell ref="A1268:B1269"/>
    <mergeCell ref="A1270:B1271"/>
    <mergeCell ref="A1292:B1293"/>
    <mergeCell ref="A1294:B1295"/>
    <mergeCell ref="A1317:B1317"/>
    <mergeCell ref="G1317:K1317"/>
    <mergeCell ref="G1316:I1316"/>
    <mergeCell ref="A1282:B1283"/>
    <mergeCell ref="A1284:B1285"/>
    <mergeCell ref="A1286:B1287"/>
    <mergeCell ref="A1288:B1289"/>
    <mergeCell ref="A1290:B1291"/>
    <mergeCell ref="A1328:B1329"/>
    <mergeCell ref="A1330:B1331"/>
    <mergeCell ref="A1332:B1333"/>
    <mergeCell ref="A1334:B1335"/>
    <mergeCell ref="A1336:B1337"/>
    <mergeCell ref="A1318:B1319"/>
    <mergeCell ref="A1320:B1321"/>
    <mergeCell ref="A1322:B1323"/>
    <mergeCell ref="A1324:B1325"/>
    <mergeCell ref="A1326:B1327"/>
    <mergeCell ref="A1348:B1349"/>
    <mergeCell ref="A1355:B1355"/>
    <mergeCell ref="G1355:K1355"/>
    <mergeCell ref="G1354:I1354"/>
    <mergeCell ref="A1356:B1357"/>
    <mergeCell ref="A1338:B1339"/>
    <mergeCell ref="A1340:B1341"/>
    <mergeCell ref="A1342:B1343"/>
    <mergeCell ref="A1344:B1345"/>
    <mergeCell ref="A1346:B1347"/>
    <mergeCell ref="A1358:B1359"/>
    <mergeCell ref="A1360:B1361"/>
    <mergeCell ref="A1362:B1363"/>
    <mergeCell ref="A1393:B1393"/>
    <mergeCell ref="G1393:K1393"/>
    <mergeCell ref="G1392:I1392"/>
    <mergeCell ref="A1404:B1405"/>
    <mergeCell ref="A1406:B1407"/>
    <mergeCell ref="A1408:B1409"/>
    <mergeCell ref="A1410:B1411"/>
    <mergeCell ref="A1412:B1413"/>
    <mergeCell ref="A1394:B1395"/>
    <mergeCell ref="A1396:B1397"/>
    <mergeCell ref="A1398:B1399"/>
    <mergeCell ref="A1400:B1401"/>
    <mergeCell ref="A1402:B1403"/>
    <mergeCell ref="A1424:B1425"/>
    <mergeCell ref="A1431:B1431"/>
    <mergeCell ref="G1431:K1431"/>
    <mergeCell ref="G1430:I1430"/>
    <mergeCell ref="A1432:B1433"/>
    <mergeCell ref="A1414:B1415"/>
    <mergeCell ref="A1416:B1417"/>
    <mergeCell ref="A1418:B1419"/>
    <mergeCell ref="A1420:B1421"/>
    <mergeCell ref="A1422:B1423"/>
    <mergeCell ref="A1434:B1435"/>
    <mergeCell ref="A1436:B1437"/>
    <mergeCell ref="A1438:B1439"/>
    <mergeCell ref="A1443:B1443"/>
    <mergeCell ref="G1443:K1443"/>
    <mergeCell ref="G1442:I1442"/>
    <mergeCell ref="A1454:B1455"/>
    <mergeCell ref="A1465:B1465"/>
    <mergeCell ref="G1465:K1465"/>
    <mergeCell ref="G1464:I1464"/>
    <mergeCell ref="A1466:B1467"/>
    <mergeCell ref="A1444:B1445"/>
    <mergeCell ref="A1446:B1447"/>
    <mergeCell ref="A1448:B1449"/>
    <mergeCell ref="A1450:B1451"/>
    <mergeCell ref="A1452:B1453"/>
    <mergeCell ref="A1478:B1479"/>
    <mergeCell ref="A1480:B1481"/>
    <mergeCell ref="A1482:B1483"/>
    <mergeCell ref="A1484:B1485"/>
    <mergeCell ref="A1486:B1487"/>
    <mergeCell ref="A1468:B1469"/>
    <mergeCell ref="A1470:B1471"/>
    <mergeCell ref="A1472:B1473"/>
    <mergeCell ref="A1474:B1475"/>
    <mergeCell ref="A1476:B1477"/>
    <mergeCell ref="G1502:I1502"/>
    <mergeCell ref="A1504:B1505"/>
    <mergeCell ref="A1506:B1507"/>
    <mergeCell ref="A1488:B1489"/>
    <mergeCell ref="A1490:B1491"/>
    <mergeCell ref="A1492:B1493"/>
    <mergeCell ref="A1494:B1495"/>
    <mergeCell ref="A1496:B1497"/>
    <mergeCell ref="G1511:K1511"/>
    <mergeCell ref="G1510:I1510"/>
    <mergeCell ref="A1512:B1513"/>
    <mergeCell ref="A1514:B1515"/>
    <mergeCell ref="A1503:B1503"/>
    <mergeCell ref="G1503:K1503"/>
    <mergeCell ref="A1516:B1517"/>
    <mergeCell ref="A1518:B1519"/>
    <mergeCell ref="A1520:B1521"/>
    <mergeCell ref="A1522:B1523"/>
    <mergeCell ref="A1524:B1525"/>
    <mergeCell ref="A1511:B1511"/>
    <mergeCell ref="A1526:B1527"/>
    <mergeCell ref="A1528:B1529"/>
    <mergeCell ref="A1530:B1531"/>
    <mergeCell ref="A1537:B1537"/>
    <mergeCell ref="G1537:K1537"/>
    <mergeCell ref="G1536:I1536"/>
    <mergeCell ref="A1548:B1549"/>
    <mergeCell ref="A1550:B1551"/>
    <mergeCell ref="A1552:B1553"/>
    <mergeCell ref="A1554:B1555"/>
    <mergeCell ref="A1556:B1557"/>
    <mergeCell ref="A1538:B1539"/>
    <mergeCell ref="A1540:B1541"/>
    <mergeCell ref="A1542:B1543"/>
    <mergeCell ref="A1544:B1545"/>
    <mergeCell ref="A1546:B1547"/>
    <mergeCell ref="A1568:B1569"/>
    <mergeCell ref="A1575:B1575"/>
    <mergeCell ref="G1575:K1575"/>
    <mergeCell ref="G1574:I1574"/>
    <mergeCell ref="A1576:B1577"/>
    <mergeCell ref="A1558:B1559"/>
    <mergeCell ref="A1560:B1561"/>
    <mergeCell ref="A1562:B1563"/>
    <mergeCell ref="A1564:B1565"/>
    <mergeCell ref="A1566:B1567"/>
    <mergeCell ref="A1588:B1589"/>
    <mergeCell ref="A1590:B1591"/>
    <mergeCell ref="A1592:B1593"/>
    <mergeCell ref="A1594:B1595"/>
    <mergeCell ref="A1596:B1597"/>
    <mergeCell ref="A1578:B1579"/>
    <mergeCell ref="A1580:B1581"/>
    <mergeCell ref="A1582:B1583"/>
    <mergeCell ref="A1584:B1585"/>
    <mergeCell ref="A1586:B1587"/>
    <mergeCell ref="A1613:B1613"/>
    <mergeCell ref="G1613:K1613"/>
    <mergeCell ref="G1612:I1612"/>
    <mergeCell ref="A1614:B1615"/>
    <mergeCell ref="A1616:B1617"/>
    <mergeCell ref="A1598:B1599"/>
    <mergeCell ref="A1600:B1601"/>
    <mergeCell ref="A1602:B1603"/>
    <mergeCell ref="A1604:B1605"/>
    <mergeCell ref="A1606:B1607"/>
    <mergeCell ref="A1628:B1629"/>
    <mergeCell ref="A1630:B1631"/>
    <mergeCell ref="A1632:B1633"/>
    <mergeCell ref="A1634:B1635"/>
    <mergeCell ref="A1636:B1637"/>
    <mergeCell ref="A1618:B1619"/>
    <mergeCell ref="A1620:B1621"/>
    <mergeCell ref="A1622:B1623"/>
    <mergeCell ref="A1624:B1625"/>
    <mergeCell ref="A1626:B1627"/>
    <mergeCell ref="G1650:I1650"/>
    <mergeCell ref="A1652:B1653"/>
    <mergeCell ref="A1654:B1655"/>
    <mergeCell ref="A1656:B1657"/>
    <mergeCell ref="A1638:B1639"/>
    <mergeCell ref="A1640:B1641"/>
    <mergeCell ref="A1642:B1643"/>
    <mergeCell ref="A1644:B1645"/>
    <mergeCell ref="A1651:B1651"/>
    <mergeCell ref="A1658:B1659"/>
    <mergeCell ref="A1689:B1689"/>
    <mergeCell ref="G1689:K1689"/>
    <mergeCell ref="G1688:I1688"/>
    <mergeCell ref="A1690:B1691"/>
    <mergeCell ref="G1651:K1651"/>
    <mergeCell ref="A1702:B1703"/>
    <mergeCell ref="A1704:B1705"/>
    <mergeCell ref="A1706:B1707"/>
    <mergeCell ref="A1708:B1709"/>
    <mergeCell ref="A1710:B1711"/>
    <mergeCell ref="A1692:B1693"/>
    <mergeCell ref="A1694:B1695"/>
    <mergeCell ref="A1696:B1697"/>
    <mergeCell ref="A1698:B1699"/>
    <mergeCell ref="A1700:B1701"/>
    <mergeCell ref="A1727:B1727"/>
    <mergeCell ref="G1727:K1727"/>
    <mergeCell ref="G1726:I1726"/>
    <mergeCell ref="A1728:B1729"/>
    <mergeCell ref="A1730:B1731"/>
    <mergeCell ref="A1712:B1713"/>
    <mergeCell ref="A1714:B1715"/>
    <mergeCell ref="A1716:B1717"/>
    <mergeCell ref="A1718:B1719"/>
    <mergeCell ref="A1720:B1721"/>
    <mergeCell ref="A1742:B1743"/>
    <mergeCell ref="A1744:B1745"/>
    <mergeCell ref="A1746:B1747"/>
    <mergeCell ref="A1748:B1749"/>
    <mergeCell ref="A1750:B1751"/>
    <mergeCell ref="A1732:B1733"/>
    <mergeCell ref="A1734:B1735"/>
    <mergeCell ref="A1736:B1737"/>
    <mergeCell ref="A1738:B1739"/>
    <mergeCell ref="A1740:B1741"/>
    <mergeCell ref="G1764:I1764"/>
    <mergeCell ref="A1766:B1767"/>
    <mergeCell ref="A1768:B1769"/>
    <mergeCell ref="A1770:B1771"/>
    <mergeCell ref="A1752:B1753"/>
    <mergeCell ref="A1754:B1755"/>
    <mergeCell ref="A1756:B1757"/>
    <mergeCell ref="A1758:B1759"/>
    <mergeCell ref="A1765:B1765"/>
    <mergeCell ref="A1772:B1773"/>
    <mergeCell ref="A1774:B1775"/>
    <mergeCell ref="A1776:B1777"/>
    <mergeCell ref="A1778:B1779"/>
    <mergeCell ref="A1780:B1781"/>
    <mergeCell ref="G1765:K1765"/>
    <mergeCell ref="G1803:K1803"/>
    <mergeCell ref="G1802:I1802"/>
    <mergeCell ref="A1804:B1805"/>
    <mergeCell ref="A1806:B1807"/>
    <mergeCell ref="A1808:B1809"/>
    <mergeCell ref="A1782:B1783"/>
    <mergeCell ref="A1784:B1785"/>
    <mergeCell ref="A1786:B1787"/>
    <mergeCell ref="A1788:B1789"/>
    <mergeCell ref="A1803:B1803"/>
    <mergeCell ref="A1820:B1821"/>
    <mergeCell ref="A1822:B1823"/>
    <mergeCell ref="A1841:B1841"/>
    <mergeCell ref="G1841:K1841"/>
    <mergeCell ref="G1840:I1840"/>
    <mergeCell ref="A1810:B1811"/>
    <mergeCell ref="A1812:B1813"/>
    <mergeCell ref="A1814:B1815"/>
    <mergeCell ref="A1816:B1817"/>
    <mergeCell ref="A1818:B1819"/>
    <mergeCell ref="A1852:B1853"/>
    <mergeCell ref="A1854:B1855"/>
    <mergeCell ref="A1856:B1857"/>
    <mergeCell ref="A1858:B1859"/>
    <mergeCell ref="A1860:B1861"/>
    <mergeCell ref="A1842:B1843"/>
    <mergeCell ref="A1844:B1845"/>
    <mergeCell ref="A1846:B1847"/>
    <mergeCell ref="A1848:B1849"/>
    <mergeCell ref="A1850:B1851"/>
    <mergeCell ref="A1872:B1873"/>
    <mergeCell ref="A1879:B1879"/>
    <mergeCell ref="G1879:K1879"/>
    <mergeCell ref="G1878:I1878"/>
    <mergeCell ref="A1880:B1881"/>
    <mergeCell ref="A1862:B1863"/>
    <mergeCell ref="A1864:B1865"/>
    <mergeCell ref="A1866:B1867"/>
    <mergeCell ref="A1868:B1869"/>
    <mergeCell ref="A1870:B1871"/>
    <mergeCell ref="A1892:B1893"/>
    <mergeCell ref="A1894:B1895"/>
    <mergeCell ref="A1896:B1897"/>
    <mergeCell ref="A1898:B1899"/>
    <mergeCell ref="A1900:B1901"/>
    <mergeCell ref="A1882:B1883"/>
    <mergeCell ref="A1884:B1885"/>
    <mergeCell ref="A1886:B1887"/>
    <mergeCell ref="A1888:B1889"/>
    <mergeCell ref="A1890:B1891"/>
    <mergeCell ref="A1917:B1917"/>
    <mergeCell ref="G1917:K1917"/>
    <mergeCell ref="G1916:I1916"/>
    <mergeCell ref="A1918:B1919"/>
    <mergeCell ref="A1920:B1921"/>
    <mergeCell ref="A1902:B1903"/>
    <mergeCell ref="A1904:B1905"/>
    <mergeCell ref="A1906:B1907"/>
    <mergeCell ref="A1908:B1909"/>
    <mergeCell ref="A1910:B1911"/>
    <mergeCell ref="G1955:K1955"/>
    <mergeCell ref="G1954:I1954"/>
    <mergeCell ref="A1922:B1923"/>
    <mergeCell ref="A1924:B1925"/>
    <mergeCell ref="A1926:B1927"/>
    <mergeCell ref="A1928:B1929"/>
    <mergeCell ref="A1930:B1931"/>
    <mergeCell ref="A1956:B1957"/>
    <mergeCell ref="A1958:B1959"/>
    <mergeCell ref="A1960:B1961"/>
    <mergeCell ref="A1962:B1963"/>
    <mergeCell ref="A1964:B1965"/>
    <mergeCell ref="A1932:B1933"/>
    <mergeCell ref="A1934:B1935"/>
    <mergeCell ref="A1936:B1937"/>
    <mergeCell ref="A1955:B1955"/>
    <mergeCell ref="A1976:B1977"/>
    <mergeCell ref="A1978:B1979"/>
    <mergeCell ref="A1980:B1981"/>
    <mergeCell ref="A1982:B1983"/>
    <mergeCell ref="A1984:B1985"/>
    <mergeCell ref="A1966:B1967"/>
    <mergeCell ref="A1968:B1969"/>
    <mergeCell ref="A1970:B1971"/>
    <mergeCell ref="A1972:B1973"/>
    <mergeCell ref="A1974:B1975"/>
    <mergeCell ref="G2001:K2001"/>
    <mergeCell ref="G2000:I2000"/>
    <mergeCell ref="A2002:B2003"/>
    <mergeCell ref="A1986:B1987"/>
    <mergeCell ref="A1993:B1993"/>
    <mergeCell ref="G1993:K1993"/>
    <mergeCell ref="G1992:I1992"/>
    <mergeCell ref="A1994:B1995"/>
    <mergeCell ref="A2004:B2005"/>
    <mergeCell ref="A2006:B2007"/>
    <mergeCell ref="A2008:B2009"/>
    <mergeCell ref="A2010:B2011"/>
    <mergeCell ref="A2012:B2013"/>
    <mergeCell ref="A1996:B1997"/>
    <mergeCell ref="A2001:B2001"/>
    <mergeCell ref="G2027:K2027"/>
    <mergeCell ref="G2026:I2026"/>
    <mergeCell ref="A2028:B2029"/>
    <mergeCell ref="A2030:B2031"/>
    <mergeCell ref="A2032:B2033"/>
    <mergeCell ref="A2014:B2015"/>
    <mergeCell ref="A2016:B2017"/>
    <mergeCell ref="A2018:B2019"/>
    <mergeCell ref="A2020:B2021"/>
    <mergeCell ref="A2027:B2027"/>
    <mergeCell ref="A2044:B2045"/>
    <mergeCell ref="A2046:B2047"/>
    <mergeCell ref="A2048:B2049"/>
    <mergeCell ref="A2050:B2051"/>
    <mergeCell ref="A2052:B2053"/>
    <mergeCell ref="A2034:B2035"/>
    <mergeCell ref="A2036:B2037"/>
    <mergeCell ref="A2038:B2039"/>
    <mergeCell ref="A2040:B2041"/>
    <mergeCell ref="A2042:B2043"/>
    <mergeCell ref="A2054:B2055"/>
    <mergeCell ref="A2056:B2057"/>
    <mergeCell ref="A2058:B2059"/>
    <mergeCell ref="A2065:B2065"/>
    <mergeCell ref="G2065:K2065"/>
    <mergeCell ref="G2064:I2064"/>
    <mergeCell ref="A2076:B2077"/>
    <mergeCell ref="A2078:B2079"/>
    <mergeCell ref="A2080:B2081"/>
    <mergeCell ref="A2082:B2083"/>
    <mergeCell ref="A2084:B2085"/>
    <mergeCell ref="A2066:B2067"/>
    <mergeCell ref="A2068:B2069"/>
    <mergeCell ref="A2070:B2071"/>
    <mergeCell ref="A2072:B2073"/>
    <mergeCell ref="A2074:B2075"/>
    <mergeCell ref="A2096:B2097"/>
    <mergeCell ref="A2103:B2103"/>
    <mergeCell ref="G2103:K2103"/>
    <mergeCell ref="G2102:I2102"/>
    <mergeCell ref="A2104:B2105"/>
    <mergeCell ref="A2086:B2087"/>
    <mergeCell ref="A2088:B2089"/>
    <mergeCell ref="A2090:B2091"/>
    <mergeCell ref="A2092:B2093"/>
    <mergeCell ref="A2094:B2095"/>
    <mergeCell ref="A2116:B2117"/>
    <mergeCell ref="A2118:B2119"/>
    <mergeCell ref="A2120:B2121"/>
    <mergeCell ref="A2122:B2123"/>
    <mergeCell ref="A2124:B2125"/>
    <mergeCell ref="A2106:B2107"/>
    <mergeCell ref="A2108:B2109"/>
    <mergeCell ref="A2110:B2111"/>
    <mergeCell ref="A2112:B2113"/>
    <mergeCell ref="A2114:B2115"/>
    <mergeCell ref="A2141:B2141"/>
    <mergeCell ref="G2141:K2141"/>
    <mergeCell ref="G2140:I2140"/>
    <mergeCell ref="A2142:B2143"/>
    <mergeCell ref="A2144:B2145"/>
    <mergeCell ref="A2126:B2127"/>
    <mergeCell ref="A2128:B2129"/>
    <mergeCell ref="A2130:B2131"/>
    <mergeCell ref="A2132:B2133"/>
    <mergeCell ref="A2134:B2135"/>
    <mergeCell ref="G2179:K2179"/>
    <mergeCell ref="G2178:I2178"/>
    <mergeCell ref="A2180:B2181"/>
    <mergeCell ref="A2182:B2183"/>
    <mergeCell ref="A2184:B2185"/>
    <mergeCell ref="A2146:B2147"/>
    <mergeCell ref="A2148:B2149"/>
    <mergeCell ref="A2150:B2151"/>
    <mergeCell ref="A2152:B2153"/>
    <mergeCell ref="A2179:B2179"/>
    <mergeCell ref="A2196:B2197"/>
    <mergeCell ref="A2198:B2199"/>
    <mergeCell ref="A2200:B2201"/>
    <mergeCell ref="A2202:B2203"/>
    <mergeCell ref="A2204:B2205"/>
    <mergeCell ref="A2186:B2187"/>
    <mergeCell ref="A2188:B2189"/>
    <mergeCell ref="A2190:B2191"/>
    <mergeCell ref="A2192:B2193"/>
    <mergeCell ref="A2194:B2195"/>
    <mergeCell ref="A2206:B2207"/>
    <mergeCell ref="A2208:B2209"/>
    <mergeCell ref="A2210:B2211"/>
    <mergeCell ref="A2217:B2217"/>
    <mergeCell ref="G2217:K2217"/>
    <mergeCell ref="G2216:I2216"/>
    <mergeCell ref="A2228:B2229"/>
    <mergeCell ref="A2230:B2231"/>
    <mergeCell ref="A2232:B2233"/>
    <mergeCell ref="A2234:B2235"/>
    <mergeCell ref="A2236:B2237"/>
    <mergeCell ref="A2218:B2219"/>
    <mergeCell ref="A2220:B2221"/>
    <mergeCell ref="A2222:B2223"/>
    <mergeCell ref="A2224:B2225"/>
    <mergeCell ref="A2226:B2227"/>
    <mergeCell ref="A2248:B2249"/>
    <mergeCell ref="A2255:B2255"/>
    <mergeCell ref="G2255:K2255"/>
    <mergeCell ref="G2254:I2254"/>
    <mergeCell ref="A2256:B2257"/>
    <mergeCell ref="A2238:B2239"/>
    <mergeCell ref="A2240:B2241"/>
    <mergeCell ref="A2242:B2243"/>
    <mergeCell ref="A2244:B2245"/>
    <mergeCell ref="A2246:B2247"/>
    <mergeCell ref="A2293:B2293"/>
    <mergeCell ref="G2293:K2293"/>
    <mergeCell ref="G2292:I2292"/>
    <mergeCell ref="A2294:B2295"/>
    <mergeCell ref="A2296:B2297"/>
    <mergeCell ref="A2258:B2259"/>
    <mergeCell ref="A2260:B2261"/>
    <mergeCell ref="A2262:B2263"/>
    <mergeCell ref="A2264:B2265"/>
    <mergeCell ref="A2266:B2267"/>
    <mergeCell ref="A2308:B2309"/>
    <mergeCell ref="A2310:B2311"/>
    <mergeCell ref="A2312:B2313"/>
    <mergeCell ref="A2314:B2315"/>
    <mergeCell ref="A2316:B2317"/>
    <mergeCell ref="A2298:B2299"/>
    <mergeCell ref="A2300:B2301"/>
    <mergeCell ref="A2302:B2303"/>
    <mergeCell ref="A2304:B2305"/>
    <mergeCell ref="A2306:B2307"/>
    <mergeCell ref="G2331:K2331"/>
    <mergeCell ref="G2330:I2330"/>
    <mergeCell ref="A2332:B2333"/>
    <mergeCell ref="A2334:B2335"/>
    <mergeCell ref="A2336:B2337"/>
    <mergeCell ref="A2318:B2319"/>
    <mergeCell ref="A2320:B2321"/>
    <mergeCell ref="A2322:B2323"/>
    <mergeCell ref="A2324:B2325"/>
    <mergeCell ref="A2331:B2331"/>
    <mergeCell ref="A2348:B2349"/>
    <mergeCell ref="A2350:B2351"/>
    <mergeCell ref="A2352:B2353"/>
    <mergeCell ref="A2354:B2355"/>
    <mergeCell ref="A2356:B2357"/>
    <mergeCell ref="A2338:B2339"/>
    <mergeCell ref="A2340:B2341"/>
    <mergeCell ref="A2342:B2343"/>
    <mergeCell ref="A2344:B2345"/>
    <mergeCell ref="A2346:B2347"/>
    <mergeCell ref="G2377:K2377"/>
    <mergeCell ref="G2376:I2376"/>
    <mergeCell ref="A2358:B2359"/>
    <mergeCell ref="A2360:B2361"/>
    <mergeCell ref="A2362:B2363"/>
    <mergeCell ref="A2369:B2369"/>
    <mergeCell ref="G2369:K2369"/>
    <mergeCell ref="G2368:I2368"/>
    <mergeCell ref="A2378:B2379"/>
    <mergeCell ref="A2380:B2381"/>
    <mergeCell ref="A2382:B2383"/>
    <mergeCell ref="A2384:B2385"/>
    <mergeCell ref="A2386:B2387"/>
    <mergeCell ref="A2370:B2371"/>
    <mergeCell ref="A2372:B2373"/>
    <mergeCell ref="A2377:B2377"/>
    <mergeCell ref="A2403:B2403"/>
    <mergeCell ref="G2403:K2403"/>
    <mergeCell ref="G2402:I2402"/>
    <mergeCell ref="A2404:B2405"/>
    <mergeCell ref="A2406:B2407"/>
    <mergeCell ref="A2388:B2389"/>
    <mergeCell ref="A2390:B2391"/>
    <mergeCell ref="A2392:B2393"/>
    <mergeCell ref="A2394:B2395"/>
    <mergeCell ref="A2396:B2397"/>
    <mergeCell ref="A2418:B2419"/>
    <mergeCell ref="A2420:B2421"/>
    <mergeCell ref="A2422:B2423"/>
    <mergeCell ref="A2424:B2425"/>
    <mergeCell ref="A2426:B2427"/>
    <mergeCell ref="A2408:B2409"/>
    <mergeCell ref="A2410:B2411"/>
    <mergeCell ref="A2412:B2413"/>
    <mergeCell ref="A2414:B2415"/>
    <mergeCell ref="A2416:B2417"/>
    <mergeCell ref="G2441:K2441"/>
    <mergeCell ref="G2440:I2440"/>
    <mergeCell ref="A2442:B2443"/>
    <mergeCell ref="A2444:B2445"/>
    <mergeCell ref="A2446:B2447"/>
    <mergeCell ref="A2428:B2429"/>
    <mergeCell ref="A2430:B2431"/>
    <mergeCell ref="A2432:B2433"/>
    <mergeCell ref="A2434:B2435"/>
    <mergeCell ref="A2441:B2441"/>
    <mergeCell ref="A2458:B2459"/>
    <mergeCell ref="A2460:B2461"/>
    <mergeCell ref="A2462:B2463"/>
    <mergeCell ref="A2464:B2465"/>
    <mergeCell ref="A2466:B2467"/>
    <mergeCell ref="A2448:B2449"/>
    <mergeCell ref="A2450:B2451"/>
    <mergeCell ref="A2452:B2453"/>
    <mergeCell ref="A2454:B2455"/>
    <mergeCell ref="A2456:B2457"/>
    <mergeCell ref="A2468:B2469"/>
    <mergeCell ref="A2470:B2471"/>
    <mergeCell ref="A2472:B2473"/>
    <mergeCell ref="A2479:B2479"/>
    <mergeCell ref="G2479:K2479"/>
    <mergeCell ref="G2478:I2478"/>
    <mergeCell ref="A2490:B2491"/>
    <mergeCell ref="A2492:B2493"/>
    <mergeCell ref="A2494:B2495"/>
    <mergeCell ref="A2496:B2497"/>
    <mergeCell ref="A2498:B2499"/>
    <mergeCell ref="A2480:B2481"/>
    <mergeCell ref="A2482:B2483"/>
    <mergeCell ref="A2484:B2485"/>
    <mergeCell ref="A2486:B2487"/>
    <mergeCell ref="A2488:B2489"/>
    <mergeCell ref="A2510:B2511"/>
    <mergeCell ref="A2517:B2517"/>
    <mergeCell ref="G2517:K2517"/>
    <mergeCell ref="G2516:I2516"/>
    <mergeCell ref="A2518:B2519"/>
    <mergeCell ref="A2500:B2501"/>
    <mergeCell ref="A2502:B2503"/>
    <mergeCell ref="A2504:B2505"/>
    <mergeCell ref="A2506:B2507"/>
    <mergeCell ref="A2508:B2509"/>
    <mergeCell ref="A2530:B2531"/>
    <mergeCell ref="A2532:B2533"/>
    <mergeCell ref="A2534:B2535"/>
    <mergeCell ref="A2536:B2537"/>
    <mergeCell ref="A2538:B2539"/>
    <mergeCell ref="A2520:B2521"/>
    <mergeCell ref="A2522:B2523"/>
    <mergeCell ref="A2524:B2525"/>
    <mergeCell ref="A2526:B2527"/>
    <mergeCell ref="A2528:B2529"/>
    <mergeCell ref="G2555:K2555"/>
    <mergeCell ref="G2554:I2554"/>
    <mergeCell ref="A2556:B2557"/>
    <mergeCell ref="A2558:B2559"/>
    <mergeCell ref="A2540:B2541"/>
    <mergeCell ref="A2542:B2543"/>
    <mergeCell ref="A2544:B2545"/>
    <mergeCell ref="A2546:B2547"/>
    <mergeCell ref="A2548:B2549"/>
    <mergeCell ref="A2560:B2561"/>
    <mergeCell ref="A2562:B2563"/>
    <mergeCell ref="A2564:B2565"/>
    <mergeCell ref="A2566:B2567"/>
    <mergeCell ref="A2568:B2569"/>
    <mergeCell ref="A2555:B2555"/>
    <mergeCell ref="A2593:B2593"/>
    <mergeCell ref="G2593:K2593"/>
    <mergeCell ref="G2592:I2592"/>
    <mergeCell ref="A2594:B2595"/>
    <mergeCell ref="A2596:B2597"/>
    <mergeCell ref="A2570:B2571"/>
    <mergeCell ref="A2572:B2573"/>
    <mergeCell ref="A2574:B2575"/>
    <mergeCell ref="A2576:B2577"/>
    <mergeCell ref="A2578:B2579"/>
    <mergeCell ref="A2608:B2609"/>
    <mergeCell ref="A2610:B2611"/>
    <mergeCell ref="A2612:B2613"/>
    <mergeCell ref="A2614:B2615"/>
    <mergeCell ref="A2616:B2617"/>
    <mergeCell ref="A2598:B2599"/>
    <mergeCell ref="A2600:B2601"/>
    <mergeCell ref="A2602:B2603"/>
    <mergeCell ref="A2604:B2605"/>
    <mergeCell ref="A2606:B2607"/>
    <mergeCell ref="G2631:K2631"/>
    <mergeCell ref="G2630:I2630"/>
    <mergeCell ref="A2632:B2633"/>
    <mergeCell ref="A2634:B2635"/>
    <mergeCell ref="A2636:B2637"/>
    <mergeCell ref="A2618:B2619"/>
    <mergeCell ref="A2620:B2621"/>
    <mergeCell ref="A2622:B2623"/>
    <mergeCell ref="A2624:B2625"/>
    <mergeCell ref="A2631:B2631"/>
    <mergeCell ref="A2648:B2649"/>
    <mergeCell ref="A2650:B2651"/>
    <mergeCell ref="A2652:B2653"/>
    <mergeCell ref="A2654:B2655"/>
    <mergeCell ref="A2656:B2657"/>
    <mergeCell ref="A2638:B2639"/>
    <mergeCell ref="A2640:B2641"/>
    <mergeCell ref="A2642:B2643"/>
    <mergeCell ref="A2644:B2645"/>
    <mergeCell ref="A2646:B2647"/>
    <mergeCell ref="A2658:B2659"/>
    <mergeCell ref="A2660:B2661"/>
    <mergeCell ref="A2662:B2663"/>
    <mergeCell ref="A2669:B2669"/>
    <mergeCell ref="G2669:K2669"/>
    <mergeCell ref="G2668:I2668"/>
    <mergeCell ref="A2680:B2681"/>
    <mergeCell ref="A2682:B2683"/>
    <mergeCell ref="A2684:B2685"/>
    <mergeCell ref="A2686:B2687"/>
    <mergeCell ref="A2688:B2689"/>
    <mergeCell ref="A2670:B2671"/>
    <mergeCell ref="A2672:B2673"/>
    <mergeCell ref="A2674:B2675"/>
    <mergeCell ref="A2676:B2677"/>
    <mergeCell ref="A2678:B2679"/>
    <mergeCell ref="G2706:I2706"/>
    <mergeCell ref="A2708:B2709"/>
    <mergeCell ref="A2710:B2711"/>
    <mergeCell ref="A2712:B2713"/>
    <mergeCell ref="A2690:B2691"/>
    <mergeCell ref="A2692:B2693"/>
    <mergeCell ref="A2694:B2695"/>
    <mergeCell ref="A2696:B2697"/>
    <mergeCell ref="A2707:B2707"/>
    <mergeCell ref="A2714:B2715"/>
    <mergeCell ref="A2716:B2717"/>
    <mergeCell ref="A2718:B2719"/>
    <mergeCell ref="A2720:B2721"/>
    <mergeCell ref="A2722:B2723"/>
    <mergeCell ref="G2707:K2707"/>
    <mergeCell ref="G2745:K2745"/>
    <mergeCell ref="G2744:I2744"/>
    <mergeCell ref="A2746:B2747"/>
    <mergeCell ref="A2748:B2749"/>
    <mergeCell ref="A2750:B2751"/>
    <mergeCell ref="A2724:B2725"/>
    <mergeCell ref="A2726:B2727"/>
    <mergeCell ref="A2728:B2729"/>
    <mergeCell ref="A2730:B2731"/>
    <mergeCell ref="A2745:B2745"/>
    <mergeCell ref="A2762:B2763"/>
    <mergeCell ref="A2764:B2765"/>
    <mergeCell ref="A2783:B2783"/>
    <mergeCell ref="G2783:K2783"/>
    <mergeCell ref="G2782:I2782"/>
    <mergeCell ref="A2752:B2753"/>
    <mergeCell ref="A2754:B2755"/>
    <mergeCell ref="A2756:B2757"/>
    <mergeCell ref="A2758:B2759"/>
    <mergeCell ref="A2760:B2761"/>
    <mergeCell ref="A2794:B2795"/>
    <mergeCell ref="A2796:B2797"/>
    <mergeCell ref="A2798:B2799"/>
    <mergeCell ref="A2800:B2801"/>
    <mergeCell ref="A2802:B2803"/>
    <mergeCell ref="A2784:B2785"/>
    <mergeCell ref="A2786:B2787"/>
    <mergeCell ref="A2788:B2789"/>
    <mergeCell ref="A2790:B2791"/>
    <mergeCell ref="A2792:B2793"/>
    <mergeCell ref="A2814:B2815"/>
    <mergeCell ref="A2821:B2821"/>
    <mergeCell ref="G2821:K2821"/>
    <mergeCell ref="G2820:I2820"/>
    <mergeCell ref="A2822:B2823"/>
    <mergeCell ref="A2804:B2805"/>
    <mergeCell ref="A2806:B2807"/>
    <mergeCell ref="A2808:B2809"/>
    <mergeCell ref="A2810:B2811"/>
    <mergeCell ref="A2812:B2813"/>
    <mergeCell ref="A2824:B2825"/>
    <mergeCell ref="A2826:B2827"/>
    <mergeCell ref="A2828:B2829"/>
    <mergeCell ref="A2859:B2859"/>
    <mergeCell ref="G2859:K2859"/>
    <mergeCell ref="G2858:I2858"/>
    <mergeCell ref="A2870:B2871"/>
    <mergeCell ref="A2872:B2873"/>
    <mergeCell ref="A2874:B2875"/>
    <mergeCell ref="A2876:B2877"/>
    <mergeCell ref="A2878:B2879"/>
    <mergeCell ref="A2860:B2861"/>
    <mergeCell ref="A2862:B2863"/>
    <mergeCell ref="A2864:B2865"/>
    <mergeCell ref="A2866:B2867"/>
    <mergeCell ref="A2868:B2869"/>
    <mergeCell ref="A2890:B2891"/>
    <mergeCell ref="A2897:B2897"/>
    <mergeCell ref="G2897:K2897"/>
    <mergeCell ref="G2896:I2896"/>
    <mergeCell ref="A2898:B2899"/>
    <mergeCell ref="A2880:B2881"/>
    <mergeCell ref="A2882:B2883"/>
    <mergeCell ref="A2884:B2885"/>
    <mergeCell ref="A2886:B2887"/>
    <mergeCell ref="A2888:B2889"/>
    <mergeCell ref="A2900:B2901"/>
    <mergeCell ref="A2902:B2903"/>
    <mergeCell ref="A2904:B2905"/>
    <mergeCell ref="A2935:B2935"/>
    <mergeCell ref="G2935:K2935"/>
    <mergeCell ref="G2934:I2934"/>
    <mergeCell ref="A2946:B2947"/>
    <mergeCell ref="A2948:B2949"/>
    <mergeCell ref="A2950:B2951"/>
    <mergeCell ref="A2952:B2953"/>
    <mergeCell ref="A2954:B2955"/>
    <mergeCell ref="A2936:B2937"/>
    <mergeCell ref="A2938:B2939"/>
    <mergeCell ref="A2940:B2941"/>
    <mergeCell ref="A2942:B2943"/>
    <mergeCell ref="A2944:B2945"/>
    <mergeCell ref="G2973:K2973"/>
    <mergeCell ref="G2972:I2972"/>
    <mergeCell ref="A2974:B2975"/>
    <mergeCell ref="A2956:B2957"/>
    <mergeCell ref="A2958:B2959"/>
    <mergeCell ref="A2960:B2961"/>
    <mergeCell ref="A2962:B2963"/>
    <mergeCell ref="A2964:B2965"/>
    <mergeCell ref="A2976:B2977"/>
    <mergeCell ref="A2978:B2979"/>
    <mergeCell ref="A2980:B2981"/>
    <mergeCell ref="A2982:B2983"/>
    <mergeCell ref="A2984:B2985"/>
    <mergeCell ref="A2966:B2967"/>
    <mergeCell ref="A2973:B2973"/>
    <mergeCell ref="G3011:K3011"/>
    <mergeCell ref="G3010:I3010"/>
    <mergeCell ref="A3012:B3013"/>
    <mergeCell ref="A3014:B3015"/>
    <mergeCell ref="A3016:B3017"/>
    <mergeCell ref="A2986:B2987"/>
    <mergeCell ref="A2988:B2989"/>
    <mergeCell ref="A2990:B2991"/>
    <mergeCell ref="A2992:B2993"/>
    <mergeCell ref="A3011:B3011"/>
    <mergeCell ref="A3028:B3029"/>
    <mergeCell ref="A3030:B3031"/>
    <mergeCell ref="A3032:B3033"/>
    <mergeCell ref="A3034:B3035"/>
    <mergeCell ref="A3036:B3037"/>
    <mergeCell ref="A3018:B3019"/>
    <mergeCell ref="A3020:B3021"/>
    <mergeCell ref="A3022:B3023"/>
    <mergeCell ref="A3024:B3025"/>
    <mergeCell ref="A3026:B3027"/>
    <mergeCell ref="G3057:K3057"/>
    <mergeCell ref="G3056:I3056"/>
    <mergeCell ref="A3038:B3039"/>
    <mergeCell ref="A3040:B3041"/>
    <mergeCell ref="A3042:B3043"/>
    <mergeCell ref="A3049:B3049"/>
    <mergeCell ref="G3049:K3049"/>
    <mergeCell ref="G3048:I3048"/>
    <mergeCell ref="A3058:B3059"/>
    <mergeCell ref="A3060:B3061"/>
    <mergeCell ref="A3062:B3063"/>
    <mergeCell ref="A3064:B3065"/>
    <mergeCell ref="A3066:B3067"/>
    <mergeCell ref="A3050:B3051"/>
    <mergeCell ref="A3052:B3053"/>
    <mergeCell ref="A3057:B3057"/>
    <mergeCell ref="A3083:B3083"/>
    <mergeCell ref="G3083:K3083"/>
    <mergeCell ref="G3082:I3082"/>
    <mergeCell ref="A3084:B3085"/>
    <mergeCell ref="A3086:B3087"/>
    <mergeCell ref="A3068:B3069"/>
    <mergeCell ref="A3070:B3071"/>
    <mergeCell ref="A3072:B3073"/>
    <mergeCell ref="A3074:B3075"/>
    <mergeCell ref="A3076:B3077"/>
    <mergeCell ref="A3098:B3099"/>
    <mergeCell ref="A3100:B3101"/>
    <mergeCell ref="A3102:B3103"/>
    <mergeCell ref="A3104:B3105"/>
    <mergeCell ref="A3106:B3107"/>
    <mergeCell ref="A3088:B3089"/>
    <mergeCell ref="A3090:B3091"/>
    <mergeCell ref="A3092:B3093"/>
    <mergeCell ref="A3094:B3095"/>
    <mergeCell ref="A3096:B3097"/>
    <mergeCell ref="G3121:K3121"/>
    <mergeCell ref="G3120:I3120"/>
    <mergeCell ref="A3122:B3123"/>
    <mergeCell ref="A3124:B3125"/>
    <mergeCell ref="A3126:B3127"/>
    <mergeCell ref="A3108:B3109"/>
    <mergeCell ref="A3110:B3111"/>
    <mergeCell ref="A3112:B3113"/>
    <mergeCell ref="A3114:B3115"/>
    <mergeCell ref="A3121:B3121"/>
    <mergeCell ref="A3138:B3139"/>
    <mergeCell ref="A3140:B3141"/>
    <mergeCell ref="A3142:B3143"/>
    <mergeCell ref="A3144:B3145"/>
    <mergeCell ref="A3146:B3147"/>
    <mergeCell ref="A3128:B3129"/>
    <mergeCell ref="A3130:B3131"/>
    <mergeCell ref="A3132:B3133"/>
    <mergeCell ref="A3134:B3135"/>
    <mergeCell ref="A3136:B3137"/>
    <mergeCell ref="A3148:B3149"/>
    <mergeCell ref="A3150:B3151"/>
    <mergeCell ref="A3152:B3153"/>
    <mergeCell ref="A3159:B3159"/>
    <mergeCell ref="G3159:K3159"/>
    <mergeCell ref="G3158:I3158"/>
    <mergeCell ref="A3170:B3171"/>
    <mergeCell ref="A3172:B3173"/>
    <mergeCell ref="A3174:B3175"/>
    <mergeCell ref="A3176:B3177"/>
    <mergeCell ref="A3178:B3179"/>
    <mergeCell ref="A3160:B3161"/>
    <mergeCell ref="A3162:B3163"/>
    <mergeCell ref="A3164:B3165"/>
    <mergeCell ref="A3166:B3167"/>
    <mergeCell ref="A3168:B3169"/>
    <mergeCell ref="G3197:K3197"/>
    <mergeCell ref="G3196:I3196"/>
    <mergeCell ref="A3198:B3199"/>
    <mergeCell ref="A3180:B3181"/>
    <mergeCell ref="A3182:B3183"/>
    <mergeCell ref="A3184:B3185"/>
    <mergeCell ref="A3186:B3187"/>
    <mergeCell ref="A3188:B3189"/>
    <mergeCell ref="A3200:B3201"/>
    <mergeCell ref="A3202:B3203"/>
    <mergeCell ref="A3204:B3205"/>
    <mergeCell ref="A3206:B3207"/>
    <mergeCell ref="A3208:B3209"/>
    <mergeCell ref="A3190:B3191"/>
    <mergeCell ref="A3197:B3197"/>
    <mergeCell ref="A3220:B3221"/>
    <mergeCell ref="A3235:B3235"/>
    <mergeCell ref="G3235:K3235"/>
    <mergeCell ref="G3234:I3234"/>
    <mergeCell ref="A3236:B3237"/>
    <mergeCell ref="A3210:B3211"/>
    <mergeCell ref="A3212:B3213"/>
    <mergeCell ref="A3214:B3215"/>
    <mergeCell ref="A3216:B3217"/>
    <mergeCell ref="A3218:B3219"/>
    <mergeCell ref="A3248:B3249"/>
    <mergeCell ref="A3250:B3251"/>
    <mergeCell ref="A3252:B3253"/>
    <mergeCell ref="A3254:B3255"/>
    <mergeCell ref="A3256:B3257"/>
    <mergeCell ref="A3238:B3239"/>
    <mergeCell ref="A3240:B3241"/>
    <mergeCell ref="A3242:B3243"/>
    <mergeCell ref="A3244:B3245"/>
    <mergeCell ref="A3246:B3247"/>
    <mergeCell ref="A3273:B3273"/>
    <mergeCell ref="G3273:K3273"/>
    <mergeCell ref="G3272:I3272"/>
    <mergeCell ref="A3274:B3275"/>
    <mergeCell ref="A3276:B3277"/>
    <mergeCell ref="A3258:B3259"/>
    <mergeCell ref="A3260:B3261"/>
    <mergeCell ref="A3262:B3263"/>
    <mergeCell ref="A3264:B3265"/>
    <mergeCell ref="A3266:B3267"/>
    <mergeCell ref="A3288:B3289"/>
    <mergeCell ref="A3290:B3291"/>
    <mergeCell ref="A3292:B3293"/>
    <mergeCell ref="A3294:B3295"/>
    <mergeCell ref="A3296:B3297"/>
    <mergeCell ref="A3278:B3279"/>
    <mergeCell ref="A3280:B3281"/>
    <mergeCell ref="A3282:B3283"/>
    <mergeCell ref="A3284:B3285"/>
    <mergeCell ref="A3286:B3287"/>
    <mergeCell ref="G3311:K3311"/>
    <mergeCell ref="G3310:I3310"/>
    <mergeCell ref="A3312:B3313"/>
    <mergeCell ref="A3314:B3315"/>
    <mergeCell ref="A3316:B3317"/>
    <mergeCell ref="A3298:B3299"/>
    <mergeCell ref="A3300:B3301"/>
    <mergeCell ref="A3302:B3303"/>
    <mergeCell ref="A3304:B3305"/>
    <mergeCell ref="A3311:B3311"/>
    <mergeCell ref="A3318:B3319"/>
    <mergeCell ref="A3320:B3321"/>
    <mergeCell ref="A3322:B3323"/>
    <mergeCell ref="A3349:B3349"/>
    <mergeCell ref="G3349:K3349"/>
    <mergeCell ref="G3348:I3348"/>
    <mergeCell ref="A3360:B3361"/>
    <mergeCell ref="A3362:B3363"/>
    <mergeCell ref="A3364:B3365"/>
    <mergeCell ref="A3366:B3367"/>
    <mergeCell ref="A3368:B3369"/>
    <mergeCell ref="A3350:B3351"/>
    <mergeCell ref="A3352:B3353"/>
    <mergeCell ref="A3354:B3355"/>
    <mergeCell ref="A3356:B3357"/>
    <mergeCell ref="A3358:B3359"/>
    <mergeCell ref="A3380:B3381"/>
    <mergeCell ref="A3387:B3387"/>
    <mergeCell ref="G3387:K3387"/>
    <mergeCell ref="G3386:I3386"/>
    <mergeCell ref="A3388:B3389"/>
    <mergeCell ref="A3370:B3371"/>
    <mergeCell ref="A3372:B3373"/>
    <mergeCell ref="A3374:B3375"/>
    <mergeCell ref="A3376:B3377"/>
    <mergeCell ref="A3378:B3379"/>
    <mergeCell ref="A3400:B3401"/>
    <mergeCell ref="A3402:B3403"/>
    <mergeCell ref="A3404:B3405"/>
    <mergeCell ref="A3406:B3407"/>
    <mergeCell ref="A3408:B3409"/>
    <mergeCell ref="A3390:B3391"/>
    <mergeCell ref="A3392:B3393"/>
    <mergeCell ref="A3394:B3395"/>
    <mergeCell ref="A3396:B3397"/>
    <mergeCell ref="A3398:B3399"/>
    <mergeCell ref="G3424:I3424"/>
    <mergeCell ref="A3426:B3427"/>
    <mergeCell ref="A3428:B3429"/>
    <mergeCell ref="A3410:B3411"/>
    <mergeCell ref="A3412:B3413"/>
    <mergeCell ref="A3414:B3415"/>
    <mergeCell ref="A3416:B3417"/>
    <mergeCell ref="A3418:B3419"/>
    <mergeCell ref="A3430:B3431"/>
    <mergeCell ref="A3432:B3433"/>
    <mergeCell ref="A3437:B3437"/>
    <mergeCell ref="G3437:K3437"/>
    <mergeCell ref="G3436:I3436"/>
    <mergeCell ref="A3425:B3425"/>
    <mergeCell ref="G3425:K3425"/>
    <mergeCell ref="G3458:I3458"/>
    <mergeCell ref="A3438:B3439"/>
    <mergeCell ref="A3440:B3441"/>
    <mergeCell ref="A3442:B3443"/>
    <mergeCell ref="A3444:B3445"/>
    <mergeCell ref="A3446:B3447"/>
    <mergeCell ref="A3460:B3461"/>
    <mergeCell ref="A3462:B3463"/>
    <mergeCell ref="A3497:B3497"/>
    <mergeCell ref="G3497:K3497"/>
    <mergeCell ref="G3496:I3496"/>
    <mergeCell ref="A3448:B3449"/>
    <mergeCell ref="A3450:B3451"/>
    <mergeCell ref="A3452:B3453"/>
    <mergeCell ref="A3459:B3459"/>
    <mergeCell ref="G3459:K3459"/>
    <mergeCell ref="A3508:B3509"/>
    <mergeCell ref="A3510:B3511"/>
    <mergeCell ref="A3512:B3513"/>
    <mergeCell ref="A3514:B3515"/>
    <mergeCell ref="A3516:B3517"/>
    <mergeCell ref="A3498:B3499"/>
    <mergeCell ref="A3500:B3501"/>
    <mergeCell ref="A3502:B3503"/>
    <mergeCell ref="A3504:B3505"/>
    <mergeCell ref="A3506:B3507"/>
    <mergeCell ref="A3528:B3529"/>
    <mergeCell ref="A3535:B3535"/>
    <mergeCell ref="G3535:K3535"/>
    <mergeCell ref="G3534:I3534"/>
    <mergeCell ref="A3536:B3537"/>
    <mergeCell ref="A3518:B3519"/>
    <mergeCell ref="A3520:B3521"/>
    <mergeCell ref="A3522:B3523"/>
    <mergeCell ref="A3524:B3525"/>
    <mergeCell ref="A3526:B3527"/>
    <mergeCell ref="A3548:B3549"/>
    <mergeCell ref="A3550:B3551"/>
    <mergeCell ref="A3552:B3553"/>
    <mergeCell ref="A3554:B3555"/>
    <mergeCell ref="A3556:B3557"/>
    <mergeCell ref="A3538:B3539"/>
    <mergeCell ref="A3540:B3541"/>
    <mergeCell ref="A3542:B3543"/>
    <mergeCell ref="A3544:B3545"/>
    <mergeCell ref="A3546:B3547"/>
    <mergeCell ref="G3572:I3572"/>
    <mergeCell ref="A3574:B3575"/>
    <mergeCell ref="A3576:B3577"/>
    <mergeCell ref="A3558:B3559"/>
    <mergeCell ref="A3560:B3561"/>
    <mergeCell ref="A3562:B3563"/>
    <mergeCell ref="A3564:B3565"/>
    <mergeCell ref="A3566:B3567"/>
    <mergeCell ref="A3578:B3579"/>
    <mergeCell ref="A3580:B3581"/>
    <mergeCell ref="A3611:B3611"/>
    <mergeCell ref="G3611:K3611"/>
    <mergeCell ref="G3610:I3610"/>
    <mergeCell ref="A3573:B3573"/>
    <mergeCell ref="G3573:K3573"/>
    <mergeCell ref="A3622:B3623"/>
    <mergeCell ref="A3624:B3625"/>
    <mergeCell ref="A3626:B3627"/>
    <mergeCell ref="A3628:B3629"/>
    <mergeCell ref="A3630:B3631"/>
    <mergeCell ref="A3612:B3613"/>
    <mergeCell ref="A3614:B3615"/>
    <mergeCell ref="A3616:B3617"/>
    <mergeCell ref="A3618:B3619"/>
    <mergeCell ref="A3620:B3621"/>
    <mergeCell ref="A3642:B3643"/>
    <mergeCell ref="A3649:B3649"/>
    <mergeCell ref="G3649:K3649"/>
    <mergeCell ref="G3648:I3648"/>
    <mergeCell ref="A3650:B3651"/>
    <mergeCell ref="A3632:B3633"/>
    <mergeCell ref="A3634:B3635"/>
    <mergeCell ref="A3636:B3637"/>
    <mergeCell ref="A3638:B3639"/>
    <mergeCell ref="A3640:B3641"/>
    <mergeCell ref="A3662:B3663"/>
    <mergeCell ref="A3664:B3665"/>
    <mergeCell ref="A3666:B3667"/>
    <mergeCell ref="A3668:B3669"/>
    <mergeCell ref="A3670:B3671"/>
    <mergeCell ref="A3652:B3653"/>
    <mergeCell ref="A3654:B3655"/>
    <mergeCell ref="A3656:B3657"/>
    <mergeCell ref="A3658:B3659"/>
    <mergeCell ref="A3660:B3661"/>
    <mergeCell ref="A3687:B3687"/>
    <mergeCell ref="G3687:K3687"/>
    <mergeCell ref="G3686:I3686"/>
    <mergeCell ref="A3688:B3689"/>
    <mergeCell ref="A3690:B3691"/>
    <mergeCell ref="A3672:B3673"/>
    <mergeCell ref="A3674:B3675"/>
    <mergeCell ref="A3676:B3677"/>
    <mergeCell ref="A3678:B3679"/>
    <mergeCell ref="A3680:B3681"/>
    <mergeCell ref="A3702:B3703"/>
    <mergeCell ref="A3704:B3705"/>
    <mergeCell ref="A3706:B3707"/>
    <mergeCell ref="A3708:B3709"/>
    <mergeCell ref="A3710:B3711"/>
    <mergeCell ref="A3692:B3693"/>
    <mergeCell ref="A3694:B3695"/>
    <mergeCell ref="A3696:B3697"/>
    <mergeCell ref="A3698:B3699"/>
    <mergeCell ref="A3700:B3701"/>
    <mergeCell ref="G3725:K3725"/>
    <mergeCell ref="G3724:I3724"/>
    <mergeCell ref="A3726:B3727"/>
    <mergeCell ref="A3728:B3729"/>
    <mergeCell ref="A3730:B3731"/>
    <mergeCell ref="A3712:B3713"/>
    <mergeCell ref="A3714:B3715"/>
    <mergeCell ref="A3716:B3717"/>
    <mergeCell ref="A3718:B3719"/>
    <mergeCell ref="A3725:B3725"/>
    <mergeCell ref="A3763:B3763"/>
    <mergeCell ref="G3763:K3763"/>
    <mergeCell ref="G3762:I3762"/>
    <mergeCell ref="A3764:B3765"/>
    <mergeCell ref="A3766:B3767"/>
    <mergeCell ref="A3732:B3733"/>
    <mergeCell ref="A3734:B3735"/>
    <mergeCell ref="A3736:B3737"/>
    <mergeCell ref="A3738:B3739"/>
    <mergeCell ref="A3740:B3741"/>
    <mergeCell ref="G3801:K3801"/>
    <mergeCell ref="G3800:I3800"/>
    <mergeCell ref="A3768:B3769"/>
    <mergeCell ref="A3770:B3771"/>
    <mergeCell ref="A3772:B3773"/>
    <mergeCell ref="A3774:B3775"/>
    <mergeCell ref="A3776:B3777"/>
    <mergeCell ref="A3802:B3803"/>
    <mergeCell ref="A3804:B3805"/>
    <mergeCell ref="A3806:B3807"/>
    <mergeCell ref="A3808:B3809"/>
    <mergeCell ref="A3810:B3811"/>
    <mergeCell ref="A3778:B3779"/>
    <mergeCell ref="A3780:B3781"/>
    <mergeCell ref="A3782:B3783"/>
    <mergeCell ref="A3801:B3801"/>
    <mergeCell ref="A3822:B3823"/>
    <mergeCell ref="A3824:B3825"/>
    <mergeCell ref="A3839:B3839"/>
    <mergeCell ref="G3839:K3839"/>
    <mergeCell ref="G3838:I3838"/>
    <mergeCell ref="A3812:B3813"/>
    <mergeCell ref="A3814:B3815"/>
    <mergeCell ref="A3816:B3817"/>
    <mergeCell ref="A3818:B3819"/>
    <mergeCell ref="A3820:B3821"/>
    <mergeCell ref="G3915:K3915"/>
    <mergeCell ref="G3914:I3914"/>
    <mergeCell ref="A3916:B3917"/>
    <mergeCell ref="A3918:B3919"/>
    <mergeCell ref="A3900:B3901"/>
    <mergeCell ref="A3902:B3903"/>
    <mergeCell ref="A3904:B3905"/>
    <mergeCell ref="A3906:B3907"/>
    <mergeCell ref="A3908:B3909"/>
    <mergeCell ref="A3850:B3851"/>
    <mergeCell ref="A3852:B3853"/>
    <mergeCell ref="A3854:B3855"/>
    <mergeCell ref="A3856:B3857"/>
    <mergeCell ref="A3858:B3859"/>
    <mergeCell ref="A3840:B3841"/>
    <mergeCell ref="A3842:B3843"/>
    <mergeCell ref="A3844:B3845"/>
    <mergeCell ref="A3846:B3847"/>
    <mergeCell ref="A3848:B3849"/>
    <mergeCell ref="A3870:B3871"/>
    <mergeCell ref="A3877:B3877"/>
    <mergeCell ref="G3877:K3877"/>
    <mergeCell ref="G3876:I3876"/>
    <mergeCell ref="A3878:B3879"/>
    <mergeCell ref="A3860:B3861"/>
    <mergeCell ref="A3862:B3863"/>
    <mergeCell ref="A3864:B3865"/>
    <mergeCell ref="A3866:B3867"/>
    <mergeCell ref="A3868:B3869"/>
    <mergeCell ref="A3930:B3931"/>
    <mergeCell ref="A3920:B3921"/>
    <mergeCell ref="A3922:B3923"/>
    <mergeCell ref="A3924:B3925"/>
    <mergeCell ref="A3926:B3927"/>
    <mergeCell ref="A3928:B3929"/>
    <mergeCell ref="A3890:B3891"/>
    <mergeCell ref="A3892:B3893"/>
    <mergeCell ref="A3894:B3895"/>
    <mergeCell ref="A3896:B3897"/>
    <mergeCell ref="A3898:B3899"/>
    <mergeCell ref="A3880:B3881"/>
    <mergeCell ref="A3882:B3883"/>
    <mergeCell ref="A3884:B3885"/>
    <mergeCell ref="A3886:B3887"/>
    <mergeCell ref="A3888:B3889"/>
    <mergeCell ref="A3915:B3915"/>
  </mergeCells>
  <phoneticPr fontId="68"/>
  <pageMargins left="0.59055118110236227" right="0.35433070866141736" top="0.78740157480314965" bottom="0.78740157480314965" header="0.51181102362204722" footer="0.59055118110236227"/>
  <pageSetup paperSize="9" fitToHeight="0" orientation="landscape" r:id="rId1"/>
  <headerFooter alignWithMargins="0">
    <oddFooter>&amp;L&amp;"ＭＳ 明朝,標準" 30-12-y070-3-010-00&amp;R&amp;"ＭＳ 明朝,標準"四　 日　 市　 市</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410"/>
  <sheetViews>
    <sheetView zoomScaleNormal="100" zoomScaleSheetLayoutView="100" workbookViewId="0"/>
  </sheetViews>
  <sheetFormatPr defaultRowHeight="16.149999999999999" customHeight="1"/>
  <cols>
    <col min="1" max="1" width="19" style="291" customWidth="1" collapsed="1"/>
    <col min="2" max="2" width="24.625" style="291" customWidth="1" collapsed="1"/>
    <col min="3" max="3" width="8.625" style="291" customWidth="1" collapsed="1"/>
    <col min="4" max="6" width="19.25" style="291" customWidth="1" collapsed="1"/>
    <col min="7" max="7" width="10.625" style="291" customWidth="1" collapsed="1"/>
    <col min="8" max="8" width="3.625" style="291" customWidth="1" collapsed="1"/>
    <col min="9" max="9" width="5.625" style="291" bestFit="1" customWidth="1" collapsed="1"/>
    <col min="10" max="10" width="5.625" style="291" customWidth="1" collapsed="1"/>
    <col min="11" max="11" width="8.625" style="291" customWidth="1" collapsed="1"/>
    <col min="12" max="12" width="5.625" style="291" customWidth="1" collapsed="1"/>
    <col min="13" max="13" width="9" style="291" customWidth="1" collapsed="1"/>
    <col min="14" max="16384" width="9" style="291"/>
  </cols>
  <sheetData>
    <row r="1" spans="1:12" ht="16.149999999999999" customHeight="1">
      <c r="A1" s="507" t="s">
        <v>651</v>
      </c>
      <c r="B1" s="479" t="s">
        <v>971</v>
      </c>
      <c r="C1" s="480"/>
      <c r="D1" s="479"/>
      <c r="E1" s="479"/>
      <c r="F1" s="479"/>
      <c r="G1" s="479"/>
      <c r="H1" s="479" t="s">
        <v>617</v>
      </c>
      <c r="I1" s="480" t="s">
        <v>679</v>
      </c>
      <c r="J1" s="479" t="s">
        <v>689</v>
      </c>
      <c r="K1" s="479" t="s">
        <v>1635</v>
      </c>
      <c r="L1" s="506"/>
    </row>
    <row r="2" spans="1:12" ht="16.149999999999999" customHeight="1">
      <c r="A2" s="505" t="s">
        <v>651</v>
      </c>
      <c r="B2" s="549" t="s">
        <v>651</v>
      </c>
      <c r="C2" s="550"/>
      <c r="D2" s="549"/>
      <c r="E2" s="549"/>
      <c r="F2" s="549"/>
      <c r="G2" s="478"/>
      <c r="H2" s="549"/>
      <c r="I2" s="504"/>
      <c r="J2" s="503" t="s">
        <v>687</v>
      </c>
      <c r="K2" s="502" t="s">
        <v>621</v>
      </c>
      <c r="L2" s="501" t="s">
        <v>618</v>
      </c>
    </row>
    <row r="3" spans="1:12" ht="16.149999999999999" customHeight="1">
      <c r="A3" s="477" t="s">
        <v>651</v>
      </c>
      <c r="B3" s="549"/>
      <c r="C3" s="550"/>
      <c r="D3" s="549"/>
      <c r="E3" s="549"/>
      <c r="F3" s="549"/>
      <c r="G3" s="478"/>
      <c r="H3" s="478"/>
      <c r="I3" s="478"/>
      <c r="J3" s="478"/>
      <c r="K3" s="478"/>
      <c r="L3" s="501"/>
    </row>
    <row r="4" spans="1:12" ht="16.149999999999999" customHeight="1">
      <c r="A4" s="498" t="s">
        <v>686</v>
      </c>
      <c r="B4" s="500"/>
      <c r="C4" s="499" t="s">
        <v>309</v>
      </c>
      <c r="D4" s="499" t="s">
        <v>685</v>
      </c>
      <c r="E4" s="499" t="s">
        <v>684</v>
      </c>
      <c r="F4" s="499" t="s">
        <v>683</v>
      </c>
      <c r="G4" s="498" t="s">
        <v>682</v>
      </c>
      <c r="H4" s="497"/>
      <c r="I4" s="497"/>
      <c r="J4" s="497"/>
      <c r="K4" s="497"/>
      <c r="L4" s="496"/>
    </row>
    <row r="5" spans="1:12" ht="16.149999999999999" customHeight="1">
      <c r="A5" s="733" t="s">
        <v>1643</v>
      </c>
      <c r="B5" s="734"/>
      <c r="C5" s="495"/>
      <c r="D5" s="494"/>
      <c r="E5" s="493"/>
      <c r="F5" s="492"/>
      <c r="G5" s="486" t="s">
        <v>651</v>
      </c>
      <c r="H5" s="549"/>
      <c r="I5" s="549"/>
      <c r="J5" s="549"/>
      <c r="K5" s="549"/>
      <c r="L5" s="551"/>
    </row>
    <row r="6" spans="1:12" ht="16.149999999999999" customHeight="1">
      <c r="A6" s="735"/>
      <c r="B6" s="736"/>
      <c r="C6" s="490"/>
      <c r="D6" s="489"/>
      <c r="E6" s="491"/>
      <c r="F6" s="487" t="s">
        <v>651</v>
      </c>
      <c r="G6" s="486" t="s">
        <v>651</v>
      </c>
      <c r="H6" s="549"/>
      <c r="I6" s="549"/>
      <c r="J6" s="549"/>
      <c r="K6" s="549"/>
      <c r="L6" s="551"/>
    </row>
    <row r="7" spans="1:12" ht="16.149999999999999" customHeight="1">
      <c r="A7" s="735" t="s">
        <v>651</v>
      </c>
      <c r="B7" s="736"/>
      <c r="C7" s="490" t="s">
        <v>248</v>
      </c>
      <c r="D7" s="489"/>
      <c r="E7" s="488"/>
      <c r="F7" s="487"/>
      <c r="G7" s="486" t="s">
        <v>651</v>
      </c>
      <c r="H7" s="549"/>
      <c r="I7" s="549"/>
      <c r="J7" s="549"/>
      <c r="K7" s="549"/>
      <c r="L7" s="551"/>
    </row>
    <row r="8" spans="1:12" ht="16.149999999999999" customHeight="1">
      <c r="A8" s="737"/>
      <c r="B8" s="738"/>
      <c r="C8" s="485"/>
      <c r="D8" s="484"/>
      <c r="E8" s="483"/>
      <c r="F8" s="482"/>
      <c r="G8" s="481" t="s">
        <v>651</v>
      </c>
      <c r="H8" s="476"/>
      <c r="I8" s="476"/>
      <c r="J8" s="476"/>
      <c r="K8" s="476"/>
      <c r="L8" s="475"/>
    </row>
    <row r="9" spans="1:12" ht="16.149999999999999" customHeight="1">
      <c r="A9" s="733" t="s">
        <v>1701</v>
      </c>
      <c r="B9" s="734"/>
      <c r="C9" s="495"/>
      <c r="D9" s="494"/>
      <c r="E9" s="493"/>
      <c r="F9" s="492"/>
      <c r="G9" s="486" t="s">
        <v>651</v>
      </c>
      <c r="H9" s="549"/>
      <c r="I9" s="549"/>
      <c r="J9" s="549"/>
      <c r="K9" s="549"/>
      <c r="L9" s="551"/>
    </row>
    <row r="10" spans="1:12" ht="16.149999999999999" customHeight="1">
      <c r="A10" s="735"/>
      <c r="B10" s="736"/>
      <c r="C10" s="490"/>
      <c r="D10" s="489"/>
      <c r="E10" s="491"/>
      <c r="F10" s="487" t="s">
        <v>651</v>
      </c>
      <c r="G10" s="486" t="s">
        <v>651</v>
      </c>
      <c r="H10" s="549"/>
      <c r="I10" s="549"/>
      <c r="J10" s="549"/>
      <c r="K10" s="549"/>
      <c r="L10" s="551"/>
    </row>
    <row r="11" spans="1:12" ht="16.149999999999999" customHeight="1">
      <c r="A11" s="735" t="s">
        <v>1494</v>
      </c>
      <c r="B11" s="736"/>
      <c r="C11" s="490" t="s">
        <v>1493</v>
      </c>
      <c r="D11" s="489"/>
      <c r="E11" s="488"/>
      <c r="F11" s="487"/>
      <c r="G11" s="486" t="s">
        <v>651</v>
      </c>
      <c r="H11" s="549"/>
      <c r="I11" s="549"/>
      <c r="J11" s="549"/>
      <c r="K11" s="549"/>
      <c r="L11" s="551"/>
    </row>
    <row r="12" spans="1:12" ht="16.149999999999999" customHeight="1">
      <c r="A12" s="737"/>
      <c r="B12" s="738"/>
      <c r="C12" s="485"/>
      <c r="D12" s="484"/>
      <c r="E12" s="483"/>
      <c r="F12" s="482"/>
      <c r="G12" s="481" t="s">
        <v>651</v>
      </c>
      <c r="H12" s="476"/>
      <c r="I12" s="476"/>
      <c r="J12" s="476"/>
      <c r="K12" s="476"/>
      <c r="L12" s="475"/>
    </row>
    <row r="13" spans="1:12" ht="16.149999999999999" customHeight="1">
      <c r="A13" s="733" t="s">
        <v>1651</v>
      </c>
      <c r="B13" s="734"/>
      <c r="C13" s="495"/>
      <c r="D13" s="494"/>
      <c r="E13" s="493"/>
      <c r="F13" s="492"/>
      <c r="G13" s="486" t="s">
        <v>651</v>
      </c>
      <c r="H13" s="549"/>
      <c r="I13" s="549"/>
      <c r="J13" s="549"/>
      <c r="K13" s="549"/>
      <c r="L13" s="551"/>
    </row>
    <row r="14" spans="1:12" ht="16.149999999999999" customHeight="1">
      <c r="A14" s="735"/>
      <c r="B14" s="736"/>
      <c r="C14" s="490"/>
      <c r="D14" s="489"/>
      <c r="E14" s="491"/>
      <c r="F14" s="487" t="s">
        <v>651</v>
      </c>
      <c r="G14" s="486" t="s">
        <v>651</v>
      </c>
      <c r="H14" s="549"/>
      <c r="I14" s="549"/>
      <c r="J14" s="549"/>
      <c r="K14" s="549"/>
      <c r="L14" s="551"/>
    </row>
    <row r="15" spans="1:12" ht="16.149999999999999" customHeight="1">
      <c r="A15" s="735" t="s">
        <v>1710</v>
      </c>
      <c r="B15" s="736"/>
      <c r="C15" s="490" t="s">
        <v>1650</v>
      </c>
      <c r="D15" s="489"/>
      <c r="E15" s="488"/>
      <c r="F15" s="487"/>
      <c r="G15" s="486" t="s">
        <v>651</v>
      </c>
      <c r="H15" s="549"/>
      <c r="I15" s="549"/>
      <c r="J15" s="549"/>
      <c r="K15" s="549"/>
      <c r="L15" s="551"/>
    </row>
    <row r="16" spans="1:12" ht="16.149999999999999" customHeight="1">
      <c r="A16" s="737"/>
      <c r="B16" s="738"/>
      <c r="C16" s="485"/>
      <c r="D16" s="484"/>
      <c r="E16" s="483"/>
      <c r="F16" s="482"/>
      <c r="G16" s="481" t="s">
        <v>651</v>
      </c>
      <c r="H16" s="476"/>
      <c r="I16" s="476"/>
      <c r="J16" s="476"/>
      <c r="K16" s="476"/>
      <c r="L16" s="475"/>
    </row>
    <row r="17" spans="1:12" ht="16.149999999999999" customHeight="1">
      <c r="A17" s="733" t="s">
        <v>700</v>
      </c>
      <c r="B17" s="734"/>
      <c r="C17" s="495"/>
      <c r="D17" s="494"/>
      <c r="E17" s="493"/>
      <c r="F17" s="492"/>
      <c r="G17" s="486" t="s">
        <v>651</v>
      </c>
      <c r="H17" s="549"/>
      <c r="I17" s="549"/>
      <c r="J17" s="549"/>
      <c r="K17" s="549"/>
      <c r="L17" s="551"/>
    </row>
    <row r="18" spans="1:12" ht="16.149999999999999" customHeight="1">
      <c r="A18" s="735"/>
      <c r="B18" s="736"/>
      <c r="C18" s="490"/>
      <c r="D18" s="489"/>
      <c r="E18" s="491"/>
      <c r="F18" s="487" t="s">
        <v>651</v>
      </c>
      <c r="G18" s="486" t="s">
        <v>651</v>
      </c>
      <c r="H18" s="549"/>
      <c r="I18" s="549"/>
      <c r="J18" s="549"/>
      <c r="K18" s="549"/>
      <c r="L18" s="551"/>
    </row>
    <row r="19" spans="1:12" ht="16.149999999999999" customHeight="1">
      <c r="A19" s="735" t="s">
        <v>651</v>
      </c>
      <c r="B19" s="736"/>
      <c r="C19" s="490" t="s">
        <v>242</v>
      </c>
      <c r="D19" s="489">
        <v>1</v>
      </c>
      <c r="E19" s="488"/>
      <c r="F19" s="487"/>
      <c r="G19" s="486" t="s">
        <v>651</v>
      </c>
      <c r="H19" s="549"/>
      <c r="I19" s="549"/>
      <c r="J19" s="549"/>
      <c r="K19" s="549"/>
      <c r="L19" s="551"/>
    </row>
    <row r="20" spans="1:12" ht="16.149999999999999" customHeight="1">
      <c r="A20" s="737"/>
      <c r="B20" s="738"/>
      <c r="C20" s="485"/>
      <c r="D20" s="484"/>
      <c r="E20" s="483"/>
      <c r="F20" s="482"/>
      <c r="G20" s="481" t="s">
        <v>651</v>
      </c>
      <c r="H20" s="476"/>
      <c r="I20" s="476"/>
      <c r="J20" s="476"/>
      <c r="K20" s="476"/>
      <c r="L20" s="475"/>
    </row>
    <row r="21" spans="1:12" ht="16.149999999999999" customHeight="1">
      <c r="A21" s="733" t="s">
        <v>651</v>
      </c>
      <c r="B21" s="734"/>
      <c r="C21" s="495"/>
      <c r="D21" s="494"/>
      <c r="E21" s="493"/>
      <c r="F21" s="492"/>
      <c r="G21" s="486" t="s">
        <v>651</v>
      </c>
      <c r="H21" s="549"/>
      <c r="I21" s="549"/>
      <c r="J21" s="549"/>
      <c r="K21" s="549"/>
      <c r="L21" s="551"/>
    </row>
    <row r="22" spans="1:12" ht="16.149999999999999" customHeight="1">
      <c r="A22" s="735"/>
      <c r="B22" s="736"/>
      <c r="C22" s="490"/>
      <c r="D22" s="489"/>
      <c r="E22" s="491"/>
      <c r="F22" s="487" t="s">
        <v>651</v>
      </c>
      <c r="G22" s="486" t="s">
        <v>651</v>
      </c>
      <c r="H22" s="549"/>
      <c r="I22" s="549"/>
      <c r="J22" s="549"/>
      <c r="K22" s="549"/>
      <c r="L22" s="551"/>
    </row>
    <row r="23" spans="1:12" ht="16.149999999999999" customHeight="1">
      <c r="A23" s="735" t="s">
        <v>691</v>
      </c>
      <c r="B23" s="736"/>
      <c r="C23" s="490" t="s">
        <v>621</v>
      </c>
      <c r="D23" s="489">
        <v>1</v>
      </c>
      <c r="E23" s="488"/>
      <c r="F23" s="487"/>
      <c r="G23" s="486" t="s">
        <v>651</v>
      </c>
      <c r="H23" s="549"/>
      <c r="I23" s="549"/>
      <c r="J23" s="549"/>
      <c r="K23" s="549"/>
      <c r="L23" s="551"/>
    </row>
    <row r="24" spans="1:12" ht="16.149999999999999" customHeight="1">
      <c r="A24" s="737"/>
      <c r="B24" s="738"/>
      <c r="C24" s="485"/>
      <c r="D24" s="484"/>
      <c r="E24" s="483"/>
      <c r="F24" s="482"/>
      <c r="G24" s="481" t="s">
        <v>651</v>
      </c>
      <c r="H24" s="476"/>
      <c r="I24" s="476"/>
      <c r="J24" s="476"/>
      <c r="K24" s="476"/>
      <c r="L24" s="475"/>
    </row>
    <row r="25" spans="1:12" ht="16.149999999999999" customHeight="1">
      <c r="A25" s="733" t="s">
        <v>651</v>
      </c>
      <c r="B25" s="734"/>
      <c r="C25" s="495"/>
      <c r="D25" s="494"/>
      <c r="E25" s="493"/>
      <c r="F25" s="492"/>
      <c r="G25" s="486" t="s">
        <v>651</v>
      </c>
      <c r="H25" s="549"/>
      <c r="I25" s="549"/>
      <c r="J25" s="549"/>
      <c r="K25" s="549"/>
      <c r="L25" s="551"/>
    </row>
    <row r="26" spans="1:12" ht="16.149999999999999" customHeight="1">
      <c r="A26" s="735"/>
      <c r="B26" s="736"/>
      <c r="C26" s="490"/>
      <c r="D26" s="489"/>
      <c r="E26" s="491"/>
      <c r="F26" s="487" t="s">
        <v>651</v>
      </c>
      <c r="G26" s="486" t="s">
        <v>651</v>
      </c>
      <c r="H26" s="549"/>
      <c r="I26" s="549"/>
      <c r="J26" s="549"/>
      <c r="K26" s="549"/>
      <c r="L26" s="551"/>
    </row>
    <row r="27" spans="1:12" ht="16.149999999999999" customHeight="1">
      <c r="A27" s="735" t="s">
        <v>681</v>
      </c>
      <c r="B27" s="736"/>
      <c r="C27" s="490" t="s">
        <v>621</v>
      </c>
      <c r="D27" s="489">
        <v>1</v>
      </c>
      <c r="E27" s="488" t="s">
        <v>618</v>
      </c>
      <c r="F27" s="487"/>
      <c r="G27" s="486" t="s">
        <v>651</v>
      </c>
      <c r="H27" s="549"/>
      <c r="I27" s="549"/>
      <c r="J27" s="549"/>
      <c r="K27" s="549"/>
      <c r="L27" s="551"/>
    </row>
    <row r="28" spans="1:12" ht="16.149999999999999" customHeight="1">
      <c r="A28" s="737"/>
      <c r="B28" s="738"/>
      <c r="C28" s="485"/>
      <c r="D28" s="484"/>
      <c r="E28" s="483"/>
      <c r="F28" s="482"/>
      <c r="G28" s="481" t="s">
        <v>651</v>
      </c>
      <c r="H28" s="476"/>
      <c r="I28" s="476"/>
      <c r="J28" s="476"/>
      <c r="K28" s="476"/>
      <c r="L28" s="475"/>
    </row>
    <row r="36" spans="1:12" ht="16.149999999999999" customHeight="1">
      <c r="A36" s="507" t="s">
        <v>651</v>
      </c>
      <c r="B36" s="479" t="s">
        <v>733</v>
      </c>
      <c r="C36" s="480"/>
      <c r="D36" s="479"/>
      <c r="E36" s="479"/>
      <c r="F36" s="479"/>
      <c r="G36" s="479"/>
      <c r="H36" s="479" t="s">
        <v>617</v>
      </c>
      <c r="I36" s="480" t="s">
        <v>999</v>
      </c>
      <c r="J36" s="479" t="s">
        <v>689</v>
      </c>
      <c r="K36" s="479" t="s">
        <v>1635</v>
      </c>
      <c r="L36" s="506"/>
    </row>
    <row r="37" spans="1:12" ht="16.149999999999999" customHeight="1">
      <c r="A37" s="505" t="s">
        <v>651</v>
      </c>
      <c r="B37" s="549" t="s">
        <v>1661</v>
      </c>
      <c r="C37" s="550"/>
      <c r="D37" s="549"/>
      <c r="E37" s="549"/>
      <c r="F37" s="549"/>
      <c r="G37" s="478"/>
      <c r="H37" s="549"/>
      <c r="I37" s="504"/>
      <c r="J37" s="503" t="s">
        <v>687</v>
      </c>
      <c r="K37" s="502" t="s">
        <v>731</v>
      </c>
      <c r="L37" s="501" t="s">
        <v>618</v>
      </c>
    </row>
    <row r="38" spans="1:12" ht="16.149999999999999" customHeight="1">
      <c r="A38" s="477" t="s">
        <v>651</v>
      </c>
      <c r="B38" s="549"/>
      <c r="C38" s="550"/>
      <c r="D38" s="549"/>
      <c r="E38" s="549"/>
      <c r="F38" s="549"/>
      <c r="G38" s="478"/>
      <c r="H38" s="478"/>
      <c r="I38" s="478"/>
      <c r="J38" s="478"/>
      <c r="K38" s="478"/>
      <c r="L38" s="501"/>
    </row>
    <row r="39" spans="1:12" ht="16.149999999999999" customHeight="1">
      <c r="A39" s="498" t="s">
        <v>686</v>
      </c>
      <c r="B39" s="500"/>
      <c r="C39" s="499" t="s">
        <v>309</v>
      </c>
      <c r="D39" s="499" t="s">
        <v>685</v>
      </c>
      <c r="E39" s="499" t="s">
        <v>684</v>
      </c>
      <c r="F39" s="499" t="s">
        <v>683</v>
      </c>
      <c r="G39" s="498" t="s">
        <v>682</v>
      </c>
      <c r="H39" s="497"/>
      <c r="I39" s="497"/>
      <c r="J39" s="497"/>
      <c r="K39" s="497"/>
      <c r="L39" s="496"/>
    </row>
    <row r="40" spans="1:12" ht="16.149999999999999" customHeight="1">
      <c r="A40" s="733" t="s">
        <v>1638</v>
      </c>
      <c r="B40" s="734"/>
      <c r="C40" s="495"/>
      <c r="D40" s="494"/>
      <c r="E40" s="493"/>
      <c r="F40" s="492"/>
      <c r="G40" s="486" t="s">
        <v>651</v>
      </c>
      <c r="H40" s="549"/>
      <c r="I40" s="549"/>
      <c r="J40" s="549"/>
      <c r="K40" s="549"/>
      <c r="L40" s="551"/>
    </row>
    <row r="41" spans="1:12" ht="16.149999999999999" customHeight="1">
      <c r="A41" s="735"/>
      <c r="B41" s="736"/>
      <c r="C41" s="490"/>
      <c r="D41" s="489"/>
      <c r="E41" s="491"/>
      <c r="F41" s="487" t="s">
        <v>651</v>
      </c>
      <c r="G41" s="486" t="s">
        <v>651</v>
      </c>
      <c r="H41" s="549"/>
      <c r="I41" s="549"/>
      <c r="J41" s="549"/>
      <c r="K41" s="549"/>
      <c r="L41" s="551"/>
    </row>
    <row r="42" spans="1:12" ht="16.149999999999999" customHeight="1">
      <c r="A42" s="735" t="s">
        <v>651</v>
      </c>
      <c r="B42" s="736"/>
      <c r="C42" s="490" t="s">
        <v>248</v>
      </c>
      <c r="D42" s="489"/>
      <c r="E42" s="488"/>
      <c r="F42" s="487"/>
      <c r="G42" s="486" t="s">
        <v>651</v>
      </c>
      <c r="H42" s="549"/>
      <c r="I42" s="549"/>
      <c r="J42" s="549"/>
      <c r="K42" s="549"/>
      <c r="L42" s="551"/>
    </row>
    <row r="43" spans="1:12" ht="16.149999999999999" customHeight="1">
      <c r="A43" s="737"/>
      <c r="B43" s="738"/>
      <c r="C43" s="485"/>
      <c r="D43" s="484"/>
      <c r="E43" s="483"/>
      <c r="F43" s="482"/>
      <c r="G43" s="481" t="s">
        <v>651</v>
      </c>
      <c r="H43" s="476"/>
      <c r="I43" s="476"/>
      <c r="J43" s="476"/>
      <c r="K43" s="476"/>
      <c r="L43" s="475"/>
    </row>
    <row r="44" spans="1:12" ht="16.149999999999999" customHeight="1">
      <c r="A44" s="733" t="s">
        <v>1701</v>
      </c>
      <c r="B44" s="734"/>
      <c r="C44" s="495"/>
      <c r="D44" s="494"/>
      <c r="E44" s="493"/>
      <c r="F44" s="492"/>
      <c r="G44" s="486" t="s">
        <v>651</v>
      </c>
      <c r="H44" s="549"/>
      <c r="I44" s="549"/>
      <c r="J44" s="549"/>
      <c r="K44" s="549"/>
      <c r="L44" s="551"/>
    </row>
    <row r="45" spans="1:12" ht="16.149999999999999" customHeight="1">
      <c r="A45" s="735"/>
      <c r="B45" s="736"/>
      <c r="C45" s="490"/>
      <c r="D45" s="489"/>
      <c r="E45" s="491"/>
      <c r="F45" s="487" t="s">
        <v>651</v>
      </c>
      <c r="G45" s="486" t="s">
        <v>651</v>
      </c>
      <c r="H45" s="549"/>
      <c r="I45" s="549"/>
      <c r="J45" s="549"/>
      <c r="K45" s="549"/>
      <c r="L45" s="551"/>
    </row>
    <row r="46" spans="1:12" ht="16.149999999999999" customHeight="1">
      <c r="A46" s="735" t="s">
        <v>1494</v>
      </c>
      <c r="B46" s="736"/>
      <c r="C46" s="490" t="s">
        <v>1493</v>
      </c>
      <c r="D46" s="489"/>
      <c r="E46" s="488"/>
      <c r="F46" s="487"/>
      <c r="G46" s="486" t="s">
        <v>651</v>
      </c>
      <c r="H46" s="549"/>
      <c r="I46" s="549"/>
      <c r="J46" s="549"/>
      <c r="K46" s="549"/>
      <c r="L46" s="551"/>
    </row>
    <row r="47" spans="1:12" ht="16.149999999999999" customHeight="1">
      <c r="A47" s="737"/>
      <c r="B47" s="738"/>
      <c r="C47" s="485"/>
      <c r="D47" s="484"/>
      <c r="E47" s="483"/>
      <c r="F47" s="482"/>
      <c r="G47" s="481" t="s">
        <v>651</v>
      </c>
      <c r="H47" s="476"/>
      <c r="I47" s="476"/>
      <c r="J47" s="476"/>
      <c r="K47" s="476"/>
      <c r="L47" s="475"/>
    </row>
    <row r="48" spans="1:12" ht="16.149999999999999" customHeight="1">
      <c r="A48" s="733" t="s">
        <v>1639</v>
      </c>
      <c r="B48" s="734"/>
      <c r="C48" s="495"/>
      <c r="D48" s="494"/>
      <c r="E48" s="493"/>
      <c r="F48" s="492"/>
      <c r="G48" s="486" t="s">
        <v>1649</v>
      </c>
      <c r="H48" s="549"/>
      <c r="I48" s="549"/>
      <c r="J48" s="549"/>
      <c r="K48" s="549"/>
      <c r="L48" s="551"/>
    </row>
    <row r="49" spans="1:12" ht="16.149999999999999" customHeight="1">
      <c r="A49" s="735"/>
      <c r="B49" s="736"/>
      <c r="C49" s="490"/>
      <c r="D49" s="489"/>
      <c r="E49" s="491"/>
      <c r="F49" s="487" t="s">
        <v>651</v>
      </c>
      <c r="G49" s="486" t="s">
        <v>651</v>
      </c>
      <c r="H49" s="549"/>
      <c r="I49" s="549"/>
      <c r="J49" s="549"/>
      <c r="K49" s="549"/>
      <c r="L49" s="551"/>
    </row>
    <row r="50" spans="1:12" ht="16.149999999999999" customHeight="1">
      <c r="A50" s="735" t="s">
        <v>1709</v>
      </c>
      <c r="B50" s="736"/>
      <c r="C50" s="490" t="s">
        <v>731</v>
      </c>
      <c r="D50" s="489"/>
      <c r="E50" s="488"/>
      <c r="F50" s="487"/>
      <c r="G50" s="486" t="s">
        <v>651</v>
      </c>
      <c r="H50" s="549"/>
      <c r="I50" s="549"/>
      <c r="J50" s="549"/>
      <c r="K50" s="549"/>
      <c r="L50" s="551"/>
    </row>
    <row r="51" spans="1:12" ht="16.149999999999999" customHeight="1">
      <c r="A51" s="737"/>
      <c r="B51" s="738"/>
      <c r="C51" s="485"/>
      <c r="D51" s="484"/>
      <c r="E51" s="483"/>
      <c r="F51" s="482"/>
      <c r="G51" s="481" t="s">
        <v>651</v>
      </c>
      <c r="H51" s="476"/>
      <c r="I51" s="476"/>
      <c r="J51" s="476"/>
      <c r="K51" s="476"/>
      <c r="L51" s="475"/>
    </row>
    <row r="52" spans="1:12" ht="16.149999999999999" customHeight="1">
      <c r="A52" s="733" t="s">
        <v>700</v>
      </c>
      <c r="B52" s="734"/>
      <c r="C52" s="495"/>
      <c r="D52" s="494"/>
      <c r="E52" s="493"/>
      <c r="F52" s="492"/>
      <c r="G52" s="486" t="s">
        <v>651</v>
      </c>
      <c r="H52" s="549"/>
      <c r="I52" s="549"/>
      <c r="J52" s="549"/>
      <c r="K52" s="549"/>
      <c r="L52" s="551"/>
    </row>
    <row r="53" spans="1:12" ht="16.149999999999999" customHeight="1">
      <c r="A53" s="735"/>
      <c r="B53" s="736"/>
      <c r="C53" s="490"/>
      <c r="D53" s="489"/>
      <c r="E53" s="491"/>
      <c r="F53" s="487" t="s">
        <v>651</v>
      </c>
      <c r="G53" s="486" t="s">
        <v>651</v>
      </c>
      <c r="H53" s="549"/>
      <c r="I53" s="549"/>
      <c r="J53" s="549"/>
      <c r="K53" s="549"/>
      <c r="L53" s="551"/>
    </row>
    <row r="54" spans="1:12" ht="16.149999999999999" customHeight="1">
      <c r="A54" s="735" t="s">
        <v>651</v>
      </c>
      <c r="B54" s="736"/>
      <c r="C54" s="490" t="s">
        <v>242</v>
      </c>
      <c r="D54" s="489">
        <v>1</v>
      </c>
      <c r="E54" s="488"/>
      <c r="F54" s="487"/>
      <c r="G54" s="486" t="s">
        <v>651</v>
      </c>
      <c r="H54" s="549"/>
      <c r="I54" s="549"/>
      <c r="J54" s="549"/>
      <c r="K54" s="549"/>
      <c r="L54" s="551"/>
    </row>
    <row r="55" spans="1:12" ht="16.149999999999999" customHeight="1">
      <c r="A55" s="737"/>
      <c r="B55" s="738"/>
      <c r="C55" s="485"/>
      <c r="D55" s="484"/>
      <c r="E55" s="483"/>
      <c r="F55" s="482"/>
      <c r="G55" s="481" t="s">
        <v>651</v>
      </c>
      <c r="H55" s="476"/>
      <c r="I55" s="476"/>
      <c r="J55" s="476"/>
      <c r="K55" s="476"/>
      <c r="L55" s="475"/>
    </row>
    <row r="56" spans="1:12" ht="16.149999999999999" customHeight="1">
      <c r="A56" s="733" t="s">
        <v>651</v>
      </c>
      <c r="B56" s="734"/>
      <c r="C56" s="495"/>
      <c r="D56" s="494"/>
      <c r="E56" s="493"/>
      <c r="F56" s="492"/>
      <c r="G56" s="486" t="s">
        <v>651</v>
      </c>
      <c r="H56" s="549"/>
      <c r="I56" s="549"/>
      <c r="J56" s="549"/>
      <c r="K56" s="549"/>
      <c r="L56" s="551"/>
    </row>
    <row r="57" spans="1:12" ht="16.149999999999999" customHeight="1">
      <c r="A57" s="735"/>
      <c r="B57" s="736"/>
      <c r="C57" s="490"/>
      <c r="D57" s="489"/>
      <c r="E57" s="491"/>
      <c r="F57" s="487" t="s">
        <v>651</v>
      </c>
      <c r="G57" s="486" t="s">
        <v>651</v>
      </c>
      <c r="H57" s="549"/>
      <c r="I57" s="549"/>
      <c r="J57" s="549"/>
      <c r="K57" s="549"/>
      <c r="L57" s="551"/>
    </row>
    <row r="58" spans="1:12" ht="16.149999999999999" customHeight="1">
      <c r="A58" s="735" t="s">
        <v>691</v>
      </c>
      <c r="B58" s="736"/>
      <c r="C58" s="490" t="s">
        <v>731</v>
      </c>
      <c r="D58" s="489">
        <v>1</v>
      </c>
      <c r="E58" s="488"/>
      <c r="F58" s="487"/>
      <c r="G58" s="486" t="s">
        <v>651</v>
      </c>
      <c r="H58" s="549"/>
      <c r="I58" s="549"/>
      <c r="J58" s="549"/>
      <c r="K58" s="549"/>
      <c r="L58" s="551"/>
    </row>
    <row r="59" spans="1:12" ht="16.149999999999999" customHeight="1">
      <c r="A59" s="737"/>
      <c r="B59" s="738"/>
      <c r="C59" s="485"/>
      <c r="D59" s="484"/>
      <c r="E59" s="483"/>
      <c r="F59" s="482"/>
      <c r="G59" s="481" t="s">
        <v>651</v>
      </c>
      <c r="H59" s="476"/>
      <c r="I59" s="476"/>
      <c r="J59" s="476"/>
      <c r="K59" s="476"/>
      <c r="L59" s="475"/>
    </row>
    <row r="60" spans="1:12" ht="16.149999999999999" customHeight="1">
      <c r="A60" s="733" t="s">
        <v>651</v>
      </c>
      <c r="B60" s="734"/>
      <c r="C60" s="495"/>
      <c r="D60" s="494"/>
      <c r="E60" s="493"/>
      <c r="F60" s="492"/>
      <c r="G60" s="486" t="s">
        <v>651</v>
      </c>
      <c r="H60" s="549"/>
      <c r="I60" s="549"/>
      <c r="J60" s="549"/>
      <c r="K60" s="549"/>
      <c r="L60" s="551"/>
    </row>
    <row r="61" spans="1:12" ht="16.149999999999999" customHeight="1">
      <c r="A61" s="735"/>
      <c r="B61" s="736"/>
      <c r="C61" s="490"/>
      <c r="D61" s="489"/>
      <c r="E61" s="491"/>
      <c r="F61" s="487" t="s">
        <v>651</v>
      </c>
      <c r="G61" s="486" t="s">
        <v>651</v>
      </c>
      <c r="H61" s="549"/>
      <c r="I61" s="549"/>
      <c r="J61" s="549"/>
      <c r="K61" s="549"/>
      <c r="L61" s="551"/>
    </row>
    <row r="62" spans="1:12" ht="16.149999999999999" customHeight="1">
      <c r="A62" s="735" t="s">
        <v>681</v>
      </c>
      <c r="B62" s="736"/>
      <c r="C62" s="490" t="s">
        <v>731</v>
      </c>
      <c r="D62" s="489">
        <v>1</v>
      </c>
      <c r="E62" s="488" t="s">
        <v>618</v>
      </c>
      <c r="F62" s="487"/>
      <c r="G62" s="486" t="s">
        <v>651</v>
      </c>
      <c r="H62" s="549"/>
      <c r="I62" s="549"/>
      <c r="J62" s="549"/>
      <c r="K62" s="549"/>
      <c r="L62" s="551"/>
    </row>
    <row r="63" spans="1:12" ht="16.149999999999999" customHeight="1">
      <c r="A63" s="737"/>
      <c r="B63" s="738"/>
      <c r="C63" s="485"/>
      <c r="D63" s="484"/>
      <c r="E63" s="483"/>
      <c r="F63" s="482"/>
      <c r="G63" s="481" t="s">
        <v>651</v>
      </c>
      <c r="H63" s="476"/>
      <c r="I63" s="476"/>
      <c r="J63" s="476"/>
      <c r="K63" s="476"/>
      <c r="L63" s="475"/>
    </row>
    <row r="71" spans="1:12" ht="16.149999999999999" customHeight="1">
      <c r="A71" s="507" t="s">
        <v>651</v>
      </c>
      <c r="B71" s="479" t="s">
        <v>1639</v>
      </c>
      <c r="C71" s="480"/>
      <c r="D71" s="479"/>
      <c r="E71" s="479"/>
      <c r="F71" s="479"/>
      <c r="G71" s="479"/>
      <c r="H71" s="479" t="s">
        <v>617</v>
      </c>
      <c r="I71" s="480" t="s">
        <v>998</v>
      </c>
      <c r="J71" s="479" t="s">
        <v>689</v>
      </c>
      <c r="K71" s="479" t="s">
        <v>1635</v>
      </c>
      <c r="L71" s="506"/>
    </row>
    <row r="72" spans="1:12" ht="16.149999999999999" customHeight="1">
      <c r="A72" s="505" t="s">
        <v>651</v>
      </c>
      <c r="B72" s="549" t="s">
        <v>1709</v>
      </c>
      <c r="C72" s="550"/>
      <c r="D72" s="549"/>
      <c r="E72" s="549"/>
      <c r="F72" s="549"/>
      <c r="G72" s="478"/>
      <c r="H72" s="549"/>
      <c r="I72" s="504"/>
      <c r="J72" s="503" t="s">
        <v>687</v>
      </c>
      <c r="K72" s="502" t="s">
        <v>731</v>
      </c>
      <c r="L72" s="501" t="s">
        <v>618</v>
      </c>
    </row>
    <row r="73" spans="1:12" ht="16.149999999999999" customHeight="1">
      <c r="A73" s="477" t="s">
        <v>651</v>
      </c>
      <c r="B73" s="549"/>
      <c r="C73" s="550"/>
      <c r="D73" s="549"/>
      <c r="E73" s="549"/>
      <c r="F73" s="549"/>
      <c r="G73" s="478"/>
      <c r="H73" s="478"/>
      <c r="I73" s="478"/>
      <c r="J73" s="478"/>
      <c r="K73" s="478"/>
      <c r="L73" s="501"/>
    </row>
    <row r="74" spans="1:12" ht="16.149999999999999" customHeight="1">
      <c r="A74" s="498" t="s">
        <v>686</v>
      </c>
      <c r="B74" s="500"/>
      <c r="C74" s="499" t="s">
        <v>309</v>
      </c>
      <c r="D74" s="499" t="s">
        <v>685</v>
      </c>
      <c r="E74" s="499" t="s">
        <v>684</v>
      </c>
      <c r="F74" s="499" t="s">
        <v>683</v>
      </c>
      <c r="G74" s="498" t="s">
        <v>682</v>
      </c>
      <c r="H74" s="497"/>
      <c r="I74" s="497"/>
      <c r="J74" s="497"/>
      <c r="K74" s="497"/>
      <c r="L74" s="496"/>
    </row>
    <row r="75" spans="1:12" ht="16.149999999999999" customHeight="1">
      <c r="A75" s="733" t="s">
        <v>1640</v>
      </c>
      <c r="B75" s="734"/>
      <c r="C75" s="495"/>
      <c r="D75" s="494"/>
      <c r="E75" s="493"/>
      <c r="F75" s="492"/>
      <c r="G75" s="486" t="s">
        <v>651</v>
      </c>
      <c r="H75" s="549"/>
      <c r="I75" s="549"/>
      <c r="J75" s="549"/>
      <c r="K75" s="549"/>
      <c r="L75" s="551"/>
    </row>
    <row r="76" spans="1:12" ht="16.149999999999999" customHeight="1">
      <c r="A76" s="735"/>
      <c r="B76" s="736"/>
      <c r="C76" s="490"/>
      <c r="D76" s="489"/>
      <c r="E76" s="491"/>
      <c r="F76" s="487" t="s">
        <v>651</v>
      </c>
      <c r="G76" s="486" t="s">
        <v>651</v>
      </c>
      <c r="H76" s="549"/>
      <c r="I76" s="549"/>
      <c r="J76" s="549"/>
      <c r="K76" s="549"/>
      <c r="L76" s="551"/>
    </row>
    <row r="77" spans="1:12" ht="16.149999999999999" customHeight="1">
      <c r="A77" s="735" t="s">
        <v>1708</v>
      </c>
      <c r="B77" s="736"/>
      <c r="C77" s="490" t="s">
        <v>731</v>
      </c>
      <c r="D77" s="489"/>
      <c r="E77" s="488"/>
      <c r="F77" s="487"/>
      <c r="G77" s="486" t="s">
        <v>651</v>
      </c>
      <c r="H77" s="549"/>
      <c r="I77" s="549"/>
      <c r="J77" s="549"/>
      <c r="K77" s="549"/>
      <c r="L77" s="551"/>
    </row>
    <row r="78" spans="1:12" ht="16.149999999999999" customHeight="1">
      <c r="A78" s="737"/>
      <c r="B78" s="738"/>
      <c r="C78" s="485"/>
      <c r="D78" s="484"/>
      <c r="E78" s="483"/>
      <c r="F78" s="482"/>
      <c r="G78" s="481" t="s">
        <v>651</v>
      </c>
      <c r="H78" s="476"/>
      <c r="I78" s="476"/>
      <c r="J78" s="476"/>
      <c r="K78" s="476"/>
      <c r="L78" s="475"/>
    </row>
    <row r="79" spans="1:12" ht="16.149999999999999" customHeight="1">
      <c r="A79" s="733" t="s">
        <v>651</v>
      </c>
      <c r="B79" s="734"/>
      <c r="C79" s="495"/>
      <c r="D79" s="494"/>
      <c r="E79" s="493"/>
      <c r="F79" s="492"/>
      <c r="G79" s="486" t="s">
        <v>651</v>
      </c>
      <c r="H79" s="549"/>
      <c r="I79" s="549"/>
      <c r="J79" s="549"/>
      <c r="K79" s="549"/>
      <c r="L79" s="551"/>
    </row>
    <row r="80" spans="1:12" ht="16.149999999999999" customHeight="1">
      <c r="A80" s="735"/>
      <c r="B80" s="736"/>
      <c r="C80" s="490"/>
      <c r="D80" s="489"/>
      <c r="E80" s="491"/>
      <c r="F80" s="487" t="s">
        <v>651</v>
      </c>
      <c r="G80" s="486" t="s">
        <v>651</v>
      </c>
      <c r="H80" s="549"/>
      <c r="I80" s="549"/>
      <c r="J80" s="549"/>
      <c r="K80" s="549"/>
      <c r="L80" s="551"/>
    </row>
    <row r="81" spans="1:12" ht="16.149999999999999" customHeight="1">
      <c r="A81" s="735" t="s">
        <v>691</v>
      </c>
      <c r="B81" s="736"/>
      <c r="C81" s="490" t="s">
        <v>731</v>
      </c>
      <c r="D81" s="489">
        <v>1</v>
      </c>
      <c r="E81" s="488"/>
      <c r="F81" s="487"/>
      <c r="G81" s="486" t="s">
        <v>651</v>
      </c>
      <c r="H81" s="549"/>
      <c r="I81" s="549"/>
      <c r="J81" s="549"/>
      <c r="K81" s="549"/>
      <c r="L81" s="551"/>
    </row>
    <row r="82" spans="1:12" ht="16.149999999999999" customHeight="1">
      <c r="A82" s="737"/>
      <c r="B82" s="738"/>
      <c r="C82" s="485"/>
      <c r="D82" s="484"/>
      <c r="E82" s="483"/>
      <c r="F82" s="482"/>
      <c r="G82" s="481" t="s">
        <v>651</v>
      </c>
      <c r="H82" s="476"/>
      <c r="I82" s="476"/>
      <c r="J82" s="476"/>
      <c r="K82" s="476"/>
      <c r="L82" s="475"/>
    </row>
    <row r="83" spans="1:12" ht="16.149999999999999" customHeight="1">
      <c r="A83" s="733" t="s">
        <v>651</v>
      </c>
      <c r="B83" s="734"/>
      <c r="C83" s="495"/>
      <c r="D83" s="494"/>
      <c r="E83" s="493"/>
      <c r="F83" s="492"/>
      <c r="G83" s="486" t="s">
        <v>651</v>
      </c>
      <c r="H83" s="549"/>
      <c r="I83" s="549"/>
      <c r="J83" s="549"/>
      <c r="K83" s="549"/>
      <c r="L83" s="551"/>
    </row>
    <row r="84" spans="1:12" ht="16.149999999999999" customHeight="1">
      <c r="A84" s="735"/>
      <c r="B84" s="736"/>
      <c r="C84" s="490"/>
      <c r="D84" s="489"/>
      <c r="E84" s="491"/>
      <c r="F84" s="487" t="s">
        <v>651</v>
      </c>
      <c r="G84" s="486" t="s">
        <v>651</v>
      </c>
      <c r="H84" s="549"/>
      <c r="I84" s="549"/>
      <c r="J84" s="549"/>
      <c r="K84" s="549"/>
      <c r="L84" s="551"/>
    </row>
    <row r="85" spans="1:12" ht="16.149999999999999" customHeight="1">
      <c r="A85" s="735" t="s">
        <v>681</v>
      </c>
      <c r="B85" s="736"/>
      <c r="C85" s="490" t="s">
        <v>731</v>
      </c>
      <c r="D85" s="489">
        <v>1</v>
      </c>
      <c r="E85" s="488" t="s">
        <v>618</v>
      </c>
      <c r="F85" s="487"/>
      <c r="G85" s="486" t="s">
        <v>651</v>
      </c>
      <c r="H85" s="549"/>
      <c r="I85" s="549"/>
      <c r="J85" s="549"/>
      <c r="K85" s="549"/>
      <c r="L85" s="551"/>
    </row>
    <row r="86" spans="1:12" ht="16.149999999999999" customHeight="1">
      <c r="A86" s="737"/>
      <c r="B86" s="738"/>
      <c r="C86" s="485"/>
      <c r="D86" s="484"/>
      <c r="E86" s="483"/>
      <c r="F86" s="482"/>
      <c r="G86" s="481" t="s">
        <v>651</v>
      </c>
      <c r="H86" s="476"/>
      <c r="I86" s="476"/>
      <c r="J86" s="476"/>
      <c r="K86" s="476"/>
      <c r="L86" s="475"/>
    </row>
    <row r="88" spans="1:12" ht="16.149999999999999" customHeight="1">
      <c r="A88" s="507" t="s">
        <v>651</v>
      </c>
      <c r="B88" s="479" t="s">
        <v>889</v>
      </c>
      <c r="C88" s="480"/>
      <c r="D88" s="479"/>
      <c r="E88" s="479"/>
      <c r="F88" s="479"/>
      <c r="G88" s="479"/>
      <c r="H88" s="479" t="s">
        <v>617</v>
      </c>
      <c r="I88" s="480" t="s">
        <v>997</v>
      </c>
      <c r="J88" s="479" t="s">
        <v>689</v>
      </c>
      <c r="K88" s="479" t="s">
        <v>1635</v>
      </c>
      <c r="L88" s="506"/>
    </row>
    <row r="89" spans="1:12" ht="16.149999999999999" customHeight="1">
      <c r="A89" s="505" t="s">
        <v>651</v>
      </c>
      <c r="B89" s="549" t="s">
        <v>1675</v>
      </c>
      <c r="C89" s="550"/>
      <c r="D89" s="549"/>
      <c r="E89" s="549"/>
      <c r="F89" s="549"/>
      <c r="G89" s="478"/>
      <c r="H89" s="549"/>
      <c r="I89" s="504"/>
      <c r="J89" s="503" t="s">
        <v>687</v>
      </c>
      <c r="K89" s="502" t="s">
        <v>621</v>
      </c>
      <c r="L89" s="501" t="s">
        <v>618</v>
      </c>
    </row>
    <row r="90" spans="1:12" ht="16.149999999999999" customHeight="1">
      <c r="A90" s="477" t="s">
        <v>651</v>
      </c>
      <c r="B90" s="549"/>
      <c r="C90" s="550"/>
      <c r="D90" s="549"/>
      <c r="E90" s="549"/>
      <c r="F90" s="549"/>
      <c r="G90" s="478"/>
      <c r="H90" s="478"/>
      <c r="I90" s="478"/>
      <c r="J90" s="478"/>
      <c r="K90" s="478"/>
      <c r="L90" s="501"/>
    </row>
    <row r="91" spans="1:12" ht="16.149999999999999" customHeight="1">
      <c r="A91" s="498" t="s">
        <v>686</v>
      </c>
      <c r="B91" s="500"/>
      <c r="C91" s="499" t="s">
        <v>309</v>
      </c>
      <c r="D91" s="499" t="s">
        <v>685</v>
      </c>
      <c r="E91" s="499" t="s">
        <v>684</v>
      </c>
      <c r="F91" s="499" t="s">
        <v>683</v>
      </c>
      <c r="G91" s="498" t="s">
        <v>682</v>
      </c>
      <c r="H91" s="497"/>
      <c r="I91" s="497"/>
      <c r="J91" s="497"/>
      <c r="K91" s="497"/>
      <c r="L91" s="496"/>
    </row>
    <row r="92" spans="1:12" ht="16.149999999999999" customHeight="1">
      <c r="A92" s="733" t="s">
        <v>1643</v>
      </c>
      <c r="B92" s="734"/>
      <c r="C92" s="495"/>
      <c r="D92" s="494"/>
      <c r="E92" s="493"/>
      <c r="F92" s="492"/>
      <c r="G92" s="486" t="s">
        <v>651</v>
      </c>
      <c r="H92" s="549"/>
      <c r="I92" s="549"/>
      <c r="J92" s="549"/>
      <c r="K92" s="549"/>
      <c r="L92" s="551"/>
    </row>
    <row r="93" spans="1:12" ht="16.149999999999999" customHeight="1">
      <c r="A93" s="735"/>
      <c r="B93" s="736"/>
      <c r="C93" s="490"/>
      <c r="D93" s="489"/>
      <c r="E93" s="491"/>
      <c r="F93" s="487" t="s">
        <v>651</v>
      </c>
      <c r="G93" s="486" t="s">
        <v>651</v>
      </c>
      <c r="H93" s="549"/>
      <c r="I93" s="549"/>
      <c r="J93" s="549"/>
      <c r="K93" s="549"/>
      <c r="L93" s="551"/>
    </row>
    <row r="94" spans="1:12" ht="16.149999999999999" customHeight="1">
      <c r="A94" s="735" t="s">
        <v>651</v>
      </c>
      <c r="B94" s="736"/>
      <c r="C94" s="490" t="s">
        <v>248</v>
      </c>
      <c r="D94" s="489"/>
      <c r="E94" s="488"/>
      <c r="F94" s="487"/>
      <c r="G94" s="486" t="s">
        <v>651</v>
      </c>
      <c r="H94" s="549"/>
      <c r="I94" s="549"/>
      <c r="J94" s="549"/>
      <c r="K94" s="549"/>
      <c r="L94" s="551"/>
    </row>
    <row r="95" spans="1:12" ht="16.149999999999999" customHeight="1">
      <c r="A95" s="737"/>
      <c r="B95" s="738"/>
      <c r="C95" s="485"/>
      <c r="D95" s="484"/>
      <c r="E95" s="483"/>
      <c r="F95" s="482"/>
      <c r="G95" s="481" t="s">
        <v>651</v>
      </c>
      <c r="H95" s="476"/>
      <c r="I95" s="476"/>
      <c r="J95" s="476"/>
      <c r="K95" s="476"/>
      <c r="L95" s="475"/>
    </row>
    <row r="96" spans="1:12" ht="16.149999999999999" customHeight="1">
      <c r="A96" s="733" t="s">
        <v>1701</v>
      </c>
      <c r="B96" s="734"/>
      <c r="C96" s="495"/>
      <c r="D96" s="494"/>
      <c r="E96" s="493"/>
      <c r="F96" s="492"/>
      <c r="G96" s="486" t="s">
        <v>651</v>
      </c>
      <c r="H96" s="549"/>
      <c r="I96" s="549"/>
      <c r="J96" s="549"/>
      <c r="K96" s="549"/>
      <c r="L96" s="551"/>
    </row>
    <row r="97" spans="1:12" ht="16.149999999999999" customHeight="1">
      <c r="A97" s="735"/>
      <c r="B97" s="736"/>
      <c r="C97" s="490"/>
      <c r="D97" s="489"/>
      <c r="E97" s="491"/>
      <c r="F97" s="487" t="s">
        <v>651</v>
      </c>
      <c r="G97" s="486" t="s">
        <v>651</v>
      </c>
      <c r="H97" s="549"/>
      <c r="I97" s="549"/>
      <c r="J97" s="549"/>
      <c r="K97" s="549"/>
      <c r="L97" s="551"/>
    </row>
    <row r="98" spans="1:12" ht="16.149999999999999" customHeight="1">
      <c r="A98" s="735" t="s">
        <v>1494</v>
      </c>
      <c r="B98" s="736"/>
      <c r="C98" s="490" t="s">
        <v>1493</v>
      </c>
      <c r="D98" s="489"/>
      <c r="E98" s="488"/>
      <c r="F98" s="487"/>
      <c r="G98" s="486" t="s">
        <v>651</v>
      </c>
      <c r="H98" s="549"/>
      <c r="I98" s="549"/>
      <c r="J98" s="549"/>
      <c r="K98" s="549"/>
      <c r="L98" s="551"/>
    </row>
    <row r="99" spans="1:12" ht="16.149999999999999" customHeight="1">
      <c r="A99" s="737"/>
      <c r="B99" s="738"/>
      <c r="C99" s="485"/>
      <c r="D99" s="484"/>
      <c r="E99" s="483"/>
      <c r="F99" s="482"/>
      <c r="G99" s="481" t="s">
        <v>651</v>
      </c>
      <c r="H99" s="476"/>
      <c r="I99" s="476"/>
      <c r="J99" s="476"/>
      <c r="K99" s="476"/>
      <c r="L99" s="475"/>
    </row>
    <row r="100" spans="1:12" ht="16.149999999999999" customHeight="1">
      <c r="A100" s="733" t="s">
        <v>1642</v>
      </c>
      <c r="B100" s="734"/>
      <c r="C100" s="495"/>
      <c r="D100" s="494"/>
      <c r="E100" s="493"/>
      <c r="F100" s="492"/>
      <c r="G100" s="486" t="s">
        <v>1648</v>
      </c>
      <c r="H100" s="549"/>
      <c r="I100" s="549"/>
      <c r="J100" s="549"/>
      <c r="K100" s="549"/>
      <c r="L100" s="551"/>
    </row>
    <row r="101" spans="1:12" ht="16.149999999999999" customHeight="1">
      <c r="A101" s="735"/>
      <c r="B101" s="736"/>
      <c r="C101" s="490"/>
      <c r="D101" s="489"/>
      <c r="E101" s="491"/>
      <c r="F101" s="487" t="s">
        <v>651</v>
      </c>
      <c r="G101" s="486" t="s">
        <v>651</v>
      </c>
      <c r="H101" s="549"/>
      <c r="I101" s="549"/>
      <c r="J101" s="549"/>
      <c r="K101" s="549"/>
      <c r="L101" s="551"/>
    </row>
    <row r="102" spans="1:12" ht="16.149999999999999" customHeight="1">
      <c r="A102" s="735" t="s">
        <v>1707</v>
      </c>
      <c r="B102" s="736"/>
      <c r="C102" s="490" t="s">
        <v>627</v>
      </c>
      <c r="D102" s="489"/>
      <c r="E102" s="488"/>
      <c r="F102" s="487"/>
      <c r="G102" s="486" t="s">
        <v>651</v>
      </c>
      <c r="H102" s="549"/>
      <c r="I102" s="549"/>
      <c r="J102" s="549"/>
      <c r="K102" s="549"/>
      <c r="L102" s="551"/>
    </row>
    <row r="103" spans="1:12" ht="16.149999999999999" customHeight="1">
      <c r="A103" s="737"/>
      <c r="B103" s="738"/>
      <c r="C103" s="485"/>
      <c r="D103" s="484"/>
      <c r="E103" s="483"/>
      <c r="F103" s="482"/>
      <c r="G103" s="481" t="s">
        <v>651</v>
      </c>
      <c r="H103" s="476"/>
      <c r="I103" s="476"/>
      <c r="J103" s="476"/>
      <c r="K103" s="476"/>
      <c r="L103" s="475"/>
    </row>
    <row r="106" spans="1:12" ht="16.149999999999999" customHeight="1">
      <c r="A106" s="507" t="s">
        <v>651</v>
      </c>
      <c r="B106" s="479" t="s">
        <v>889</v>
      </c>
      <c r="C106" s="480"/>
      <c r="D106" s="479"/>
      <c r="E106" s="479"/>
      <c r="F106" s="479"/>
      <c r="G106" s="479"/>
      <c r="H106" s="479" t="s">
        <v>617</v>
      </c>
      <c r="I106" s="480" t="s">
        <v>997</v>
      </c>
      <c r="J106" s="479" t="s">
        <v>689</v>
      </c>
      <c r="K106" s="479" t="s">
        <v>1635</v>
      </c>
      <c r="L106" s="506"/>
    </row>
    <row r="107" spans="1:12" ht="16.149999999999999" customHeight="1">
      <c r="A107" s="505" t="s">
        <v>651</v>
      </c>
      <c r="B107" s="549" t="s">
        <v>1675</v>
      </c>
      <c r="C107" s="550"/>
      <c r="D107" s="549"/>
      <c r="E107" s="549"/>
      <c r="F107" s="549"/>
      <c r="G107" s="478"/>
      <c r="H107" s="549"/>
      <c r="I107" s="504"/>
      <c r="J107" s="503" t="s">
        <v>687</v>
      </c>
      <c r="K107" s="502" t="s">
        <v>621</v>
      </c>
      <c r="L107" s="501" t="s">
        <v>618</v>
      </c>
    </row>
    <row r="108" spans="1:12" ht="16.149999999999999" customHeight="1">
      <c r="A108" s="477" t="s">
        <v>651</v>
      </c>
      <c r="B108" s="549"/>
      <c r="C108" s="550"/>
      <c r="D108" s="549"/>
      <c r="E108" s="549"/>
      <c r="F108" s="549"/>
      <c r="G108" s="478"/>
      <c r="H108" s="478"/>
      <c r="I108" s="478"/>
      <c r="J108" s="478"/>
      <c r="K108" s="478"/>
      <c r="L108" s="501"/>
    </row>
    <row r="109" spans="1:12" ht="16.149999999999999" customHeight="1">
      <c r="A109" s="498" t="s">
        <v>686</v>
      </c>
      <c r="B109" s="500"/>
      <c r="C109" s="499" t="s">
        <v>309</v>
      </c>
      <c r="D109" s="499" t="s">
        <v>685</v>
      </c>
      <c r="E109" s="499" t="s">
        <v>684</v>
      </c>
      <c r="F109" s="499" t="s">
        <v>683</v>
      </c>
      <c r="G109" s="498" t="s">
        <v>682</v>
      </c>
      <c r="H109" s="497"/>
      <c r="I109" s="497"/>
      <c r="J109" s="497"/>
      <c r="K109" s="497"/>
      <c r="L109" s="496"/>
    </row>
    <row r="110" spans="1:12" ht="16.149999999999999" customHeight="1">
      <c r="A110" s="733" t="s">
        <v>1704</v>
      </c>
      <c r="B110" s="734"/>
      <c r="C110" s="495"/>
      <c r="D110" s="494"/>
      <c r="E110" s="493"/>
      <c r="F110" s="492"/>
      <c r="G110" s="486" t="s">
        <v>651</v>
      </c>
      <c r="H110" s="549"/>
      <c r="I110" s="549"/>
      <c r="J110" s="549"/>
      <c r="K110" s="549"/>
      <c r="L110" s="551"/>
    </row>
    <row r="111" spans="1:12" ht="16.149999999999999" customHeight="1">
      <c r="A111" s="735"/>
      <c r="B111" s="736"/>
      <c r="C111" s="490"/>
      <c r="D111" s="489"/>
      <c r="E111" s="491"/>
      <c r="F111" s="487" t="s">
        <v>651</v>
      </c>
      <c r="G111" s="486" t="s">
        <v>651</v>
      </c>
      <c r="H111" s="549"/>
      <c r="I111" s="549"/>
      <c r="J111" s="549"/>
      <c r="K111" s="549"/>
      <c r="L111" s="551"/>
    </row>
    <row r="112" spans="1:12" ht="16.149999999999999" customHeight="1">
      <c r="A112" s="735" t="s">
        <v>1663</v>
      </c>
      <c r="B112" s="736"/>
      <c r="C112" s="490" t="s">
        <v>627</v>
      </c>
      <c r="D112" s="489"/>
      <c r="E112" s="488"/>
      <c r="F112" s="487"/>
      <c r="G112" s="486" t="s">
        <v>651</v>
      </c>
      <c r="H112" s="549"/>
      <c r="I112" s="549"/>
      <c r="J112" s="549"/>
      <c r="K112" s="549"/>
      <c r="L112" s="551"/>
    </row>
    <row r="113" spans="1:12" ht="16.149999999999999" customHeight="1">
      <c r="A113" s="737"/>
      <c r="B113" s="738"/>
      <c r="C113" s="485"/>
      <c r="D113" s="484"/>
      <c r="E113" s="483"/>
      <c r="F113" s="482"/>
      <c r="G113" s="481" t="s">
        <v>651</v>
      </c>
      <c r="H113" s="476"/>
      <c r="I113" s="476"/>
      <c r="J113" s="476"/>
      <c r="K113" s="476"/>
      <c r="L113" s="475"/>
    </row>
    <row r="114" spans="1:12" ht="16.149999999999999" customHeight="1">
      <c r="A114" s="733" t="s">
        <v>700</v>
      </c>
      <c r="B114" s="734"/>
      <c r="C114" s="495"/>
      <c r="D114" s="494"/>
      <c r="E114" s="493"/>
      <c r="F114" s="492"/>
      <c r="G114" s="486" t="s">
        <v>651</v>
      </c>
      <c r="H114" s="549"/>
      <c r="I114" s="549"/>
      <c r="J114" s="549"/>
      <c r="K114" s="549"/>
      <c r="L114" s="551"/>
    </row>
    <row r="115" spans="1:12" ht="16.149999999999999" customHeight="1">
      <c r="A115" s="735"/>
      <c r="B115" s="736"/>
      <c r="C115" s="490"/>
      <c r="D115" s="489"/>
      <c r="E115" s="491"/>
      <c r="F115" s="487" t="s">
        <v>651</v>
      </c>
      <c r="G115" s="486" t="s">
        <v>651</v>
      </c>
      <c r="H115" s="549"/>
      <c r="I115" s="549"/>
      <c r="J115" s="549"/>
      <c r="K115" s="549"/>
      <c r="L115" s="551"/>
    </row>
    <row r="116" spans="1:12" ht="16.149999999999999" customHeight="1">
      <c r="A116" s="735" t="s">
        <v>651</v>
      </c>
      <c r="B116" s="736"/>
      <c r="C116" s="490" t="s">
        <v>242</v>
      </c>
      <c r="D116" s="489">
        <v>1</v>
      </c>
      <c r="E116" s="488"/>
      <c r="F116" s="487"/>
      <c r="G116" s="486" t="s">
        <v>651</v>
      </c>
      <c r="H116" s="549"/>
      <c r="I116" s="549"/>
      <c r="J116" s="549"/>
      <c r="K116" s="549"/>
      <c r="L116" s="551"/>
    </row>
    <row r="117" spans="1:12" ht="16.149999999999999" customHeight="1">
      <c r="A117" s="737"/>
      <c r="B117" s="738"/>
      <c r="C117" s="485"/>
      <c r="D117" s="484"/>
      <c r="E117" s="483"/>
      <c r="F117" s="482"/>
      <c r="G117" s="481" t="s">
        <v>651</v>
      </c>
      <c r="H117" s="476"/>
      <c r="I117" s="476"/>
      <c r="J117" s="476"/>
      <c r="K117" s="476"/>
      <c r="L117" s="475"/>
    </row>
    <row r="118" spans="1:12" ht="16.149999999999999" customHeight="1">
      <c r="A118" s="733" t="s">
        <v>651</v>
      </c>
      <c r="B118" s="734"/>
      <c r="C118" s="495"/>
      <c r="D118" s="494"/>
      <c r="E118" s="493"/>
      <c r="F118" s="492"/>
      <c r="G118" s="486" t="s">
        <v>651</v>
      </c>
      <c r="H118" s="549"/>
      <c r="I118" s="549"/>
      <c r="J118" s="549"/>
      <c r="K118" s="549"/>
      <c r="L118" s="551"/>
    </row>
    <row r="119" spans="1:12" ht="16.149999999999999" customHeight="1">
      <c r="A119" s="735"/>
      <c r="B119" s="736"/>
      <c r="C119" s="490"/>
      <c r="D119" s="489"/>
      <c r="E119" s="491"/>
      <c r="F119" s="487" t="s">
        <v>651</v>
      </c>
      <c r="G119" s="486" t="s">
        <v>651</v>
      </c>
      <c r="H119" s="549"/>
      <c r="I119" s="549"/>
      <c r="J119" s="549"/>
      <c r="K119" s="549"/>
      <c r="L119" s="551"/>
    </row>
    <row r="120" spans="1:12" ht="16.149999999999999" customHeight="1">
      <c r="A120" s="735" t="s">
        <v>691</v>
      </c>
      <c r="B120" s="736"/>
      <c r="C120" s="490" t="s">
        <v>621</v>
      </c>
      <c r="D120" s="489">
        <v>1</v>
      </c>
      <c r="E120" s="488"/>
      <c r="F120" s="487"/>
      <c r="G120" s="486" t="s">
        <v>651</v>
      </c>
      <c r="H120" s="549"/>
      <c r="I120" s="549"/>
      <c r="J120" s="549"/>
      <c r="K120" s="549"/>
      <c r="L120" s="551"/>
    </row>
    <row r="121" spans="1:12" ht="16.149999999999999" customHeight="1">
      <c r="A121" s="737"/>
      <c r="B121" s="738"/>
      <c r="C121" s="485"/>
      <c r="D121" s="484"/>
      <c r="E121" s="483"/>
      <c r="F121" s="482"/>
      <c r="G121" s="481" t="s">
        <v>651</v>
      </c>
      <c r="H121" s="476"/>
      <c r="I121" s="476"/>
      <c r="J121" s="476"/>
      <c r="K121" s="476"/>
      <c r="L121" s="475"/>
    </row>
    <row r="122" spans="1:12" ht="16.149999999999999" customHeight="1">
      <c r="A122" s="733" t="s">
        <v>651</v>
      </c>
      <c r="B122" s="734"/>
      <c r="C122" s="495"/>
      <c r="D122" s="494"/>
      <c r="E122" s="493"/>
      <c r="F122" s="492"/>
      <c r="G122" s="486" t="s">
        <v>651</v>
      </c>
      <c r="H122" s="549"/>
      <c r="I122" s="549"/>
      <c r="J122" s="549"/>
      <c r="K122" s="549"/>
      <c r="L122" s="551"/>
    </row>
    <row r="123" spans="1:12" ht="16.149999999999999" customHeight="1">
      <c r="A123" s="735"/>
      <c r="B123" s="736"/>
      <c r="C123" s="490"/>
      <c r="D123" s="489"/>
      <c r="E123" s="491"/>
      <c r="F123" s="487" t="s">
        <v>651</v>
      </c>
      <c r="G123" s="486" t="s">
        <v>651</v>
      </c>
      <c r="H123" s="549"/>
      <c r="I123" s="549"/>
      <c r="J123" s="549"/>
      <c r="K123" s="549"/>
      <c r="L123" s="551"/>
    </row>
    <row r="124" spans="1:12" ht="16.149999999999999" customHeight="1">
      <c r="A124" s="735" t="s">
        <v>681</v>
      </c>
      <c r="B124" s="736"/>
      <c r="C124" s="490" t="s">
        <v>621</v>
      </c>
      <c r="D124" s="489">
        <v>1</v>
      </c>
      <c r="E124" s="488" t="s">
        <v>618</v>
      </c>
      <c r="F124" s="487"/>
      <c r="G124" s="486" t="s">
        <v>651</v>
      </c>
      <c r="H124" s="549"/>
      <c r="I124" s="549"/>
      <c r="J124" s="549"/>
      <c r="K124" s="549"/>
      <c r="L124" s="551"/>
    </row>
    <row r="125" spans="1:12" ht="16.149999999999999" customHeight="1">
      <c r="A125" s="737"/>
      <c r="B125" s="738"/>
      <c r="C125" s="485"/>
      <c r="D125" s="484"/>
      <c r="E125" s="483"/>
      <c r="F125" s="482"/>
      <c r="G125" s="481" t="s">
        <v>651</v>
      </c>
      <c r="H125" s="476"/>
      <c r="I125" s="476"/>
      <c r="J125" s="476"/>
      <c r="K125" s="476"/>
      <c r="L125" s="475"/>
    </row>
    <row r="127" spans="1:12" ht="16.149999999999999" customHeight="1">
      <c r="A127" s="507" t="s">
        <v>651</v>
      </c>
      <c r="B127" s="479" t="s">
        <v>1642</v>
      </c>
      <c r="C127" s="480"/>
      <c r="D127" s="479"/>
      <c r="E127" s="479"/>
      <c r="F127" s="479"/>
      <c r="G127" s="479"/>
      <c r="H127" s="479" t="s">
        <v>617</v>
      </c>
      <c r="I127" s="480" t="s">
        <v>989</v>
      </c>
      <c r="J127" s="479" t="s">
        <v>689</v>
      </c>
      <c r="K127" s="479" t="s">
        <v>1635</v>
      </c>
      <c r="L127" s="506"/>
    </row>
    <row r="128" spans="1:12" ht="16.149999999999999" customHeight="1">
      <c r="A128" s="505" t="s">
        <v>651</v>
      </c>
      <c r="B128" s="549" t="s">
        <v>1707</v>
      </c>
      <c r="C128" s="550"/>
      <c r="D128" s="549"/>
      <c r="E128" s="549"/>
      <c r="F128" s="549"/>
      <c r="G128" s="478"/>
      <c r="H128" s="549"/>
      <c r="I128" s="504"/>
      <c r="J128" s="503" t="s">
        <v>687</v>
      </c>
      <c r="K128" s="502" t="s">
        <v>627</v>
      </c>
      <c r="L128" s="501" t="s">
        <v>618</v>
      </c>
    </row>
    <row r="129" spans="1:12" ht="16.149999999999999" customHeight="1">
      <c r="A129" s="477" t="s">
        <v>651</v>
      </c>
      <c r="B129" s="549"/>
      <c r="C129" s="550"/>
      <c r="D129" s="549"/>
      <c r="E129" s="549"/>
      <c r="F129" s="549"/>
      <c r="G129" s="478"/>
      <c r="H129" s="478"/>
      <c r="I129" s="478"/>
      <c r="J129" s="478"/>
      <c r="K129" s="478"/>
      <c r="L129" s="501"/>
    </row>
    <row r="130" spans="1:12" ht="16.149999999999999" customHeight="1">
      <c r="A130" s="498" t="s">
        <v>686</v>
      </c>
      <c r="B130" s="500"/>
      <c r="C130" s="499" t="s">
        <v>309</v>
      </c>
      <c r="D130" s="499" t="s">
        <v>685</v>
      </c>
      <c r="E130" s="499" t="s">
        <v>684</v>
      </c>
      <c r="F130" s="499" t="s">
        <v>683</v>
      </c>
      <c r="G130" s="498" t="s">
        <v>682</v>
      </c>
      <c r="H130" s="497"/>
      <c r="I130" s="497"/>
      <c r="J130" s="497"/>
      <c r="K130" s="497"/>
      <c r="L130" s="496"/>
    </row>
    <row r="131" spans="1:12" ht="16.149999999999999" customHeight="1">
      <c r="A131" s="733" t="s">
        <v>1646</v>
      </c>
      <c r="B131" s="734"/>
      <c r="C131" s="495"/>
      <c r="D131" s="494"/>
      <c r="E131" s="493"/>
      <c r="F131" s="492"/>
      <c r="G131" s="486" t="s">
        <v>651</v>
      </c>
      <c r="H131" s="549"/>
      <c r="I131" s="549"/>
      <c r="J131" s="549"/>
      <c r="K131" s="549"/>
      <c r="L131" s="551"/>
    </row>
    <row r="132" spans="1:12" ht="16.149999999999999" customHeight="1">
      <c r="A132" s="735"/>
      <c r="B132" s="736"/>
      <c r="C132" s="490"/>
      <c r="D132" s="489"/>
      <c r="E132" s="491"/>
      <c r="F132" s="487" t="s">
        <v>651</v>
      </c>
      <c r="G132" s="486" t="s">
        <v>651</v>
      </c>
      <c r="H132" s="549"/>
      <c r="I132" s="549"/>
      <c r="J132" s="549"/>
      <c r="K132" s="549"/>
      <c r="L132" s="551"/>
    </row>
    <row r="133" spans="1:12" ht="16.149999999999999" customHeight="1">
      <c r="A133" s="735" t="s">
        <v>1705</v>
      </c>
      <c r="B133" s="736"/>
      <c r="C133" s="490" t="s">
        <v>627</v>
      </c>
      <c r="D133" s="489"/>
      <c r="E133" s="488"/>
      <c r="F133" s="487"/>
      <c r="G133" s="486" t="s">
        <v>651</v>
      </c>
      <c r="H133" s="549"/>
      <c r="I133" s="549"/>
      <c r="J133" s="549"/>
      <c r="K133" s="549"/>
      <c r="L133" s="551"/>
    </row>
    <row r="134" spans="1:12" ht="16.149999999999999" customHeight="1">
      <c r="A134" s="737"/>
      <c r="B134" s="738"/>
      <c r="C134" s="485"/>
      <c r="D134" s="484"/>
      <c r="E134" s="483"/>
      <c r="F134" s="482"/>
      <c r="G134" s="481" t="s">
        <v>651</v>
      </c>
      <c r="H134" s="476"/>
      <c r="I134" s="476"/>
      <c r="J134" s="476"/>
      <c r="K134" s="476"/>
      <c r="L134" s="475"/>
    </row>
    <row r="135" spans="1:12" ht="16.149999999999999" customHeight="1">
      <c r="A135" s="733" t="s">
        <v>651</v>
      </c>
      <c r="B135" s="734"/>
      <c r="C135" s="495"/>
      <c r="D135" s="494"/>
      <c r="E135" s="493"/>
      <c r="F135" s="492"/>
      <c r="G135" s="486" t="s">
        <v>651</v>
      </c>
      <c r="H135" s="549"/>
      <c r="I135" s="549"/>
      <c r="J135" s="549"/>
      <c r="K135" s="549"/>
      <c r="L135" s="551"/>
    </row>
    <row r="136" spans="1:12" ht="16.149999999999999" customHeight="1">
      <c r="A136" s="735"/>
      <c r="B136" s="736"/>
      <c r="C136" s="490"/>
      <c r="D136" s="489"/>
      <c r="E136" s="491"/>
      <c r="F136" s="487" t="s">
        <v>651</v>
      </c>
      <c r="G136" s="486" t="s">
        <v>651</v>
      </c>
      <c r="H136" s="549"/>
      <c r="I136" s="549"/>
      <c r="J136" s="549"/>
      <c r="K136" s="549"/>
      <c r="L136" s="551"/>
    </row>
    <row r="137" spans="1:12" ht="16.149999999999999" customHeight="1">
      <c r="A137" s="735" t="s">
        <v>691</v>
      </c>
      <c r="B137" s="736"/>
      <c r="C137" s="490" t="s">
        <v>627</v>
      </c>
      <c r="D137" s="489">
        <v>1</v>
      </c>
      <c r="E137" s="488"/>
      <c r="F137" s="487"/>
      <c r="G137" s="486" t="s">
        <v>651</v>
      </c>
      <c r="H137" s="549"/>
      <c r="I137" s="549"/>
      <c r="J137" s="549"/>
      <c r="K137" s="549"/>
      <c r="L137" s="551"/>
    </row>
    <row r="138" spans="1:12" ht="16.149999999999999" customHeight="1">
      <c r="A138" s="737"/>
      <c r="B138" s="738"/>
      <c r="C138" s="485"/>
      <c r="D138" s="484"/>
      <c r="E138" s="483"/>
      <c r="F138" s="482"/>
      <c r="G138" s="481" t="s">
        <v>651</v>
      </c>
      <c r="H138" s="476"/>
      <c r="I138" s="476"/>
      <c r="J138" s="476"/>
      <c r="K138" s="476"/>
      <c r="L138" s="475"/>
    </row>
    <row r="141" spans="1:12" ht="16.149999999999999" customHeight="1">
      <c r="A141" s="507" t="s">
        <v>651</v>
      </c>
      <c r="B141" s="479" t="s">
        <v>1642</v>
      </c>
      <c r="C141" s="480"/>
      <c r="D141" s="479"/>
      <c r="E141" s="479"/>
      <c r="F141" s="479"/>
      <c r="G141" s="479"/>
      <c r="H141" s="479" t="s">
        <v>617</v>
      </c>
      <c r="I141" s="480" t="s">
        <v>989</v>
      </c>
      <c r="J141" s="479" t="s">
        <v>689</v>
      </c>
      <c r="K141" s="479" t="s">
        <v>1635</v>
      </c>
      <c r="L141" s="506"/>
    </row>
    <row r="142" spans="1:12" ht="16.149999999999999" customHeight="1">
      <c r="A142" s="505" t="s">
        <v>651</v>
      </c>
      <c r="B142" s="549" t="s">
        <v>1707</v>
      </c>
      <c r="C142" s="550"/>
      <c r="D142" s="549"/>
      <c r="E142" s="549"/>
      <c r="F142" s="549"/>
      <c r="G142" s="478"/>
      <c r="H142" s="549"/>
      <c r="I142" s="504"/>
      <c r="J142" s="503" t="s">
        <v>687</v>
      </c>
      <c r="K142" s="502" t="s">
        <v>627</v>
      </c>
      <c r="L142" s="501" t="s">
        <v>618</v>
      </c>
    </row>
    <row r="143" spans="1:12" ht="16.149999999999999" customHeight="1">
      <c r="A143" s="477" t="s">
        <v>651</v>
      </c>
      <c r="B143" s="549"/>
      <c r="C143" s="550"/>
      <c r="D143" s="549"/>
      <c r="E143" s="549"/>
      <c r="F143" s="549"/>
      <c r="G143" s="478"/>
      <c r="H143" s="478"/>
      <c r="I143" s="478"/>
      <c r="J143" s="478"/>
      <c r="K143" s="478"/>
      <c r="L143" s="501"/>
    </row>
    <row r="144" spans="1:12" ht="16.149999999999999" customHeight="1">
      <c r="A144" s="498" t="s">
        <v>686</v>
      </c>
      <c r="B144" s="500"/>
      <c r="C144" s="499" t="s">
        <v>309</v>
      </c>
      <c r="D144" s="499" t="s">
        <v>685</v>
      </c>
      <c r="E144" s="499" t="s">
        <v>684</v>
      </c>
      <c r="F144" s="499" t="s">
        <v>683</v>
      </c>
      <c r="G144" s="498" t="s">
        <v>682</v>
      </c>
      <c r="H144" s="497"/>
      <c r="I144" s="497"/>
      <c r="J144" s="497"/>
      <c r="K144" s="497"/>
      <c r="L144" s="496"/>
    </row>
    <row r="145" spans="1:12" ht="16.149999999999999" customHeight="1">
      <c r="A145" s="733" t="s">
        <v>651</v>
      </c>
      <c r="B145" s="734"/>
      <c r="C145" s="495"/>
      <c r="D145" s="494"/>
      <c r="E145" s="493"/>
      <c r="F145" s="492"/>
      <c r="G145" s="486" t="s">
        <v>651</v>
      </c>
      <c r="H145" s="549"/>
      <c r="I145" s="549"/>
      <c r="J145" s="549"/>
      <c r="K145" s="549"/>
      <c r="L145" s="551"/>
    </row>
    <row r="146" spans="1:12" ht="16.149999999999999" customHeight="1">
      <c r="A146" s="735"/>
      <c r="B146" s="736"/>
      <c r="C146" s="490"/>
      <c r="D146" s="489"/>
      <c r="E146" s="491"/>
      <c r="F146" s="487" t="s">
        <v>651</v>
      </c>
      <c r="G146" s="486" t="s">
        <v>651</v>
      </c>
      <c r="H146" s="549"/>
      <c r="I146" s="549"/>
      <c r="J146" s="549"/>
      <c r="K146" s="549"/>
      <c r="L146" s="551"/>
    </row>
    <row r="147" spans="1:12" ht="16.149999999999999" customHeight="1">
      <c r="A147" s="735" t="s">
        <v>681</v>
      </c>
      <c r="B147" s="736"/>
      <c r="C147" s="490" t="s">
        <v>627</v>
      </c>
      <c r="D147" s="489">
        <v>1</v>
      </c>
      <c r="E147" s="488" t="s">
        <v>618</v>
      </c>
      <c r="F147" s="487"/>
      <c r="G147" s="486" t="s">
        <v>651</v>
      </c>
      <c r="H147" s="549"/>
      <c r="I147" s="549"/>
      <c r="J147" s="549"/>
      <c r="K147" s="549"/>
      <c r="L147" s="551"/>
    </row>
    <row r="148" spans="1:12" ht="16.149999999999999" customHeight="1">
      <c r="A148" s="737"/>
      <c r="B148" s="738"/>
      <c r="C148" s="485"/>
      <c r="D148" s="484"/>
      <c r="E148" s="483"/>
      <c r="F148" s="482"/>
      <c r="G148" s="481" t="s">
        <v>651</v>
      </c>
      <c r="H148" s="476"/>
      <c r="I148" s="476"/>
      <c r="J148" s="476"/>
      <c r="K148" s="476"/>
      <c r="L148" s="475"/>
    </row>
    <row r="150" spans="1:12" ht="16.149999999999999" customHeight="1">
      <c r="A150" s="507" t="s">
        <v>651</v>
      </c>
      <c r="B150" s="479" t="s">
        <v>1681</v>
      </c>
      <c r="C150" s="480"/>
      <c r="D150" s="479"/>
      <c r="E150" s="479"/>
      <c r="F150" s="479"/>
      <c r="G150" s="479"/>
      <c r="H150" s="479" t="s">
        <v>617</v>
      </c>
      <c r="I150" s="480" t="s">
        <v>987</v>
      </c>
      <c r="J150" s="479" t="s">
        <v>689</v>
      </c>
      <c r="K150" s="479" t="s">
        <v>1635</v>
      </c>
      <c r="L150" s="506"/>
    </row>
    <row r="151" spans="1:12" ht="16.149999999999999" customHeight="1">
      <c r="A151" s="505" t="s">
        <v>651</v>
      </c>
      <c r="B151" s="549" t="s">
        <v>1680</v>
      </c>
      <c r="C151" s="550"/>
      <c r="D151" s="549"/>
      <c r="E151" s="549"/>
      <c r="F151" s="549"/>
      <c r="G151" s="478"/>
      <c r="H151" s="549"/>
      <c r="I151" s="504"/>
      <c r="J151" s="503" t="s">
        <v>687</v>
      </c>
      <c r="K151" s="502" t="s">
        <v>621</v>
      </c>
      <c r="L151" s="501" t="s">
        <v>618</v>
      </c>
    </row>
    <row r="152" spans="1:12" ht="16.149999999999999" customHeight="1">
      <c r="A152" s="477" t="s">
        <v>651</v>
      </c>
      <c r="B152" s="549"/>
      <c r="C152" s="550"/>
      <c r="D152" s="549"/>
      <c r="E152" s="549"/>
      <c r="F152" s="549"/>
      <c r="G152" s="478"/>
      <c r="H152" s="478"/>
      <c r="I152" s="478"/>
      <c r="J152" s="478"/>
      <c r="K152" s="478"/>
      <c r="L152" s="501"/>
    </row>
    <row r="153" spans="1:12" ht="16.149999999999999" customHeight="1">
      <c r="A153" s="498" t="s">
        <v>686</v>
      </c>
      <c r="B153" s="500"/>
      <c r="C153" s="499" t="s">
        <v>309</v>
      </c>
      <c r="D153" s="499" t="s">
        <v>685</v>
      </c>
      <c r="E153" s="499" t="s">
        <v>684</v>
      </c>
      <c r="F153" s="499" t="s">
        <v>683</v>
      </c>
      <c r="G153" s="498" t="s">
        <v>682</v>
      </c>
      <c r="H153" s="497"/>
      <c r="I153" s="497"/>
      <c r="J153" s="497"/>
      <c r="K153" s="497"/>
      <c r="L153" s="496"/>
    </row>
    <row r="154" spans="1:12" ht="16.149999999999999" customHeight="1">
      <c r="A154" s="733" t="s">
        <v>1681</v>
      </c>
      <c r="B154" s="734"/>
      <c r="C154" s="495"/>
      <c r="D154" s="494"/>
      <c r="E154" s="493"/>
      <c r="F154" s="492"/>
      <c r="G154" s="486" t="s">
        <v>651</v>
      </c>
      <c r="H154" s="549"/>
      <c r="I154" s="549"/>
      <c r="J154" s="549"/>
      <c r="K154" s="549"/>
      <c r="L154" s="551"/>
    </row>
    <row r="155" spans="1:12" ht="16.149999999999999" customHeight="1">
      <c r="A155" s="735"/>
      <c r="B155" s="736"/>
      <c r="C155" s="490"/>
      <c r="D155" s="489"/>
      <c r="E155" s="491"/>
      <c r="F155" s="487" t="s">
        <v>651</v>
      </c>
      <c r="G155" s="486" t="s">
        <v>651</v>
      </c>
      <c r="H155" s="549"/>
      <c r="I155" s="549"/>
      <c r="J155" s="549"/>
      <c r="K155" s="549"/>
      <c r="L155" s="551"/>
    </row>
    <row r="156" spans="1:12" ht="16.149999999999999" customHeight="1">
      <c r="A156" s="735" t="s">
        <v>1680</v>
      </c>
      <c r="B156" s="736"/>
      <c r="C156" s="490" t="s">
        <v>621</v>
      </c>
      <c r="D156" s="489"/>
      <c r="E156" s="488"/>
      <c r="F156" s="487"/>
      <c r="G156" s="486" t="s">
        <v>651</v>
      </c>
      <c r="H156" s="549"/>
      <c r="I156" s="549"/>
      <c r="J156" s="549"/>
      <c r="K156" s="549"/>
      <c r="L156" s="551"/>
    </row>
    <row r="157" spans="1:12" ht="16.149999999999999" customHeight="1">
      <c r="A157" s="737"/>
      <c r="B157" s="738"/>
      <c r="C157" s="485"/>
      <c r="D157" s="484"/>
      <c r="E157" s="483"/>
      <c r="F157" s="482"/>
      <c r="G157" s="481" t="s">
        <v>651</v>
      </c>
      <c r="H157" s="476"/>
      <c r="I157" s="476"/>
      <c r="J157" s="476"/>
      <c r="K157" s="476"/>
      <c r="L157" s="475"/>
    </row>
    <row r="158" spans="1:12" ht="16.149999999999999" customHeight="1">
      <c r="A158" s="733" t="s">
        <v>651</v>
      </c>
      <c r="B158" s="734"/>
      <c r="C158" s="495"/>
      <c r="D158" s="494"/>
      <c r="E158" s="493"/>
      <c r="F158" s="492"/>
      <c r="G158" s="486" t="s">
        <v>651</v>
      </c>
      <c r="H158" s="549"/>
      <c r="I158" s="549"/>
      <c r="J158" s="549"/>
      <c r="K158" s="549"/>
      <c r="L158" s="551"/>
    </row>
    <row r="159" spans="1:12" ht="16.149999999999999" customHeight="1">
      <c r="A159" s="735"/>
      <c r="B159" s="736"/>
      <c r="C159" s="490"/>
      <c r="D159" s="489"/>
      <c r="E159" s="491"/>
      <c r="F159" s="487" t="s">
        <v>651</v>
      </c>
      <c r="G159" s="486" t="s">
        <v>651</v>
      </c>
      <c r="H159" s="549"/>
      <c r="I159" s="549"/>
      <c r="J159" s="549"/>
      <c r="K159" s="549"/>
      <c r="L159" s="551"/>
    </row>
    <row r="160" spans="1:12" ht="16.149999999999999" customHeight="1">
      <c r="A160" s="735" t="s">
        <v>691</v>
      </c>
      <c r="B160" s="736"/>
      <c r="C160" s="490" t="s">
        <v>621</v>
      </c>
      <c r="D160" s="489">
        <v>1</v>
      </c>
      <c r="E160" s="488"/>
      <c r="F160" s="487"/>
      <c r="G160" s="486" t="s">
        <v>651</v>
      </c>
      <c r="H160" s="549"/>
      <c r="I160" s="549"/>
      <c r="J160" s="549"/>
      <c r="K160" s="549"/>
      <c r="L160" s="551"/>
    </row>
    <row r="161" spans="1:12" ht="16.149999999999999" customHeight="1">
      <c r="A161" s="737"/>
      <c r="B161" s="738"/>
      <c r="C161" s="485"/>
      <c r="D161" s="484"/>
      <c r="E161" s="483"/>
      <c r="F161" s="482"/>
      <c r="G161" s="481" t="s">
        <v>651</v>
      </c>
      <c r="H161" s="476"/>
      <c r="I161" s="476"/>
      <c r="J161" s="476"/>
      <c r="K161" s="476"/>
      <c r="L161" s="475"/>
    </row>
    <row r="162" spans="1:12" ht="16.149999999999999" customHeight="1">
      <c r="A162" s="733" t="s">
        <v>651</v>
      </c>
      <c r="B162" s="734"/>
      <c r="C162" s="495"/>
      <c r="D162" s="494"/>
      <c r="E162" s="493"/>
      <c r="F162" s="492"/>
      <c r="G162" s="486" t="s">
        <v>651</v>
      </c>
      <c r="H162" s="549"/>
      <c r="I162" s="549"/>
      <c r="J162" s="549"/>
      <c r="K162" s="549"/>
      <c r="L162" s="551"/>
    </row>
    <row r="163" spans="1:12" ht="16.149999999999999" customHeight="1">
      <c r="A163" s="735"/>
      <c r="B163" s="736"/>
      <c r="C163" s="490"/>
      <c r="D163" s="489"/>
      <c r="E163" s="491"/>
      <c r="F163" s="487" t="s">
        <v>651</v>
      </c>
      <c r="G163" s="486" t="s">
        <v>651</v>
      </c>
      <c r="H163" s="549"/>
      <c r="I163" s="549"/>
      <c r="J163" s="549"/>
      <c r="K163" s="549"/>
      <c r="L163" s="551"/>
    </row>
    <row r="164" spans="1:12" ht="16.149999999999999" customHeight="1">
      <c r="A164" s="735" t="s">
        <v>681</v>
      </c>
      <c r="B164" s="736"/>
      <c r="C164" s="490" t="s">
        <v>621</v>
      </c>
      <c r="D164" s="489">
        <v>1</v>
      </c>
      <c r="E164" s="488" t="s">
        <v>618</v>
      </c>
      <c r="F164" s="487"/>
      <c r="G164" s="486" t="s">
        <v>651</v>
      </c>
      <c r="H164" s="549"/>
      <c r="I164" s="549"/>
      <c r="J164" s="549"/>
      <c r="K164" s="549"/>
      <c r="L164" s="551"/>
    </row>
    <row r="165" spans="1:12" ht="16.149999999999999" customHeight="1">
      <c r="A165" s="737"/>
      <c r="B165" s="738"/>
      <c r="C165" s="485"/>
      <c r="D165" s="484"/>
      <c r="E165" s="483"/>
      <c r="F165" s="482"/>
      <c r="G165" s="481" t="s">
        <v>651</v>
      </c>
      <c r="H165" s="476"/>
      <c r="I165" s="476"/>
      <c r="J165" s="476"/>
      <c r="K165" s="476"/>
      <c r="L165" s="475"/>
    </row>
    <row r="167" spans="1:12" ht="16.149999999999999" customHeight="1">
      <c r="A167" s="507" t="s">
        <v>651</v>
      </c>
      <c r="B167" s="479" t="s">
        <v>889</v>
      </c>
      <c r="C167" s="480"/>
      <c r="D167" s="479"/>
      <c r="E167" s="479"/>
      <c r="F167" s="479"/>
      <c r="G167" s="479"/>
      <c r="H167" s="479" t="s">
        <v>617</v>
      </c>
      <c r="I167" s="480" t="s">
        <v>984</v>
      </c>
      <c r="J167" s="479" t="s">
        <v>689</v>
      </c>
      <c r="K167" s="479" t="s">
        <v>1635</v>
      </c>
      <c r="L167" s="506"/>
    </row>
    <row r="168" spans="1:12" ht="16.149999999999999" customHeight="1">
      <c r="A168" s="505" t="s">
        <v>651</v>
      </c>
      <c r="B168" s="549" t="s">
        <v>1675</v>
      </c>
      <c r="C168" s="550"/>
      <c r="D168" s="549"/>
      <c r="E168" s="549"/>
      <c r="F168" s="549"/>
      <c r="G168" s="478"/>
      <c r="H168" s="549"/>
      <c r="I168" s="504"/>
      <c r="J168" s="503" t="s">
        <v>687</v>
      </c>
      <c r="K168" s="502" t="s">
        <v>621</v>
      </c>
      <c r="L168" s="501" t="s">
        <v>618</v>
      </c>
    </row>
    <row r="169" spans="1:12" ht="16.149999999999999" customHeight="1">
      <c r="A169" s="477" t="s">
        <v>651</v>
      </c>
      <c r="B169" s="549"/>
      <c r="C169" s="550"/>
      <c r="D169" s="549"/>
      <c r="E169" s="549"/>
      <c r="F169" s="549"/>
      <c r="G169" s="478"/>
      <c r="H169" s="478"/>
      <c r="I169" s="478"/>
      <c r="J169" s="478"/>
      <c r="K169" s="478"/>
      <c r="L169" s="501"/>
    </row>
    <row r="170" spans="1:12" ht="16.149999999999999" customHeight="1">
      <c r="A170" s="498" t="s">
        <v>686</v>
      </c>
      <c r="B170" s="500"/>
      <c r="C170" s="499" t="s">
        <v>309</v>
      </c>
      <c r="D170" s="499" t="s">
        <v>685</v>
      </c>
      <c r="E170" s="499" t="s">
        <v>684</v>
      </c>
      <c r="F170" s="499" t="s">
        <v>683</v>
      </c>
      <c r="G170" s="498" t="s">
        <v>682</v>
      </c>
      <c r="H170" s="497"/>
      <c r="I170" s="497"/>
      <c r="J170" s="497"/>
      <c r="K170" s="497"/>
      <c r="L170" s="496"/>
    </row>
    <row r="171" spans="1:12" ht="16.149999999999999" customHeight="1">
      <c r="A171" s="733" t="s">
        <v>1643</v>
      </c>
      <c r="B171" s="734"/>
      <c r="C171" s="495"/>
      <c r="D171" s="494"/>
      <c r="E171" s="493"/>
      <c r="F171" s="492"/>
      <c r="G171" s="486" t="s">
        <v>651</v>
      </c>
      <c r="H171" s="549"/>
      <c r="I171" s="549"/>
      <c r="J171" s="549"/>
      <c r="K171" s="549"/>
      <c r="L171" s="551"/>
    </row>
    <row r="172" spans="1:12" ht="16.149999999999999" customHeight="1">
      <c r="A172" s="735"/>
      <c r="B172" s="736"/>
      <c r="C172" s="490"/>
      <c r="D172" s="489"/>
      <c r="E172" s="491"/>
      <c r="F172" s="487" t="s">
        <v>651</v>
      </c>
      <c r="G172" s="486" t="s">
        <v>651</v>
      </c>
      <c r="H172" s="549"/>
      <c r="I172" s="549"/>
      <c r="J172" s="549"/>
      <c r="K172" s="549"/>
      <c r="L172" s="551"/>
    </row>
    <row r="173" spans="1:12" ht="16.149999999999999" customHeight="1">
      <c r="A173" s="735" t="s">
        <v>651</v>
      </c>
      <c r="B173" s="736"/>
      <c r="C173" s="490" t="s">
        <v>248</v>
      </c>
      <c r="D173" s="489"/>
      <c r="E173" s="488"/>
      <c r="F173" s="487"/>
      <c r="G173" s="486" t="s">
        <v>651</v>
      </c>
      <c r="H173" s="549"/>
      <c r="I173" s="549"/>
      <c r="J173" s="549"/>
      <c r="K173" s="549"/>
      <c r="L173" s="551"/>
    </row>
    <row r="174" spans="1:12" ht="16.149999999999999" customHeight="1">
      <c r="A174" s="737"/>
      <c r="B174" s="738"/>
      <c r="C174" s="485"/>
      <c r="D174" s="484"/>
      <c r="E174" s="483"/>
      <c r="F174" s="482"/>
      <c r="G174" s="481" t="s">
        <v>651</v>
      </c>
      <c r="H174" s="476"/>
      <c r="I174" s="476"/>
      <c r="J174" s="476"/>
      <c r="K174" s="476"/>
      <c r="L174" s="475"/>
    </row>
    <row r="176" spans="1:12" ht="16.149999999999999" customHeight="1">
      <c r="A176" s="507" t="s">
        <v>651</v>
      </c>
      <c r="B176" s="479" t="s">
        <v>889</v>
      </c>
      <c r="C176" s="480"/>
      <c r="D176" s="479"/>
      <c r="E176" s="479"/>
      <c r="F176" s="479"/>
      <c r="G176" s="479"/>
      <c r="H176" s="479" t="s">
        <v>617</v>
      </c>
      <c r="I176" s="480" t="s">
        <v>984</v>
      </c>
      <c r="J176" s="479" t="s">
        <v>689</v>
      </c>
      <c r="K176" s="479" t="s">
        <v>1635</v>
      </c>
      <c r="L176" s="506"/>
    </row>
    <row r="177" spans="1:12" ht="16.149999999999999" customHeight="1">
      <c r="A177" s="505" t="s">
        <v>651</v>
      </c>
      <c r="B177" s="549" t="s">
        <v>1675</v>
      </c>
      <c r="C177" s="550"/>
      <c r="D177" s="549"/>
      <c r="E177" s="549"/>
      <c r="F177" s="549"/>
      <c r="G177" s="478"/>
      <c r="H177" s="549"/>
      <c r="I177" s="504"/>
      <c r="J177" s="503" t="s">
        <v>687</v>
      </c>
      <c r="K177" s="502" t="s">
        <v>621</v>
      </c>
      <c r="L177" s="501" t="s">
        <v>618</v>
      </c>
    </row>
    <row r="178" spans="1:12" ht="16.149999999999999" customHeight="1">
      <c r="A178" s="477" t="s">
        <v>651</v>
      </c>
      <c r="B178" s="549"/>
      <c r="C178" s="550"/>
      <c r="D178" s="549"/>
      <c r="E178" s="549"/>
      <c r="F178" s="549"/>
      <c r="G178" s="478"/>
      <c r="H178" s="478"/>
      <c r="I178" s="478"/>
      <c r="J178" s="478"/>
      <c r="K178" s="478"/>
      <c r="L178" s="501"/>
    </row>
    <row r="179" spans="1:12" ht="16.149999999999999" customHeight="1">
      <c r="A179" s="498" t="s">
        <v>686</v>
      </c>
      <c r="B179" s="500"/>
      <c r="C179" s="499" t="s">
        <v>309</v>
      </c>
      <c r="D179" s="499" t="s">
        <v>685</v>
      </c>
      <c r="E179" s="499" t="s">
        <v>684</v>
      </c>
      <c r="F179" s="499" t="s">
        <v>683</v>
      </c>
      <c r="G179" s="498" t="s">
        <v>682</v>
      </c>
      <c r="H179" s="497"/>
      <c r="I179" s="497"/>
      <c r="J179" s="497"/>
      <c r="K179" s="497"/>
      <c r="L179" s="496"/>
    </row>
    <row r="180" spans="1:12" ht="16.149999999999999" customHeight="1">
      <c r="A180" s="733" t="s">
        <v>1701</v>
      </c>
      <c r="B180" s="734"/>
      <c r="C180" s="495"/>
      <c r="D180" s="494"/>
      <c r="E180" s="493"/>
      <c r="F180" s="492"/>
      <c r="G180" s="486" t="s">
        <v>651</v>
      </c>
      <c r="H180" s="549"/>
      <c r="I180" s="549"/>
      <c r="J180" s="549"/>
      <c r="K180" s="549"/>
      <c r="L180" s="551"/>
    </row>
    <row r="181" spans="1:12" ht="16.149999999999999" customHeight="1">
      <c r="A181" s="735"/>
      <c r="B181" s="736"/>
      <c r="C181" s="490"/>
      <c r="D181" s="489"/>
      <c r="E181" s="491"/>
      <c r="F181" s="487" t="s">
        <v>651</v>
      </c>
      <c r="G181" s="486" t="s">
        <v>651</v>
      </c>
      <c r="H181" s="549"/>
      <c r="I181" s="549"/>
      <c r="J181" s="549"/>
      <c r="K181" s="549"/>
      <c r="L181" s="551"/>
    </row>
    <row r="182" spans="1:12" ht="16.149999999999999" customHeight="1">
      <c r="A182" s="735" t="s">
        <v>1494</v>
      </c>
      <c r="B182" s="736"/>
      <c r="C182" s="490" t="s">
        <v>1493</v>
      </c>
      <c r="D182" s="489"/>
      <c r="E182" s="488"/>
      <c r="F182" s="487"/>
      <c r="G182" s="486" t="s">
        <v>651</v>
      </c>
      <c r="H182" s="549"/>
      <c r="I182" s="549"/>
      <c r="J182" s="549"/>
      <c r="K182" s="549"/>
      <c r="L182" s="551"/>
    </row>
    <row r="183" spans="1:12" ht="16.149999999999999" customHeight="1">
      <c r="A183" s="737"/>
      <c r="B183" s="738"/>
      <c r="C183" s="485"/>
      <c r="D183" s="484"/>
      <c r="E183" s="483"/>
      <c r="F183" s="482"/>
      <c r="G183" s="481" t="s">
        <v>651</v>
      </c>
      <c r="H183" s="476"/>
      <c r="I183" s="476"/>
      <c r="J183" s="476"/>
      <c r="K183" s="476"/>
      <c r="L183" s="475"/>
    </row>
    <row r="184" spans="1:12" ht="16.149999999999999" customHeight="1">
      <c r="A184" s="733" t="s">
        <v>1642</v>
      </c>
      <c r="B184" s="734"/>
      <c r="C184" s="495"/>
      <c r="D184" s="494"/>
      <c r="E184" s="493"/>
      <c r="F184" s="492"/>
      <c r="G184" s="486" t="s">
        <v>1647</v>
      </c>
      <c r="H184" s="549"/>
      <c r="I184" s="549"/>
      <c r="J184" s="549"/>
      <c r="K184" s="549"/>
      <c r="L184" s="551"/>
    </row>
    <row r="185" spans="1:12" ht="16.149999999999999" customHeight="1">
      <c r="A185" s="735"/>
      <c r="B185" s="736"/>
      <c r="C185" s="490"/>
      <c r="D185" s="489"/>
      <c r="E185" s="491"/>
      <c r="F185" s="487" t="s">
        <v>651</v>
      </c>
      <c r="G185" s="486" t="s">
        <v>651</v>
      </c>
      <c r="H185" s="549"/>
      <c r="I185" s="549"/>
      <c r="J185" s="549"/>
      <c r="K185" s="549"/>
      <c r="L185" s="551"/>
    </row>
    <row r="186" spans="1:12" ht="16.149999999999999" customHeight="1">
      <c r="A186" s="735" t="s">
        <v>1707</v>
      </c>
      <c r="B186" s="736"/>
      <c r="C186" s="490" t="s">
        <v>627</v>
      </c>
      <c r="D186" s="489"/>
      <c r="E186" s="488"/>
      <c r="F186" s="487"/>
      <c r="G186" s="486" t="s">
        <v>651</v>
      </c>
      <c r="H186" s="549"/>
      <c r="I186" s="549"/>
      <c r="J186" s="549"/>
      <c r="K186" s="549"/>
      <c r="L186" s="551"/>
    </row>
    <row r="187" spans="1:12" ht="16.149999999999999" customHeight="1">
      <c r="A187" s="737"/>
      <c r="B187" s="738"/>
      <c r="C187" s="485"/>
      <c r="D187" s="484"/>
      <c r="E187" s="483"/>
      <c r="F187" s="482"/>
      <c r="G187" s="481" t="s">
        <v>651</v>
      </c>
      <c r="H187" s="476"/>
      <c r="I187" s="476"/>
      <c r="J187" s="476"/>
      <c r="K187" s="476"/>
      <c r="L187" s="475"/>
    </row>
    <row r="188" spans="1:12" ht="16.149999999999999" customHeight="1">
      <c r="A188" s="733" t="s">
        <v>1704</v>
      </c>
      <c r="B188" s="734"/>
      <c r="C188" s="495"/>
      <c r="D188" s="494"/>
      <c r="E188" s="493"/>
      <c r="F188" s="492"/>
      <c r="G188" s="486" t="s">
        <v>651</v>
      </c>
      <c r="H188" s="549"/>
      <c r="I188" s="549"/>
      <c r="J188" s="549"/>
      <c r="K188" s="549"/>
      <c r="L188" s="551"/>
    </row>
    <row r="189" spans="1:12" ht="16.149999999999999" customHeight="1">
      <c r="A189" s="735"/>
      <c r="B189" s="736"/>
      <c r="C189" s="490"/>
      <c r="D189" s="489"/>
      <c r="E189" s="491"/>
      <c r="F189" s="487" t="s">
        <v>651</v>
      </c>
      <c r="G189" s="486" t="s">
        <v>651</v>
      </c>
      <c r="H189" s="549"/>
      <c r="I189" s="549"/>
      <c r="J189" s="549"/>
      <c r="K189" s="549"/>
      <c r="L189" s="551"/>
    </row>
    <row r="190" spans="1:12" ht="16.149999999999999" customHeight="1">
      <c r="A190" s="735" t="s">
        <v>1663</v>
      </c>
      <c r="B190" s="736"/>
      <c r="C190" s="490" t="s">
        <v>627</v>
      </c>
      <c r="D190" s="489"/>
      <c r="E190" s="488"/>
      <c r="F190" s="487"/>
      <c r="G190" s="486" t="s">
        <v>651</v>
      </c>
      <c r="H190" s="549"/>
      <c r="I190" s="549"/>
      <c r="J190" s="549"/>
      <c r="K190" s="549"/>
      <c r="L190" s="551"/>
    </row>
    <row r="191" spans="1:12" ht="16.149999999999999" customHeight="1">
      <c r="A191" s="737"/>
      <c r="B191" s="738"/>
      <c r="C191" s="485"/>
      <c r="D191" s="484"/>
      <c r="E191" s="483"/>
      <c r="F191" s="482"/>
      <c r="G191" s="481" t="s">
        <v>651</v>
      </c>
      <c r="H191" s="476"/>
      <c r="I191" s="476"/>
      <c r="J191" s="476"/>
      <c r="K191" s="476"/>
      <c r="L191" s="475"/>
    </row>
    <row r="192" spans="1:12" ht="16.149999999999999" customHeight="1">
      <c r="A192" s="733" t="s">
        <v>700</v>
      </c>
      <c r="B192" s="734"/>
      <c r="C192" s="495"/>
      <c r="D192" s="494"/>
      <c r="E192" s="493"/>
      <c r="F192" s="492"/>
      <c r="G192" s="486" t="s">
        <v>651</v>
      </c>
      <c r="H192" s="549"/>
      <c r="I192" s="549"/>
      <c r="J192" s="549"/>
      <c r="K192" s="549"/>
      <c r="L192" s="551"/>
    </row>
    <row r="193" spans="1:12" ht="16.149999999999999" customHeight="1">
      <c r="A193" s="735"/>
      <c r="B193" s="736"/>
      <c r="C193" s="490"/>
      <c r="D193" s="489"/>
      <c r="E193" s="491"/>
      <c r="F193" s="487" t="s">
        <v>651</v>
      </c>
      <c r="G193" s="486" t="s">
        <v>651</v>
      </c>
      <c r="H193" s="549"/>
      <c r="I193" s="549"/>
      <c r="J193" s="549"/>
      <c r="K193" s="549"/>
      <c r="L193" s="551"/>
    </row>
    <row r="194" spans="1:12" ht="16.149999999999999" customHeight="1">
      <c r="A194" s="735" t="s">
        <v>651</v>
      </c>
      <c r="B194" s="736"/>
      <c r="C194" s="490" t="s">
        <v>242</v>
      </c>
      <c r="D194" s="489">
        <v>1</v>
      </c>
      <c r="E194" s="488"/>
      <c r="F194" s="487"/>
      <c r="G194" s="486" t="s">
        <v>651</v>
      </c>
      <c r="H194" s="549"/>
      <c r="I194" s="549"/>
      <c r="J194" s="549"/>
      <c r="K194" s="549"/>
      <c r="L194" s="551"/>
    </row>
    <row r="195" spans="1:12" ht="16.149999999999999" customHeight="1">
      <c r="A195" s="737"/>
      <c r="B195" s="738"/>
      <c r="C195" s="485"/>
      <c r="D195" s="484"/>
      <c r="E195" s="483"/>
      <c r="F195" s="482"/>
      <c r="G195" s="481" t="s">
        <v>651</v>
      </c>
      <c r="H195" s="476"/>
      <c r="I195" s="476"/>
      <c r="J195" s="476"/>
      <c r="K195" s="476"/>
      <c r="L195" s="475"/>
    </row>
    <row r="196" spans="1:12" ht="16.149999999999999" customHeight="1">
      <c r="A196" s="733" t="s">
        <v>651</v>
      </c>
      <c r="B196" s="734"/>
      <c r="C196" s="495"/>
      <c r="D196" s="494"/>
      <c r="E196" s="493"/>
      <c r="F196" s="492"/>
      <c r="G196" s="486" t="s">
        <v>651</v>
      </c>
      <c r="H196" s="549"/>
      <c r="I196" s="549"/>
      <c r="J196" s="549"/>
      <c r="K196" s="549"/>
      <c r="L196" s="551"/>
    </row>
    <row r="197" spans="1:12" ht="16.149999999999999" customHeight="1">
      <c r="A197" s="735"/>
      <c r="B197" s="736"/>
      <c r="C197" s="490"/>
      <c r="D197" s="489"/>
      <c r="E197" s="491"/>
      <c r="F197" s="487" t="s">
        <v>651</v>
      </c>
      <c r="G197" s="486" t="s">
        <v>651</v>
      </c>
      <c r="H197" s="549"/>
      <c r="I197" s="549"/>
      <c r="J197" s="549"/>
      <c r="K197" s="549"/>
      <c r="L197" s="551"/>
    </row>
    <row r="198" spans="1:12" ht="16.149999999999999" customHeight="1">
      <c r="A198" s="735" t="s">
        <v>691</v>
      </c>
      <c r="B198" s="736"/>
      <c r="C198" s="490" t="s">
        <v>621</v>
      </c>
      <c r="D198" s="489">
        <v>1</v>
      </c>
      <c r="E198" s="488"/>
      <c r="F198" s="487"/>
      <c r="G198" s="486" t="s">
        <v>651</v>
      </c>
      <c r="H198" s="549"/>
      <c r="I198" s="549"/>
      <c r="J198" s="549"/>
      <c r="K198" s="549"/>
      <c r="L198" s="551"/>
    </row>
    <row r="199" spans="1:12" ht="16.149999999999999" customHeight="1">
      <c r="A199" s="737"/>
      <c r="B199" s="738"/>
      <c r="C199" s="485"/>
      <c r="D199" s="484"/>
      <c r="E199" s="483"/>
      <c r="F199" s="482"/>
      <c r="G199" s="481" t="s">
        <v>651</v>
      </c>
      <c r="H199" s="476"/>
      <c r="I199" s="476"/>
      <c r="J199" s="476"/>
      <c r="K199" s="476"/>
      <c r="L199" s="475"/>
    </row>
    <row r="200" spans="1:12" ht="16.149999999999999" customHeight="1">
      <c r="A200" s="733" t="s">
        <v>651</v>
      </c>
      <c r="B200" s="734"/>
      <c r="C200" s="495"/>
      <c r="D200" s="494"/>
      <c r="E200" s="493"/>
      <c r="F200" s="492"/>
      <c r="G200" s="486" t="s">
        <v>651</v>
      </c>
      <c r="H200" s="549"/>
      <c r="I200" s="549"/>
      <c r="J200" s="549"/>
      <c r="K200" s="549"/>
      <c r="L200" s="551"/>
    </row>
    <row r="201" spans="1:12" ht="16.149999999999999" customHeight="1">
      <c r="A201" s="735"/>
      <c r="B201" s="736"/>
      <c r="C201" s="490"/>
      <c r="D201" s="489"/>
      <c r="E201" s="491"/>
      <c r="F201" s="487" t="s">
        <v>651</v>
      </c>
      <c r="G201" s="486" t="s">
        <v>651</v>
      </c>
      <c r="H201" s="549"/>
      <c r="I201" s="549"/>
      <c r="J201" s="549"/>
      <c r="K201" s="549"/>
      <c r="L201" s="551"/>
    </row>
    <row r="202" spans="1:12" ht="16.149999999999999" customHeight="1">
      <c r="A202" s="735" t="s">
        <v>681</v>
      </c>
      <c r="B202" s="736"/>
      <c r="C202" s="490" t="s">
        <v>621</v>
      </c>
      <c r="D202" s="489">
        <v>1</v>
      </c>
      <c r="E202" s="488" t="s">
        <v>618</v>
      </c>
      <c r="F202" s="487"/>
      <c r="G202" s="486" t="s">
        <v>651</v>
      </c>
      <c r="H202" s="549"/>
      <c r="I202" s="549"/>
      <c r="J202" s="549"/>
      <c r="K202" s="549"/>
      <c r="L202" s="551"/>
    </row>
    <row r="203" spans="1:12" ht="16.149999999999999" customHeight="1">
      <c r="A203" s="737"/>
      <c r="B203" s="738"/>
      <c r="C203" s="485"/>
      <c r="D203" s="484"/>
      <c r="E203" s="483"/>
      <c r="F203" s="482"/>
      <c r="G203" s="481" t="s">
        <v>651</v>
      </c>
      <c r="H203" s="476"/>
      <c r="I203" s="476"/>
      <c r="J203" s="476"/>
      <c r="K203" s="476"/>
      <c r="L203" s="475"/>
    </row>
    <row r="211" spans="1:12" ht="16.149999999999999" customHeight="1">
      <c r="A211" s="507" t="s">
        <v>651</v>
      </c>
      <c r="B211" s="479" t="s">
        <v>1642</v>
      </c>
      <c r="C211" s="480"/>
      <c r="D211" s="479"/>
      <c r="E211" s="479"/>
      <c r="F211" s="479"/>
      <c r="G211" s="479"/>
      <c r="H211" s="479" t="s">
        <v>617</v>
      </c>
      <c r="I211" s="480" t="s">
        <v>980</v>
      </c>
      <c r="J211" s="479" t="s">
        <v>689</v>
      </c>
      <c r="K211" s="479" t="s">
        <v>1635</v>
      </c>
      <c r="L211" s="506"/>
    </row>
    <row r="212" spans="1:12" ht="16.149999999999999" customHeight="1">
      <c r="A212" s="505" t="s">
        <v>651</v>
      </c>
      <c r="B212" s="549" t="s">
        <v>1707</v>
      </c>
      <c r="C212" s="550"/>
      <c r="D212" s="549"/>
      <c r="E212" s="549"/>
      <c r="F212" s="549"/>
      <c r="G212" s="478"/>
      <c r="H212" s="549"/>
      <c r="I212" s="504"/>
      <c r="J212" s="503" t="s">
        <v>687</v>
      </c>
      <c r="K212" s="502" t="s">
        <v>627</v>
      </c>
      <c r="L212" s="501" t="s">
        <v>618</v>
      </c>
    </row>
    <row r="213" spans="1:12" ht="16.149999999999999" customHeight="1">
      <c r="A213" s="477" t="s">
        <v>651</v>
      </c>
      <c r="B213" s="549"/>
      <c r="C213" s="550"/>
      <c r="D213" s="549"/>
      <c r="E213" s="549"/>
      <c r="F213" s="549"/>
      <c r="G213" s="478"/>
      <c r="H213" s="478"/>
      <c r="I213" s="478"/>
      <c r="J213" s="478"/>
      <c r="K213" s="478"/>
      <c r="L213" s="501"/>
    </row>
    <row r="214" spans="1:12" ht="16.149999999999999" customHeight="1">
      <c r="A214" s="498" t="s">
        <v>686</v>
      </c>
      <c r="B214" s="500"/>
      <c r="C214" s="499" t="s">
        <v>309</v>
      </c>
      <c r="D214" s="499" t="s">
        <v>685</v>
      </c>
      <c r="E214" s="499" t="s">
        <v>684</v>
      </c>
      <c r="F214" s="499" t="s">
        <v>683</v>
      </c>
      <c r="G214" s="498" t="s">
        <v>682</v>
      </c>
      <c r="H214" s="497"/>
      <c r="I214" s="497"/>
      <c r="J214" s="497"/>
      <c r="K214" s="497"/>
      <c r="L214" s="496"/>
    </row>
    <row r="215" spans="1:12" ht="16.149999999999999" customHeight="1">
      <c r="A215" s="733" t="s">
        <v>1646</v>
      </c>
      <c r="B215" s="734"/>
      <c r="C215" s="495"/>
      <c r="D215" s="494"/>
      <c r="E215" s="493"/>
      <c r="F215" s="492"/>
      <c r="G215" s="486" t="s">
        <v>651</v>
      </c>
      <c r="H215" s="549"/>
      <c r="I215" s="549"/>
      <c r="J215" s="549"/>
      <c r="K215" s="549"/>
      <c r="L215" s="551"/>
    </row>
    <row r="216" spans="1:12" ht="16.149999999999999" customHeight="1">
      <c r="A216" s="735"/>
      <c r="B216" s="736"/>
      <c r="C216" s="490"/>
      <c r="D216" s="489"/>
      <c r="E216" s="491"/>
      <c r="F216" s="487" t="s">
        <v>651</v>
      </c>
      <c r="G216" s="486" t="s">
        <v>651</v>
      </c>
      <c r="H216" s="549"/>
      <c r="I216" s="549"/>
      <c r="J216" s="549"/>
      <c r="K216" s="549"/>
      <c r="L216" s="551"/>
    </row>
    <row r="217" spans="1:12" ht="16.149999999999999" customHeight="1">
      <c r="A217" s="735" t="s">
        <v>1705</v>
      </c>
      <c r="B217" s="736"/>
      <c r="C217" s="490" t="s">
        <v>627</v>
      </c>
      <c r="D217" s="489"/>
      <c r="E217" s="488"/>
      <c r="F217" s="487"/>
      <c r="G217" s="486" t="s">
        <v>651</v>
      </c>
      <c r="H217" s="549"/>
      <c r="I217" s="549"/>
      <c r="J217" s="549"/>
      <c r="K217" s="549"/>
      <c r="L217" s="551"/>
    </row>
    <row r="218" spans="1:12" ht="16.149999999999999" customHeight="1">
      <c r="A218" s="737"/>
      <c r="B218" s="738"/>
      <c r="C218" s="485"/>
      <c r="D218" s="484"/>
      <c r="E218" s="483"/>
      <c r="F218" s="482"/>
      <c r="G218" s="481" t="s">
        <v>651</v>
      </c>
      <c r="H218" s="476"/>
      <c r="I218" s="476"/>
      <c r="J218" s="476"/>
      <c r="K218" s="476"/>
      <c r="L218" s="475"/>
    </row>
    <row r="219" spans="1:12" ht="16.149999999999999" customHeight="1">
      <c r="A219" s="733" t="s">
        <v>651</v>
      </c>
      <c r="B219" s="734"/>
      <c r="C219" s="495"/>
      <c r="D219" s="494"/>
      <c r="E219" s="493"/>
      <c r="F219" s="492"/>
      <c r="G219" s="486" t="s">
        <v>651</v>
      </c>
      <c r="H219" s="549"/>
      <c r="I219" s="549"/>
      <c r="J219" s="549"/>
      <c r="K219" s="549"/>
      <c r="L219" s="551"/>
    </row>
    <row r="220" spans="1:12" ht="16.149999999999999" customHeight="1">
      <c r="A220" s="735"/>
      <c r="B220" s="736"/>
      <c r="C220" s="490"/>
      <c r="D220" s="489"/>
      <c r="E220" s="491"/>
      <c r="F220" s="487" t="s">
        <v>651</v>
      </c>
      <c r="G220" s="486" t="s">
        <v>651</v>
      </c>
      <c r="H220" s="549"/>
      <c r="I220" s="549"/>
      <c r="J220" s="549"/>
      <c r="K220" s="549"/>
      <c r="L220" s="551"/>
    </row>
    <row r="221" spans="1:12" ht="16.149999999999999" customHeight="1">
      <c r="A221" s="735" t="s">
        <v>691</v>
      </c>
      <c r="B221" s="736"/>
      <c r="C221" s="490" t="s">
        <v>627</v>
      </c>
      <c r="D221" s="489">
        <v>1</v>
      </c>
      <c r="E221" s="488"/>
      <c r="F221" s="487"/>
      <c r="G221" s="486" t="s">
        <v>651</v>
      </c>
      <c r="H221" s="549"/>
      <c r="I221" s="549"/>
      <c r="J221" s="549"/>
      <c r="K221" s="549"/>
      <c r="L221" s="551"/>
    </row>
    <row r="222" spans="1:12" ht="16.149999999999999" customHeight="1">
      <c r="A222" s="737"/>
      <c r="B222" s="738"/>
      <c r="C222" s="485"/>
      <c r="D222" s="484"/>
      <c r="E222" s="483"/>
      <c r="F222" s="482"/>
      <c r="G222" s="481" t="s">
        <v>651</v>
      </c>
      <c r="H222" s="476"/>
      <c r="I222" s="476"/>
      <c r="J222" s="476"/>
      <c r="K222" s="476"/>
      <c r="L222" s="475"/>
    </row>
    <row r="223" spans="1:12" ht="16.149999999999999" customHeight="1">
      <c r="A223" s="733" t="s">
        <v>651</v>
      </c>
      <c r="B223" s="734"/>
      <c r="C223" s="495"/>
      <c r="D223" s="494"/>
      <c r="E223" s="493"/>
      <c r="F223" s="492"/>
      <c r="G223" s="486" t="s">
        <v>651</v>
      </c>
      <c r="H223" s="549"/>
      <c r="I223" s="549"/>
      <c r="J223" s="549"/>
      <c r="K223" s="549"/>
      <c r="L223" s="551"/>
    </row>
    <row r="224" spans="1:12" ht="16.149999999999999" customHeight="1">
      <c r="A224" s="735"/>
      <c r="B224" s="736"/>
      <c r="C224" s="490"/>
      <c r="D224" s="489"/>
      <c r="E224" s="491"/>
      <c r="F224" s="487" t="s">
        <v>651</v>
      </c>
      <c r="G224" s="486" t="s">
        <v>651</v>
      </c>
      <c r="H224" s="549"/>
      <c r="I224" s="549"/>
      <c r="J224" s="549"/>
      <c r="K224" s="549"/>
      <c r="L224" s="551"/>
    </row>
    <row r="225" spans="1:12" ht="16.149999999999999" customHeight="1">
      <c r="A225" s="735" t="s">
        <v>681</v>
      </c>
      <c r="B225" s="736"/>
      <c r="C225" s="490" t="s">
        <v>627</v>
      </c>
      <c r="D225" s="489">
        <v>1</v>
      </c>
      <c r="E225" s="488" t="s">
        <v>618</v>
      </c>
      <c r="F225" s="487"/>
      <c r="G225" s="486" t="s">
        <v>651</v>
      </c>
      <c r="H225" s="549"/>
      <c r="I225" s="549"/>
      <c r="J225" s="549"/>
      <c r="K225" s="549"/>
      <c r="L225" s="551"/>
    </row>
    <row r="226" spans="1:12" ht="16.149999999999999" customHeight="1">
      <c r="A226" s="737"/>
      <c r="B226" s="738"/>
      <c r="C226" s="485"/>
      <c r="D226" s="484"/>
      <c r="E226" s="483"/>
      <c r="F226" s="482"/>
      <c r="G226" s="481" t="s">
        <v>651</v>
      </c>
      <c r="H226" s="476"/>
      <c r="I226" s="476"/>
      <c r="J226" s="476"/>
      <c r="K226" s="476"/>
      <c r="L226" s="475"/>
    </row>
    <row r="228" spans="1:12" ht="16.149999999999999" customHeight="1">
      <c r="A228" s="507" t="s">
        <v>651</v>
      </c>
      <c r="B228" s="479" t="s">
        <v>886</v>
      </c>
      <c r="C228" s="480"/>
      <c r="D228" s="479"/>
      <c r="E228" s="479"/>
      <c r="F228" s="479"/>
      <c r="G228" s="479"/>
      <c r="H228" s="479" t="s">
        <v>617</v>
      </c>
      <c r="I228" s="480" t="s">
        <v>977</v>
      </c>
      <c r="J228" s="479" t="s">
        <v>689</v>
      </c>
      <c r="K228" s="479" t="s">
        <v>1635</v>
      </c>
      <c r="L228" s="506"/>
    </row>
    <row r="229" spans="1:12" ht="16.149999999999999" customHeight="1">
      <c r="A229" s="505" t="s">
        <v>651</v>
      </c>
      <c r="B229" s="549" t="s">
        <v>1674</v>
      </c>
      <c r="C229" s="550"/>
      <c r="D229" s="549"/>
      <c r="E229" s="549"/>
      <c r="F229" s="549"/>
      <c r="G229" s="478"/>
      <c r="H229" s="549"/>
      <c r="I229" s="504"/>
      <c r="J229" s="503" t="s">
        <v>687</v>
      </c>
      <c r="K229" s="502" t="s">
        <v>621</v>
      </c>
      <c r="L229" s="501" t="s">
        <v>618</v>
      </c>
    </row>
    <row r="230" spans="1:12" ht="16.149999999999999" customHeight="1">
      <c r="A230" s="477" t="s">
        <v>651</v>
      </c>
      <c r="B230" s="549"/>
      <c r="C230" s="550"/>
      <c r="D230" s="549"/>
      <c r="E230" s="549"/>
      <c r="F230" s="549"/>
      <c r="G230" s="478"/>
      <c r="H230" s="478"/>
      <c r="I230" s="478"/>
      <c r="J230" s="478"/>
      <c r="K230" s="478"/>
      <c r="L230" s="501"/>
    </row>
    <row r="231" spans="1:12" ht="16.149999999999999" customHeight="1">
      <c r="A231" s="498" t="s">
        <v>686</v>
      </c>
      <c r="B231" s="500"/>
      <c r="C231" s="499" t="s">
        <v>309</v>
      </c>
      <c r="D231" s="499" t="s">
        <v>685</v>
      </c>
      <c r="E231" s="499" t="s">
        <v>684</v>
      </c>
      <c r="F231" s="499" t="s">
        <v>683</v>
      </c>
      <c r="G231" s="498" t="s">
        <v>682</v>
      </c>
      <c r="H231" s="497"/>
      <c r="I231" s="497"/>
      <c r="J231" s="497"/>
      <c r="K231" s="497"/>
      <c r="L231" s="496"/>
    </row>
    <row r="232" spans="1:12" ht="16.149999999999999" customHeight="1">
      <c r="A232" s="733" t="s">
        <v>721</v>
      </c>
      <c r="B232" s="734"/>
      <c r="C232" s="495"/>
      <c r="D232" s="494"/>
      <c r="E232" s="493"/>
      <c r="F232" s="492"/>
      <c r="G232" s="486" t="s">
        <v>651</v>
      </c>
      <c r="H232" s="549"/>
      <c r="I232" s="549"/>
      <c r="J232" s="549"/>
      <c r="K232" s="549"/>
      <c r="L232" s="551"/>
    </row>
    <row r="233" spans="1:12" ht="16.149999999999999" customHeight="1">
      <c r="A233" s="735"/>
      <c r="B233" s="736"/>
      <c r="C233" s="490"/>
      <c r="D233" s="489"/>
      <c r="E233" s="491"/>
      <c r="F233" s="487" t="s">
        <v>651</v>
      </c>
      <c r="G233" s="486" t="s">
        <v>651</v>
      </c>
      <c r="H233" s="549"/>
      <c r="I233" s="549"/>
      <c r="J233" s="549"/>
      <c r="K233" s="549"/>
      <c r="L233" s="551"/>
    </row>
    <row r="234" spans="1:12" ht="16.149999999999999" customHeight="1">
      <c r="A234" s="735" t="s">
        <v>651</v>
      </c>
      <c r="B234" s="736"/>
      <c r="C234" s="490" t="s">
        <v>248</v>
      </c>
      <c r="D234" s="489"/>
      <c r="E234" s="488"/>
      <c r="F234" s="487"/>
      <c r="G234" s="486" t="s">
        <v>651</v>
      </c>
      <c r="H234" s="549"/>
      <c r="I234" s="549"/>
      <c r="J234" s="549"/>
      <c r="K234" s="549"/>
      <c r="L234" s="551"/>
    </row>
    <row r="235" spans="1:12" ht="16.149999999999999" customHeight="1">
      <c r="A235" s="737"/>
      <c r="B235" s="738"/>
      <c r="C235" s="485"/>
      <c r="D235" s="484"/>
      <c r="E235" s="483"/>
      <c r="F235" s="482"/>
      <c r="G235" s="481" t="s">
        <v>651</v>
      </c>
      <c r="H235" s="476"/>
      <c r="I235" s="476"/>
      <c r="J235" s="476"/>
      <c r="K235" s="476"/>
      <c r="L235" s="475"/>
    </row>
    <row r="236" spans="1:12" ht="16.149999999999999" customHeight="1">
      <c r="A236" s="733" t="s">
        <v>1706</v>
      </c>
      <c r="B236" s="734"/>
      <c r="C236" s="495"/>
      <c r="D236" s="494"/>
      <c r="E236" s="493"/>
      <c r="F236" s="492"/>
      <c r="G236" s="486" t="s">
        <v>651</v>
      </c>
      <c r="H236" s="549"/>
      <c r="I236" s="549"/>
      <c r="J236" s="549"/>
      <c r="K236" s="549"/>
      <c r="L236" s="551"/>
    </row>
    <row r="237" spans="1:12" ht="16.149999999999999" customHeight="1">
      <c r="A237" s="735"/>
      <c r="B237" s="736"/>
      <c r="C237" s="490"/>
      <c r="D237" s="489"/>
      <c r="E237" s="491"/>
      <c r="F237" s="487" t="s">
        <v>651</v>
      </c>
      <c r="G237" s="486" t="s">
        <v>651</v>
      </c>
      <c r="H237" s="549"/>
      <c r="I237" s="549"/>
      <c r="J237" s="549"/>
      <c r="K237" s="549"/>
      <c r="L237" s="551"/>
    </row>
    <row r="238" spans="1:12" ht="16.149999999999999" customHeight="1">
      <c r="A238" s="735" t="s">
        <v>1645</v>
      </c>
      <c r="B238" s="736"/>
      <c r="C238" s="490" t="s">
        <v>1493</v>
      </c>
      <c r="D238" s="489"/>
      <c r="E238" s="488"/>
      <c r="F238" s="487"/>
      <c r="G238" s="486" t="s">
        <v>651</v>
      </c>
      <c r="H238" s="549"/>
      <c r="I238" s="549"/>
      <c r="J238" s="549"/>
      <c r="K238" s="549"/>
      <c r="L238" s="551"/>
    </row>
    <row r="239" spans="1:12" ht="16.149999999999999" customHeight="1">
      <c r="A239" s="737"/>
      <c r="B239" s="738"/>
      <c r="C239" s="485"/>
      <c r="D239" s="484"/>
      <c r="E239" s="483"/>
      <c r="F239" s="482"/>
      <c r="G239" s="481" t="s">
        <v>651</v>
      </c>
      <c r="H239" s="476"/>
      <c r="I239" s="476"/>
      <c r="J239" s="476"/>
      <c r="K239" s="476"/>
      <c r="L239" s="475"/>
    </row>
    <row r="240" spans="1:12" ht="16.149999999999999" customHeight="1">
      <c r="A240" s="733" t="s">
        <v>1644</v>
      </c>
      <c r="B240" s="734"/>
      <c r="C240" s="495"/>
      <c r="D240" s="494"/>
      <c r="E240" s="493"/>
      <c r="F240" s="492"/>
      <c r="G240" s="486" t="s">
        <v>651</v>
      </c>
      <c r="H240" s="549"/>
      <c r="I240" s="549"/>
      <c r="J240" s="549"/>
      <c r="K240" s="549"/>
      <c r="L240" s="551"/>
    </row>
    <row r="241" spans="1:12" ht="16.149999999999999" customHeight="1">
      <c r="A241" s="735"/>
      <c r="B241" s="736"/>
      <c r="C241" s="490"/>
      <c r="D241" s="489"/>
      <c r="E241" s="491"/>
      <c r="F241" s="487" t="s">
        <v>651</v>
      </c>
      <c r="G241" s="486" t="s">
        <v>651</v>
      </c>
      <c r="H241" s="549"/>
      <c r="I241" s="549"/>
      <c r="J241" s="549"/>
      <c r="K241" s="549"/>
      <c r="L241" s="551"/>
    </row>
    <row r="242" spans="1:12" ht="16.149999999999999" customHeight="1">
      <c r="A242" s="735" t="s">
        <v>1671</v>
      </c>
      <c r="B242" s="736"/>
      <c r="C242" s="490" t="s">
        <v>621</v>
      </c>
      <c r="D242" s="489"/>
      <c r="E242" s="488"/>
      <c r="F242" s="487"/>
      <c r="G242" s="486" t="s">
        <v>651</v>
      </c>
      <c r="H242" s="549"/>
      <c r="I242" s="549"/>
      <c r="J242" s="549"/>
      <c r="K242" s="549"/>
      <c r="L242" s="551"/>
    </row>
    <row r="243" spans="1:12" ht="16.149999999999999" customHeight="1">
      <c r="A243" s="737"/>
      <c r="B243" s="738"/>
      <c r="C243" s="485"/>
      <c r="D243" s="484"/>
      <c r="E243" s="483"/>
      <c r="F243" s="482"/>
      <c r="G243" s="481" t="s">
        <v>651</v>
      </c>
      <c r="H243" s="476"/>
      <c r="I243" s="476"/>
      <c r="J243" s="476"/>
      <c r="K243" s="476"/>
      <c r="L243" s="475"/>
    </row>
    <row r="246" spans="1:12" ht="16.149999999999999" customHeight="1">
      <c r="A246" s="507" t="s">
        <v>651</v>
      </c>
      <c r="B246" s="479" t="s">
        <v>886</v>
      </c>
      <c r="C246" s="480"/>
      <c r="D246" s="479"/>
      <c r="E246" s="479"/>
      <c r="F246" s="479"/>
      <c r="G246" s="479"/>
      <c r="H246" s="479" t="s">
        <v>617</v>
      </c>
      <c r="I246" s="480" t="s">
        <v>977</v>
      </c>
      <c r="J246" s="479" t="s">
        <v>689</v>
      </c>
      <c r="K246" s="479" t="s">
        <v>1635</v>
      </c>
      <c r="L246" s="506"/>
    </row>
    <row r="247" spans="1:12" ht="16.149999999999999" customHeight="1">
      <c r="A247" s="505" t="s">
        <v>651</v>
      </c>
      <c r="B247" s="549" t="s">
        <v>1674</v>
      </c>
      <c r="C247" s="550"/>
      <c r="D247" s="549"/>
      <c r="E247" s="549"/>
      <c r="F247" s="549"/>
      <c r="G247" s="478"/>
      <c r="H247" s="549"/>
      <c r="I247" s="504"/>
      <c r="J247" s="503" t="s">
        <v>687</v>
      </c>
      <c r="K247" s="502" t="s">
        <v>621</v>
      </c>
      <c r="L247" s="501" t="s">
        <v>618</v>
      </c>
    </row>
    <row r="248" spans="1:12" ht="16.149999999999999" customHeight="1">
      <c r="A248" s="477" t="s">
        <v>651</v>
      </c>
      <c r="B248" s="549"/>
      <c r="C248" s="550"/>
      <c r="D248" s="549"/>
      <c r="E248" s="549"/>
      <c r="F248" s="549"/>
      <c r="G248" s="478"/>
      <c r="H248" s="478"/>
      <c r="I248" s="478"/>
      <c r="J248" s="478"/>
      <c r="K248" s="478"/>
      <c r="L248" s="501"/>
    </row>
    <row r="249" spans="1:12" ht="16.149999999999999" customHeight="1">
      <c r="A249" s="498" t="s">
        <v>686</v>
      </c>
      <c r="B249" s="500"/>
      <c r="C249" s="499" t="s">
        <v>309</v>
      </c>
      <c r="D249" s="499" t="s">
        <v>685</v>
      </c>
      <c r="E249" s="499" t="s">
        <v>684</v>
      </c>
      <c r="F249" s="499" t="s">
        <v>683</v>
      </c>
      <c r="G249" s="498" t="s">
        <v>682</v>
      </c>
      <c r="H249" s="497"/>
      <c r="I249" s="497"/>
      <c r="J249" s="497"/>
      <c r="K249" s="497"/>
      <c r="L249" s="496"/>
    </row>
    <row r="250" spans="1:12" ht="16.149999999999999" customHeight="1">
      <c r="A250" s="733" t="s">
        <v>700</v>
      </c>
      <c r="B250" s="734"/>
      <c r="C250" s="495"/>
      <c r="D250" s="494"/>
      <c r="E250" s="493"/>
      <c r="F250" s="492"/>
      <c r="G250" s="486" t="s">
        <v>651</v>
      </c>
      <c r="H250" s="549"/>
      <c r="I250" s="549"/>
      <c r="J250" s="549"/>
      <c r="K250" s="549"/>
      <c r="L250" s="551"/>
    </row>
    <row r="251" spans="1:12" ht="16.149999999999999" customHeight="1">
      <c r="A251" s="735"/>
      <c r="B251" s="736"/>
      <c r="C251" s="490"/>
      <c r="D251" s="489"/>
      <c r="E251" s="491"/>
      <c r="F251" s="487" t="s">
        <v>651</v>
      </c>
      <c r="G251" s="486" t="s">
        <v>651</v>
      </c>
      <c r="H251" s="549"/>
      <c r="I251" s="549"/>
      <c r="J251" s="549"/>
      <c r="K251" s="549"/>
      <c r="L251" s="551"/>
    </row>
    <row r="252" spans="1:12" ht="16.149999999999999" customHeight="1">
      <c r="A252" s="735" t="s">
        <v>651</v>
      </c>
      <c r="B252" s="736"/>
      <c r="C252" s="490" t="s">
        <v>242</v>
      </c>
      <c r="D252" s="489">
        <v>1</v>
      </c>
      <c r="E252" s="488"/>
      <c r="F252" s="487"/>
      <c r="G252" s="486" t="s">
        <v>651</v>
      </c>
      <c r="H252" s="549"/>
      <c r="I252" s="549"/>
      <c r="J252" s="549"/>
      <c r="K252" s="549"/>
      <c r="L252" s="551"/>
    </row>
    <row r="253" spans="1:12" ht="16.149999999999999" customHeight="1">
      <c r="A253" s="737"/>
      <c r="B253" s="738"/>
      <c r="C253" s="485"/>
      <c r="D253" s="484"/>
      <c r="E253" s="483"/>
      <c r="F253" s="482"/>
      <c r="G253" s="481" t="s">
        <v>651</v>
      </c>
      <c r="H253" s="476"/>
      <c r="I253" s="476"/>
      <c r="J253" s="476"/>
      <c r="K253" s="476"/>
      <c r="L253" s="475"/>
    </row>
    <row r="254" spans="1:12" ht="16.149999999999999" customHeight="1">
      <c r="A254" s="733" t="s">
        <v>651</v>
      </c>
      <c r="B254" s="734"/>
      <c r="C254" s="495"/>
      <c r="D254" s="494"/>
      <c r="E254" s="493"/>
      <c r="F254" s="492"/>
      <c r="G254" s="486" t="s">
        <v>651</v>
      </c>
      <c r="H254" s="549"/>
      <c r="I254" s="549"/>
      <c r="J254" s="549"/>
      <c r="K254" s="549"/>
      <c r="L254" s="551"/>
    </row>
    <row r="255" spans="1:12" ht="16.149999999999999" customHeight="1">
      <c r="A255" s="735"/>
      <c r="B255" s="736"/>
      <c r="C255" s="490"/>
      <c r="D255" s="489"/>
      <c r="E255" s="491"/>
      <c r="F255" s="487" t="s">
        <v>651</v>
      </c>
      <c r="G255" s="486" t="s">
        <v>651</v>
      </c>
      <c r="H255" s="549"/>
      <c r="I255" s="549"/>
      <c r="J255" s="549"/>
      <c r="K255" s="549"/>
      <c r="L255" s="551"/>
    </row>
    <row r="256" spans="1:12" ht="16.149999999999999" customHeight="1">
      <c r="A256" s="735" t="s">
        <v>691</v>
      </c>
      <c r="B256" s="736"/>
      <c r="C256" s="490" t="s">
        <v>621</v>
      </c>
      <c r="D256" s="489">
        <v>1</v>
      </c>
      <c r="E256" s="488"/>
      <c r="F256" s="487"/>
      <c r="G256" s="486" t="s">
        <v>651</v>
      </c>
      <c r="H256" s="549"/>
      <c r="I256" s="549"/>
      <c r="J256" s="549"/>
      <c r="K256" s="549"/>
      <c r="L256" s="551"/>
    </row>
    <row r="257" spans="1:12" ht="16.149999999999999" customHeight="1">
      <c r="A257" s="737"/>
      <c r="B257" s="738"/>
      <c r="C257" s="485"/>
      <c r="D257" s="484"/>
      <c r="E257" s="483"/>
      <c r="F257" s="482"/>
      <c r="G257" s="481" t="s">
        <v>651</v>
      </c>
      <c r="H257" s="476"/>
      <c r="I257" s="476"/>
      <c r="J257" s="476"/>
      <c r="K257" s="476"/>
      <c r="L257" s="475"/>
    </row>
    <row r="258" spans="1:12" ht="16.149999999999999" customHeight="1">
      <c r="A258" s="733" t="s">
        <v>651</v>
      </c>
      <c r="B258" s="734"/>
      <c r="C258" s="495"/>
      <c r="D258" s="494"/>
      <c r="E258" s="493"/>
      <c r="F258" s="492"/>
      <c r="G258" s="486" t="s">
        <v>651</v>
      </c>
      <c r="H258" s="549"/>
      <c r="I258" s="549"/>
      <c r="J258" s="549"/>
      <c r="K258" s="549"/>
      <c r="L258" s="551"/>
    </row>
    <row r="259" spans="1:12" ht="16.149999999999999" customHeight="1">
      <c r="A259" s="735"/>
      <c r="B259" s="736"/>
      <c r="C259" s="490"/>
      <c r="D259" s="489"/>
      <c r="E259" s="491"/>
      <c r="F259" s="487" t="s">
        <v>651</v>
      </c>
      <c r="G259" s="486" t="s">
        <v>651</v>
      </c>
      <c r="H259" s="549"/>
      <c r="I259" s="549"/>
      <c r="J259" s="549"/>
      <c r="K259" s="549"/>
      <c r="L259" s="551"/>
    </row>
    <row r="260" spans="1:12" ht="16.149999999999999" customHeight="1">
      <c r="A260" s="735" t="s">
        <v>681</v>
      </c>
      <c r="B260" s="736"/>
      <c r="C260" s="490" t="s">
        <v>621</v>
      </c>
      <c r="D260" s="489">
        <v>1</v>
      </c>
      <c r="E260" s="488" t="s">
        <v>618</v>
      </c>
      <c r="F260" s="487"/>
      <c r="G260" s="486" t="s">
        <v>651</v>
      </c>
      <c r="H260" s="549"/>
      <c r="I260" s="549"/>
      <c r="J260" s="549"/>
      <c r="K260" s="549"/>
      <c r="L260" s="551"/>
    </row>
    <row r="261" spans="1:12" ht="16.149999999999999" customHeight="1">
      <c r="A261" s="737"/>
      <c r="B261" s="738"/>
      <c r="C261" s="485"/>
      <c r="D261" s="484"/>
      <c r="E261" s="483"/>
      <c r="F261" s="482"/>
      <c r="G261" s="481" t="s">
        <v>651</v>
      </c>
      <c r="H261" s="476"/>
      <c r="I261" s="476"/>
      <c r="J261" s="476"/>
      <c r="K261" s="476"/>
      <c r="L261" s="475"/>
    </row>
    <row r="263" spans="1:12" ht="16.149999999999999" customHeight="1">
      <c r="A263" s="507" t="s">
        <v>651</v>
      </c>
      <c r="B263" s="479" t="s">
        <v>882</v>
      </c>
      <c r="C263" s="480"/>
      <c r="D263" s="479"/>
      <c r="E263" s="479"/>
      <c r="F263" s="479"/>
      <c r="G263" s="479"/>
      <c r="H263" s="479" t="s">
        <v>617</v>
      </c>
      <c r="I263" s="480" t="s">
        <v>974</v>
      </c>
      <c r="J263" s="479" t="s">
        <v>689</v>
      </c>
      <c r="K263" s="479" t="s">
        <v>1635</v>
      </c>
      <c r="L263" s="506"/>
    </row>
    <row r="264" spans="1:12" ht="16.149999999999999" customHeight="1">
      <c r="A264" s="505" t="s">
        <v>651</v>
      </c>
      <c r="B264" s="549" t="s">
        <v>1670</v>
      </c>
      <c r="C264" s="550"/>
      <c r="D264" s="549"/>
      <c r="E264" s="549"/>
      <c r="F264" s="549"/>
      <c r="G264" s="478"/>
      <c r="H264" s="549"/>
      <c r="I264" s="504"/>
      <c r="J264" s="503" t="s">
        <v>687</v>
      </c>
      <c r="K264" s="502" t="s">
        <v>621</v>
      </c>
      <c r="L264" s="501" t="s">
        <v>618</v>
      </c>
    </row>
    <row r="265" spans="1:12" ht="16.149999999999999" customHeight="1">
      <c r="A265" s="477" t="s">
        <v>651</v>
      </c>
      <c r="B265" s="549"/>
      <c r="C265" s="550"/>
      <c r="D265" s="549"/>
      <c r="E265" s="549"/>
      <c r="F265" s="549"/>
      <c r="G265" s="478"/>
      <c r="H265" s="478"/>
      <c r="I265" s="478"/>
      <c r="J265" s="478"/>
      <c r="K265" s="478"/>
      <c r="L265" s="501"/>
    </row>
    <row r="266" spans="1:12" ht="16.149999999999999" customHeight="1">
      <c r="A266" s="498" t="s">
        <v>686</v>
      </c>
      <c r="B266" s="500"/>
      <c r="C266" s="499" t="s">
        <v>309</v>
      </c>
      <c r="D266" s="499" t="s">
        <v>685</v>
      </c>
      <c r="E266" s="499" t="s">
        <v>684</v>
      </c>
      <c r="F266" s="499" t="s">
        <v>683</v>
      </c>
      <c r="G266" s="498" t="s">
        <v>682</v>
      </c>
      <c r="H266" s="497"/>
      <c r="I266" s="497"/>
      <c r="J266" s="497"/>
      <c r="K266" s="497"/>
      <c r="L266" s="496"/>
    </row>
    <row r="267" spans="1:12" ht="16.149999999999999" customHeight="1">
      <c r="A267" s="733" t="s">
        <v>1643</v>
      </c>
      <c r="B267" s="734"/>
      <c r="C267" s="495"/>
      <c r="D267" s="494"/>
      <c r="E267" s="493"/>
      <c r="F267" s="492"/>
      <c r="G267" s="486" t="s">
        <v>651</v>
      </c>
      <c r="H267" s="549"/>
      <c r="I267" s="549"/>
      <c r="J267" s="549"/>
      <c r="K267" s="549"/>
      <c r="L267" s="551"/>
    </row>
    <row r="268" spans="1:12" ht="16.149999999999999" customHeight="1">
      <c r="A268" s="735"/>
      <c r="B268" s="736"/>
      <c r="C268" s="490"/>
      <c r="D268" s="489"/>
      <c r="E268" s="491"/>
      <c r="F268" s="487" t="s">
        <v>651</v>
      </c>
      <c r="G268" s="486" t="s">
        <v>651</v>
      </c>
      <c r="H268" s="549"/>
      <c r="I268" s="549"/>
      <c r="J268" s="549"/>
      <c r="K268" s="549"/>
      <c r="L268" s="551"/>
    </row>
    <row r="269" spans="1:12" ht="16.149999999999999" customHeight="1">
      <c r="A269" s="735" t="s">
        <v>651</v>
      </c>
      <c r="B269" s="736"/>
      <c r="C269" s="490" t="s">
        <v>248</v>
      </c>
      <c r="D269" s="489"/>
      <c r="E269" s="488"/>
      <c r="F269" s="487"/>
      <c r="G269" s="486" t="s">
        <v>651</v>
      </c>
      <c r="H269" s="549"/>
      <c r="I269" s="549"/>
      <c r="J269" s="549"/>
      <c r="K269" s="549"/>
      <c r="L269" s="551"/>
    </row>
    <row r="270" spans="1:12" ht="16.149999999999999" customHeight="1">
      <c r="A270" s="737"/>
      <c r="B270" s="738"/>
      <c r="C270" s="485"/>
      <c r="D270" s="484"/>
      <c r="E270" s="483"/>
      <c r="F270" s="482"/>
      <c r="G270" s="481" t="s">
        <v>651</v>
      </c>
      <c r="H270" s="476"/>
      <c r="I270" s="476"/>
      <c r="J270" s="476"/>
      <c r="K270" s="476"/>
      <c r="L270" s="475"/>
    </row>
    <row r="271" spans="1:12" ht="16.149999999999999" customHeight="1">
      <c r="A271" s="733" t="s">
        <v>1701</v>
      </c>
      <c r="B271" s="734"/>
      <c r="C271" s="495"/>
      <c r="D271" s="494"/>
      <c r="E271" s="493"/>
      <c r="F271" s="492"/>
      <c r="G271" s="486" t="s">
        <v>651</v>
      </c>
      <c r="H271" s="549"/>
      <c r="I271" s="549"/>
      <c r="J271" s="549"/>
      <c r="K271" s="549"/>
      <c r="L271" s="551"/>
    </row>
    <row r="272" spans="1:12" ht="16.149999999999999" customHeight="1">
      <c r="A272" s="735"/>
      <c r="B272" s="736"/>
      <c r="C272" s="490"/>
      <c r="D272" s="489"/>
      <c r="E272" s="491"/>
      <c r="F272" s="487" t="s">
        <v>651</v>
      </c>
      <c r="G272" s="486" t="s">
        <v>651</v>
      </c>
      <c r="H272" s="549"/>
      <c r="I272" s="549"/>
      <c r="J272" s="549"/>
      <c r="K272" s="549"/>
      <c r="L272" s="551"/>
    </row>
    <row r="273" spans="1:12" ht="16.149999999999999" customHeight="1">
      <c r="A273" s="735" t="s">
        <v>1494</v>
      </c>
      <c r="B273" s="736"/>
      <c r="C273" s="490" t="s">
        <v>1493</v>
      </c>
      <c r="D273" s="489"/>
      <c r="E273" s="488"/>
      <c r="F273" s="487"/>
      <c r="G273" s="486" t="s">
        <v>651</v>
      </c>
      <c r="H273" s="549"/>
      <c r="I273" s="549"/>
      <c r="J273" s="549"/>
      <c r="K273" s="549"/>
      <c r="L273" s="551"/>
    </row>
    <row r="274" spans="1:12" ht="16.149999999999999" customHeight="1">
      <c r="A274" s="737"/>
      <c r="B274" s="738"/>
      <c r="C274" s="485"/>
      <c r="D274" s="484"/>
      <c r="E274" s="483"/>
      <c r="F274" s="482"/>
      <c r="G274" s="481" t="s">
        <v>651</v>
      </c>
      <c r="H274" s="476"/>
      <c r="I274" s="476"/>
      <c r="J274" s="476"/>
      <c r="K274" s="476"/>
      <c r="L274" s="475"/>
    </row>
    <row r="275" spans="1:12" ht="16.149999999999999" customHeight="1">
      <c r="A275" s="733" t="s">
        <v>1642</v>
      </c>
      <c r="B275" s="734"/>
      <c r="C275" s="495"/>
      <c r="D275" s="494"/>
      <c r="E275" s="493"/>
      <c r="F275" s="492"/>
      <c r="G275" s="486" t="s">
        <v>651</v>
      </c>
      <c r="H275" s="549"/>
      <c r="I275" s="549"/>
      <c r="J275" s="549"/>
      <c r="K275" s="549"/>
      <c r="L275" s="551"/>
    </row>
    <row r="276" spans="1:12" ht="16.149999999999999" customHeight="1">
      <c r="A276" s="735"/>
      <c r="B276" s="736"/>
      <c r="C276" s="490"/>
      <c r="D276" s="489"/>
      <c r="E276" s="491"/>
      <c r="F276" s="487" t="s">
        <v>651</v>
      </c>
      <c r="G276" s="486" t="s">
        <v>651</v>
      </c>
      <c r="H276" s="549"/>
      <c r="I276" s="549"/>
      <c r="J276" s="549"/>
      <c r="K276" s="549"/>
      <c r="L276" s="551"/>
    </row>
    <row r="277" spans="1:12" ht="16.149999999999999" customHeight="1">
      <c r="A277" s="735" t="s">
        <v>1705</v>
      </c>
      <c r="B277" s="736"/>
      <c r="C277" s="490" t="s">
        <v>627</v>
      </c>
      <c r="D277" s="489"/>
      <c r="E277" s="488"/>
      <c r="F277" s="487"/>
      <c r="G277" s="486" t="s">
        <v>651</v>
      </c>
      <c r="H277" s="549"/>
      <c r="I277" s="549"/>
      <c r="J277" s="549"/>
      <c r="K277" s="549"/>
      <c r="L277" s="551"/>
    </row>
    <row r="278" spans="1:12" ht="16.149999999999999" customHeight="1">
      <c r="A278" s="737"/>
      <c r="B278" s="738"/>
      <c r="C278" s="485"/>
      <c r="D278" s="484"/>
      <c r="E278" s="483"/>
      <c r="F278" s="482"/>
      <c r="G278" s="481" t="s">
        <v>651</v>
      </c>
      <c r="H278" s="476"/>
      <c r="I278" s="476"/>
      <c r="J278" s="476"/>
      <c r="K278" s="476"/>
      <c r="L278" s="475"/>
    </row>
    <row r="281" spans="1:12" ht="16.149999999999999" customHeight="1">
      <c r="A281" s="507" t="s">
        <v>651</v>
      </c>
      <c r="B281" s="479" t="s">
        <v>882</v>
      </c>
      <c r="C281" s="480"/>
      <c r="D281" s="479"/>
      <c r="E281" s="479"/>
      <c r="F281" s="479"/>
      <c r="G281" s="479"/>
      <c r="H281" s="479" t="s">
        <v>617</v>
      </c>
      <c r="I281" s="480" t="s">
        <v>974</v>
      </c>
      <c r="J281" s="479" t="s">
        <v>689</v>
      </c>
      <c r="K281" s="479" t="s">
        <v>1635</v>
      </c>
      <c r="L281" s="506"/>
    </row>
    <row r="282" spans="1:12" ht="16.149999999999999" customHeight="1">
      <c r="A282" s="505" t="s">
        <v>651</v>
      </c>
      <c r="B282" s="549" t="s">
        <v>1670</v>
      </c>
      <c r="C282" s="550"/>
      <c r="D282" s="549"/>
      <c r="E282" s="549"/>
      <c r="F282" s="549"/>
      <c r="G282" s="478"/>
      <c r="H282" s="549"/>
      <c r="I282" s="504"/>
      <c r="J282" s="503" t="s">
        <v>687</v>
      </c>
      <c r="K282" s="502" t="s">
        <v>621</v>
      </c>
      <c r="L282" s="501" t="s">
        <v>618</v>
      </c>
    </row>
    <row r="283" spans="1:12" ht="16.149999999999999" customHeight="1">
      <c r="A283" s="477" t="s">
        <v>651</v>
      </c>
      <c r="B283" s="549"/>
      <c r="C283" s="550"/>
      <c r="D283" s="549"/>
      <c r="E283" s="549"/>
      <c r="F283" s="549"/>
      <c r="G283" s="478"/>
      <c r="H283" s="478"/>
      <c r="I283" s="478"/>
      <c r="J283" s="478"/>
      <c r="K283" s="478"/>
      <c r="L283" s="501"/>
    </row>
    <row r="284" spans="1:12" ht="16.149999999999999" customHeight="1">
      <c r="A284" s="498" t="s">
        <v>686</v>
      </c>
      <c r="B284" s="500"/>
      <c r="C284" s="499" t="s">
        <v>309</v>
      </c>
      <c r="D284" s="499" t="s">
        <v>685</v>
      </c>
      <c r="E284" s="499" t="s">
        <v>684</v>
      </c>
      <c r="F284" s="499" t="s">
        <v>683</v>
      </c>
      <c r="G284" s="498" t="s">
        <v>682</v>
      </c>
      <c r="H284" s="497"/>
      <c r="I284" s="497"/>
      <c r="J284" s="497"/>
      <c r="K284" s="497"/>
      <c r="L284" s="496"/>
    </row>
    <row r="285" spans="1:12" ht="16.149999999999999" customHeight="1">
      <c r="A285" s="733" t="s">
        <v>1704</v>
      </c>
      <c r="B285" s="734"/>
      <c r="C285" s="495"/>
      <c r="D285" s="494"/>
      <c r="E285" s="493"/>
      <c r="F285" s="492"/>
      <c r="G285" s="486" t="s">
        <v>651</v>
      </c>
      <c r="H285" s="549"/>
      <c r="I285" s="549"/>
      <c r="J285" s="549"/>
      <c r="K285" s="549"/>
      <c r="L285" s="551"/>
    </row>
    <row r="286" spans="1:12" ht="16.149999999999999" customHeight="1">
      <c r="A286" s="735"/>
      <c r="B286" s="736"/>
      <c r="C286" s="490"/>
      <c r="D286" s="489"/>
      <c r="E286" s="491"/>
      <c r="F286" s="487" t="s">
        <v>651</v>
      </c>
      <c r="G286" s="486" t="s">
        <v>651</v>
      </c>
      <c r="H286" s="549"/>
      <c r="I286" s="549"/>
      <c r="J286" s="549"/>
      <c r="K286" s="549"/>
      <c r="L286" s="551"/>
    </row>
    <row r="287" spans="1:12" ht="16.149999999999999" customHeight="1">
      <c r="A287" s="735" t="s">
        <v>1663</v>
      </c>
      <c r="B287" s="736"/>
      <c r="C287" s="490" t="s">
        <v>627</v>
      </c>
      <c r="D287" s="489"/>
      <c r="E287" s="488"/>
      <c r="F287" s="487"/>
      <c r="G287" s="486" t="s">
        <v>651</v>
      </c>
      <c r="H287" s="549"/>
      <c r="I287" s="549"/>
      <c r="J287" s="549"/>
      <c r="K287" s="549"/>
      <c r="L287" s="551"/>
    </row>
    <row r="288" spans="1:12" ht="16.149999999999999" customHeight="1">
      <c r="A288" s="737"/>
      <c r="B288" s="738"/>
      <c r="C288" s="485"/>
      <c r="D288" s="484"/>
      <c r="E288" s="483"/>
      <c r="F288" s="482"/>
      <c r="G288" s="481" t="s">
        <v>651</v>
      </c>
      <c r="H288" s="476"/>
      <c r="I288" s="476"/>
      <c r="J288" s="476"/>
      <c r="K288" s="476"/>
      <c r="L288" s="475"/>
    </row>
    <row r="289" spans="1:12" ht="16.149999999999999" customHeight="1">
      <c r="A289" s="733" t="s">
        <v>700</v>
      </c>
      <c r="B289" s="734"/>
      <c r="C289" s="495"/>
      <c r="D289" s="494"/>
      <c r="E289" s="493"/>
      <c r="F289" s="492"/>
      <c r="G289" s="486" t="s">
        <v>651</v>
      </c>
      <c r="H289" s="549"/>
      <c r="I289" s="549"/>
      <c r="J289" s="549"/>
      <c r="K289" s="549"/>
      <c r="L289" s="551"/>
    </row>
    <row r="290" spans="1:12" ht="16.149999999999999" customHeight="1">
      <c r="A290" s="735"/>
      <c r="B290" s="736"/>
      <c r="C290" s="490"/>
      <c r="D290" s="489"/>
      <c r="E290" s="491"/>
      <c r="F290" s="487" t="s">
        <v>651</v>
      </c>
      <c r="G290" s="486" t="s">
        <v>651</v>
      </c>
      <c r="H290" s="549"/>
      <c r="I290" s="549"/>
      <c r="J290" s="549"/>
      <c r="K290" s="549"/>
      <c r="L290" s="551"/>
    </row>
    <row r="291" spans="1:12" ht="16.149999999999999" customHeight="1">
      <c r="A291" s="735" t="s">
        <v>651</v>
      </c>
      <c r="B291" s="736"/>
      <c r="C291" s="490" t="s">
        <v>242</v>
      </c>
      <c r="D291" s="489">
        <v>1</v>
      </c>
      <c r="E291" s="488"/>
      <c r="F291" s="487"/>
      <c r="G291" s="486" t="s">
        <v>651</v>
      </c>
      <c r="H291" s="549"/>
      <c r="I291" s="549"/>
      <c r="J291" s="549"/>
      <c r="K291" s="549"/>
      <c r="L291" s="551"/>
    </row>
    <row r="292" spans="1:12" ht="16.149999999999999" customHeight="1">
      <c r="A292" s="737"/>
      <c r="B292" s="738"/>
      <c r="C292" s="485"/>
      <c r="D292" s="484"/>
      <c r="E292" s="483"/>
      <c r="F292" s="482"/>
      <c r="G292" s="481" t="s">
        <v>651</v>
      </c>
      <c r="H292" s="476"/>
      <c r="I292" s="476"/>
      <c r="J292" s="476"/>
      <c r="K292" s="476"/>
      <c r="L292" s="475"/>
    </row>
    <row r="293" spans="1:12" ht="16.149999999999999" customHeight="1">
      <c r="A293" s="733" t="s">
        <v>651</v>
      </c>
      <c r="B293" s="734"/>
      <c r="C293" s="495"/>
      <c r="D293" s="494"/>
      <c r="E293" s="493"/>
      <c r="F293" s="492"/>
      <c r="G293" s="486" t="s">
        <v>651</v>
      </c>
      <c r="H293" s="549"/>
      <c r="I293" s="549"/>
      <c r="J293" s="549"/>
      <c r="K293" s="549"/>
      <c r="L293" s="551"/>
    </row>
    <row r="294" spans="1:12" ht="16.149999999999999" customHeight="1">
      <c r="A294" s="735"/>
      <c r="B294" s="736"/>
      <c r="C294" s="490"/>
      <c r="D294" s="489"/>
      <c r="E294" s="491"/>
      <c r="F294" s="487" t="s">
        <v>651</v>
      </c>
      <c r="G294" s="486" t="s">
        <v>651</v>
      </c>
      <c r="H294" s="549"/>
      <c r="I294" s="549"/>
      <c r="J294" s="549"/>
      <c r="K294" s="549"/>
      <c r="L294" s="551"/>
    </row>
    <row r="295" spans="1:12" ht="16.149999999999999" customHeight="1">
      <c r="A295" s="735" t="s">
        <v>691</v>
      </c>
      <c r="B295" s="736"/>
      <c r="C295" s="490" t="s">
        <v>621</v>
      </c>
      <c r="D295" s="489">
        <v>1</v>
      </c>
      <c r="E295" s="488"/>
      <c r="F295" s="487"/>
      <c r="G295" s="486" t="s">
        <v>651</v>
      </c>
      <c r="H295" s="549"/>
      <c r="I295" s="549"/>
      <c r="J295" s="549"/>
      <c r="K295" s="549"/>
      <c r="L295" s="551"/>
    </row>
    <row r="296" spans="1:12" ht="16.149999999999999" customHeight="1">
      <c r="A296" s="737"/>
      <c r="B296" s="738"/>
      <c r="C296" s="485"/>
      <c r="D296" s="484"/>
      <c r="E296" s="483"/>
      <c r="F296" s="482"/>
      <c r="G296" s="481" t="s">
        <v>651</v>
      </c>
      <c r="H296" s="476"/>
      <c r="I296" s="476"/>
      <c r="J296" s="476"/>
      <c r="K296" s="476"/>
      <c r="L296" s="475"/>
    </row>
    <row r="297" spans="1:12" ht="16.149999999999999" customHeight="1">
      <c r="A297" s="733" t="s">
        <v>651</v>
      </c>
      <c r="B297" s="734"/>
      <c r="C297" s="495"/>
      <c r="D297" s="494"/>
      <c r="E297" s="493"/>
      <c r="F297" s="492"/>
      <c r="G297" s="486" t="s">
        <v>651</v>
      </c>
      <c r="H297" s="549"/>
      <c r="I297" s="549"/>
      <c r="J297" s="549"/>
      <c r="K297" s="549"/>
      <c r="L297" s="551"/>
    </row>
    <row r="298" spans="1:12" ht="16.149999999999999" customHeight="1">
      <c r="A298" s="735"/>
      <c r="B298" s="736"/>
      <c r="C298" s="490"/>
      <c r="D298" s="489"/>
      <c r="E298" s="491"/>
      <c r="F298" s="487" t="s">
        <v>651</v>
      </c>
      <c r="G298" s="486" t="s">
        <v>651</v>
      </c>
      <c r="H298" s="549"/>
      <c r="I298" s="549"/>
      <c r="J298" s="549"/>
      <c r="K298" s="549"/>
      <c r="L298" s="551"/>
    </row>
    <row r="299" spans="1:12" ht="16.149999999999999" customHeight="1">
      <c r="A299" s="735" t="s">
        <v>681</v>
      </c>
      <c r="B299" s="736"/>
      <c r="C299" s="490" t="s">
        <v>621</v>
      </c>
      <c r="D299" s="489">
        <v>1</v>
      </c>
      <c r="E299" s="488" t="s">
        <v>618</v>
      </c>
      <c r="F299" s="487"/>
      <c r="G299" s="486" t="s">
        <v>651</v>
      </c>
      <c r="H299" s="549"/>
      <c r="I299" s="549"/>
      <c r="J299" s="549"/>
      <c r="K299" s="549"/>
      <c r="L299" s="551"/>
    </row>
    <row r="300" spans="1:12" ht="16.149999999999999" customHeight="1">
      <c r="A300" s="737"/>
      <c r="B300" s="738"/>
      <c r="C300" s="485"/>
      <c r="D300" s="484"/>
      <c r="E300" s="483"/>
      <c r="F300" s="482"/>
      <c r="G300" s="481" t="s">
        <v>651</v>
      </c>
      <c r="H300" s="476"/>
      <c r="I300" s="476"/>
      <c r="J300" s="476"/>
      <c r="K300" s="476"/>
      <c r="L300" s="475"/>
    </row>
    <row r="302" spans="1:12" ht="16.149999999999999" customHeight="1">
      <c r="A302" s="507" t="s">
        <v>651</v>
      </c>
      <c r="B302" s="479" t="s">
        <v>733</v>
      </c>
      <c r="C302" s="480"/>
      <c r="D302" s="479"/>
      <c r="E302" s="479"/>
      <c r="F302" s="479"/>
      <c r="G302" s="479"/>
      <c r="H302" s="479" t="s">
        <v>617</v>
      </c>
      <c r="I302" s="480" t="s">
        <v>972</v>
      </c>
      <c r="J302" s="479" t="s">
        <v>689</v>
      </c>
      <c r="K302" s="479" t="s">
        <v>1635</v>
      </c>
      <c r="L302" s="506"/>
    </row>
    <row r="303" spans="1:12" ht="16.149999999999999" customHeight="1">
      <c r="A303" s="505" t="s">
        <v>651</v>
      </c>
      <c r="B303" s="549" t="s">
        <v>1660</v>
      </c>
      <c r="C303" s="550"/>
      <c r="D303" s="549"/>
      <c r="E303" s="549"/>
      <c r="F303" s="549"/>
      <c r="G303" s="478"/>
      <c r="H303" s="549"/>
      <c r="I303" s="504"/>
      <c r="J303" s="503" t="s">
        <v>687</v>
      </c>
      <c r="K303" s="502" t="s">
        <v>731</v>
      </c>
      <c r="L303" s="501" t="s">
        <v>618</v>
      </c>
    </row>
    <row r="304" spans="1:12" ht="16.149999999999999" customHeight="1">
      <c r="A304" s="477" t="s">
        <v>651</v>
      </c>
      <c r="B304" s="549"/>
      <c r="C304" s="550"/>
      <c r="D304" s="549"/>
      <c r="E304" s="549"/>
      <c r="F304" s="549"/>
      <c r="G304" s="478"/>
      <c r="H304" s="478"/>
      <c r="I304" s="478"/>
      <c r="J304" s="478"/>
      <c r="K304" s="478"/>
      <c r="L304" s="501"/>
    </row>
    <row r="305" spans="1:12" ht="16.149999999999999" customHeight="1">
      <c r="A305" s="498" t="s">
        <v>686</v>
      </c>
      <c r="B305" s="500"/>
      <c r="C305" s="499" t="s">
        <v>309</v>
      </c>
      <c r="D305" s="499" t="s">
        <v>685</v>
      </c>
      <c r="E305" s="499" t="s">
        <v>684</v>
      </c>
      <c r="F305" s="499" t="s">
        <v>683</v>
      </c>
      <c r="G305" s="498" t="s">
        <v>682</v>
      </c>
      <c r="H305" s="497"/>
      <c r="I305" s="497"/>
      <c r="J305" s="497"/>
      <c r="K305" s="497"/>
      <c r="L305" s="496"/>
    </row>
    <row r="306" spans="1:12" ht="16.149999999999999" customHeight="1">
      <c r="A306" s="733" t="s">
        <v>1638</v>
      </c>
      <c r="B306" s="734"/>
      <c r="C306" s="495"/>
      <c r="D306" s="494"/>
      <c r="E306" s="493"/>
      <c r="F306" s="492"/>
      <c r="G306" s="486" t="s">
        <v>651</v>
      </c>
      <c r="H306" s="549"/>
      <c r="I306" s="549"/>
      <c r="J306" s="549"/>
      <c r="K306" s="549"/>
      <c r="L306" s="551"/>
    </row>
    <row r="307" spans="1:12" ht="16.149999999999999" customHeight="1">
      <c r="A307" s="735"/>
      <c r="B307" s="736"/>
      <c r="C307" s="490"/>
      <c r="D307" s="489"/>
      <c r="E307" s="491"/>
      <c r="F307" s="487" t="s">
        <v>651</v>
      </c>
      <c r="G307" s="486" t="s">
        <v>651</v>
      </c>
      <c r="H307" s="549"/>
      <c r="I307" s="549"/>
      <c r="J307" s="549"/>
      <c r="K307" s="549"/>
      <c r="L307" s="551"/>
    </row>
    <row r="308" spans="1:12" ht="16.149999999999999" customHeight="1">
      <c r="A308" s="735" t="s">
        <v>651</v>
      </c>
      <c r="B308" s="736"/>
      <c r="C308" s="490" t="s">
        <v>248</v>
      </c>
      <c r="D308" s="489"/>
      <c r="E308" s="488"/>
      <c r="F308" s="487"/>
      <c r="G308" s="486" t="s">
        <v>651</v>
      </c>
      <c r="H308" s="549"/>
      <c r="I308" s="549"/>
      <c r="J308" s="549"/>
      <c r="K308" s="549"/>
      <c r="L308" s="551"/>
    </row>
    <row r="309" spans="1:12" ht="16.149999999999999" customHeight="1">
      <c r="A309" s="737"/>
      <c r="B309" s="738"/>
      <c r="C309" s="485"/>
      <c r="D309" s="484"/>
      <c r="E309" s="483"/>
      <c r="F309" s="482"/>
      <c r="G309" s="481" t="s">
        <v>651</v>
      </c>
      <c r="H309" s="476"/>
      <c r="I309" s="476"/>
      <c r="J309" s="476"/>
      <c r="K309" s="476"/>
      <c r="L309" s="475"/>
    </row>
    <row r="310" spans="1:12" ht="16.149999999999999" customHeight="1">
      <c r="A310" s="733" t="s">
        <v>1701</v>
      </c>
      <c r="B310" s="734"/>
      <c r="C310" s="495"/>
      <c r="D310" s="494"/>
      <c r="E310" s="493"/>
      <c r="F310" s="492"/>
      <c r="G310" s="486" t="s">
        <v>651</v>
      </c>
      <c r="H310" s="549"/>
      <c r="I310" s="549"/>
      <c r="J310" s="549"/>
      <c r="K310" s="549"/>
      <c r="L310" s="551"/>
    </row>
    <row r="311" spans="1:12" ht="16.149999999999999" customHeight="1">
      <c r="A311" s="735"/>
      <c r="B311" s="736"/>
      <c r="C311" s="490"/>
      <c r="D311" s="489"/>
      <c r="E311" s="491"/>
      <c r="F311" s="487" t="s">
        <v>651</v>
      </c>
      <c r="G311" s="486" t="s">
        <v>651</v>
      </c>
      <c r="H311" s="549"/>
      <c r="I311" s="549"/>
      <c r="J311" s="549"/>
      <c r="K311" s="549"/>
      <c r="L311" s="551"/>
    </row>
    <row r="312" spans="1:12" ht="16.149999999999999" customHeight="1">
      <c r="A312" s="735" t="s">
        <v>1494</v>
      </c>
      <c r="B312" s="736"/>
      <c r="C312" s="490" t="s">
        <v>1493</v>
      </c>
      <c r="D312" s="489"/>
      <c r="E312" s="488"/>
      <c r="F312" s="487"/>
      <c r="G312" s="486" t="s">
        <v>651</v>
      </c>
      <c r="H312" s="549"/>
      <c r="I312" s="549"/>
      <c r="J312" s="549"/>
      <c r="K312" s="549"/>
      <c r="L312" s="551"/>
    </row>
    <row r="313" spans="1:12" ht="16.149999999999999" customHeight="1">
      <c r="A313" s="737"/>
      <c r="B313" s="738"/>
      <c r="C313" s="485"/>
      <c r="D313" s="484"/>
      <c r="E313" s="483"/>
      <c r="F313" s="482"/>
      <c r="G313" s="481" t="s">
        <v>651</v>
      </c>
      <c r="H313" s="476"/>
      <c r="I313" s="476"/>
      <c r="J313" s="476"/>
      <c r="K313" s="476"/>
      <c r="L313" s="475"/>
    </row>
    <row r="316" spans="1:12" ht="16.149999999999999" customHeight="1">
      <c r="A316" s="507" t="s">
        <v>651</v>
      </c>
      <c r="B316" s="479" t="s">
        <v>733</v>
      </c>
      <c r="C316" s="480"/>
      <c r="D316" s="479"/>
      <c r="E316" s="479"/>
      <c r="F316" s="479"/>
      <c r="G316" s="479"/>
      <c r="H316" s="479" t="s">
        <v>617</v>
      </c>
      <c r="I316" s="480" t="s">
        <v>972</v>
      </c>
      <c r="J316" s="479" t="s">
        <v>689</v>
      </c>
      <c r="K316" s="479" t="s">
        <v>1635</v>
      </c>
      <c r="L316" s="506"/>
    </row>
    <row r="317" spans="1:12" ht="16.149999999999999" customHeight="1">
      <c r="A317" s="505" t="s">
        <v>651</v>
      </c>
      <c r="B317" s="549" t="s">
        <v>1660</v>
      </c>
      <c r="C317" s="550"/>
      <c r="D317" s="549"/>
      <c r="E317" s="549"/>
      <c r="F317" s="549"/>
      <c r="G317" s="478"/>
      <c r="H317" s="549"/>
      <c r="I317" s="504"/>
      <c r="J317" s="503" t="s">
        <v>687</v>
      </c>
      <c r="K317" s="502" t="s">
        <v>731</v>
      </c>
      <c r="L317" s="501" t="s">
        <v>618</v>
      </c>
    </row>
    <row r="318" spans="1:12" ht="16.149999999999999" customHeight="1">
      <c r="A318" s="477" t="s">
        <v>651</v>
      </c>
      <c r="B318" s="549"/>
      <c r="C318" s="550"/>
      <c r="D318" s="549"/>
      <c r="E318" s="549"/>
      <c r="F318" s="549"/>
      <c r="G318" s="478"/>
      <c r="H318" s="478"/>
      <c r="I318" s="478"/>
      <c r="J318" s="478"/>
      <c r="K318" s="478"/>
      <c r="L318" s="501"/>
    </row>
    <row r="319" spans="1:12" ht="16.149999999999999" customHeight="1">
      <c r="A319" s="498" t="s">
        <v>686</v>
      </c>
      <c r="B319" s="500"/>
      <c r="C319" s="499" t="s">
        <v>309</v>
      </c>
      <c r="D319" s="499" t="s">
        <v>685</v>
      </c>
      <c r="E319" s="499" t="s">
        <v>684</v>
      </c>
      <c r="F319" s="499" t="s">
        <v>683</v>
      </c>
      <c r="G319" s="498" t="s">
        <v>682</v>
      </c>
      <c r="H319" s="497"/>
      <c r="I319" s="497"/>
      <c r="J319" s="497"/>
      <c r="K319" s="497"/>
      <c r="L319" s="496"/>
    </row>
    <row r="320" spans="1:12" ht="16.149999999999999" customHeight="1">
      <c r="A320" s="733" t="s">
        <v>1639</v>
      </c>
      <c r="B320" s="734"/>
      <c r="C320" s="495"/>
      <c r="D320" s="494"/>
      <c r="E320" s="493"/>
      <c r="F320" s="492"/>
      <c r="G320" s="486" t="s">
        <v>1641</v>
      </c>
      <c r="H320" s="549"/>
      <c r="I320" s="549"/>
      <c r="J320" s="549"/>
      <c r="K320" s="549"/>
      <c r="L320" s="551"/>
    </row>
    <row r="321" spans="1:12" ht="16.149999999999999" customHeight="1">
      <c r="A321" s="735"/>
      <c r="B321" s="736"/>
      <c r="C321" s="490"/>
      <c r="D321" s="489"/>
      <c r="E321" s="491"/>
      <c r="F321" s="487" t="s">
        <v>651</v>
      </c>
      <c r="G321" s="486" t="s">
        <v>651</v>
      </c>
      <c r="H321" s="549"/>
      <c r="I321" s="549"/>
      <c r="J321" s="549"/>
      <c r="K321" s="549"/>
      <c r="L321" s="551"/>
    </row>
    <row r="322" spans="1:12" ht="16.149999999999999" customHeight="1">
      <c r="A322" s="735" t="s">
        <v>1702</v>
      </c>
      <c r="B322" s="736"/>
      <c r="C322" s="490" t="s">
        <v>731</v>
      </c>
      <c r="D322" s="489"/>
      <c r="E322" s="488"/>
      <c r="F322" s="487"/>
      <c r="G322" s="486" t="s">
        <v>651</v>
      </c>
      <c r="H322" s="549"/>
      <c r="I322" s="549"/>
      <c r="J322" s="549"/>
      <c r="K322" s="549"/>
      <c r="L322" s="551"/>
    </row>
    <row r="323" spans="1:12" ht="16.149999999999999" customHeight="1">
      <c r="A323" s="737"/>
      <c r="B323" s="738"/>
      <c r="C323" s="485"/>
      <c r="D323" s="484"/>
      <c r="E323" s="483"/>
      <c r="F323" s="482"/>
      <c r="G323" s="481" t="s">
        <v>651</v>
      </c>
      <c r="H323" s="476"/>
      <c r="I323" s="476"/>
      <c r="J323" s="476"/>
      <c r="K323" s="476"/>
      <c r="L323" s="475"/>
    </row>
    <row r="324" spans="1:12" ht="16.149999999999999" customHeight="1">
      <c r="A324" s="733" t="s">
        <v>700</v>
      </c>
      <c r="B324" s="734"/>
      <c r="C324" s="495"/>
      <c r="D324" s="494"/>
      <c r="E324" s="493"/>
      <c r="F324" s="492"/>
      <c r="G324" s="486" t="s">
        <v>651</v>
      </c>
      <c r="H324" s="549"/>
      <c r="I324" s="549"/>
      <c r="J324" s="549"/>
      <c r="K324" s="549"/>
      <c r="L324" s="551"/>
    </row>
    <row r="325" spans="1:12" ht="16.149999999999999" customHeight="1">
      <c r="A325" s="735"/>
      <c r="B325" s="736"/>
      <c r="C325" s="490"/>
      <c r="D325" s="489"/>
      <c r="E325" s="491"/>
      <c r="F325" s="487" t="s">
        <v>651</v>
      </c>
      <c r="G325" s="486" t="s">
        <v>651</v>
      </c>
      <c r="H325" s="549"/>
      <c r="I325" s="549"/>
      <c r="J325" s="549"/>
      <c r="K325" s="549"/>
      <c r="L325" s="551"/>
    </row>
    <row r="326" spans="1:12" ht="16.149999999999999" customHeight="1">
      <c r="A326" s="735" t="s">
        <v>651</v>
      </c>
      <c r="B326" s="736"/>
      <c r="C326" s="490" t="s">
        <v>242</v>
      </c>
      <c r="D326" s="489">
        <v>1</v>
      </c>
      <c r="E326" s="488"/>
      <c r="F326" s="487"/>
      <c r="G326" s="486" t="s">
        <v>651</v>
      </c>
      <c r="H326" s="549"/>
      <c r="I326" s="549"/>
      <c r="J326" s="549"/>
      <c r="K326" s="549"/>
      <c r="L326" s="551"/>
    </row>
    <row r="327" spans="1:12" ht="16.149999999999999" customHeight="1">
      <c r="A327" s="737"/>
      <c r="B327" s="738"/>
      <c r="C327" s="485"/>
      <c r="D327" s="484"/>
      <c r="E327" s="483"/>
      <c r="F327" s="482"/>
      <c r="G327" s="481" t="s">
        <v>651</v>
      </c>
      <c r="H327" s="476"/>
      <c r="I327" s="476"/>
      <c r="J327" s="476"/>
      <c r="K327" s="476"/>
      <c r="L327" s="475"/>
    </row>
    <row r="328" spans="1:12" ht="16.149999999999999" customHeight="1">
      <c r="A328" s="733" t="s">
        <v>651</v>
      </c>
      <c r="B328" s="734"/>
      <c r="C328" s="495"/>
      <c r="D328" s="494"/>
      <c r="E328" s="493"/>
      <c r="F328" s="492"/>
      <c r="G328" s="486" t="s">
        <v>651</v>
      </c>
      <c r="H328" s="549"/>
      <c r="I328" s="549"/>
      <c r="J328" s="549"/>
      <c r="K328" s="549"/>
      <c r="L328" s="551"/>
    </row>
    <row r="329" spans="1:12" ht="16.149999999999999" customHeight="1">
      <c r="A329" s="735"/>
      <c r="B329" s="736"/>
      <c r="C329" s="490"/>
      <c r="D329" s="489"/>
      <c r="E329" s="491"/>
      <c r="F329" s="487" t="s">
        <v>651</v>
      </c>
      <c r="G329" s="486" t="s">
        <v>651</v>
      </c>
      <c r="H329" s="549"/>
      <c r="I329" s="549"/>
      <c r="J329" s="549"/>
      <c r="K329" s="549"/>
      <c r="L329" s="551"/>
    </row>
    <row r="330" spans="1:12" ht="16.149999999999999" customHeight="1">
      <c r="A330" s="735" t="s">
        <v>691</v>
      </c>
      <c r="B330" s="736"/>
      <c r="C330" s="490" t="s">
        <v>731</v>
      </c>
      <c r="D330" s="489">
        <v>1</v>
      </c>
      <c r="E330" s="488"/>
      <c r="F330" s="487"/>
      <c r="G330" s="486" t="s">
        <v>651</v>
      </c>
      <c r="H330" s="549"/>
      <c r="I330" s="549"/>
      <c r="J330" s="549"/>
      <c r="K330" s="549"/>
      <c r="L330" s="551"/>
    </row>
    <row r="331" spans="1:12" ht="16.149999999999999" customHeight="1">
      <c r="A331" s="737"/>
      <c r="B331" s="738"/>
      <c r="C331" s="485"/>
      <c r="D331" s="484"/>
      <c r="E331" s="483"/>
      <c r="F331" s="482"/>
      <c r="G331" s="481" t="s">
        <v>651</v>
      </c>
      <c r="H331" s="476"/>
      <c r="I331" s="476"/>
      <c r="J331" s="476"/>
      <c r="K331" s="476"/>
      <c r="L331" s="475"/>
    </row>
    <row r="332" spans="1:12" ht="16.149999999999999" customHeight="1">
      <c r="A332" s="733" t="s">
        <v>651</v>
      </c>
      <c r="B332" s="734"/>
      <c r="C332" s="495"/>
      <c r="D332" s="494"/>
      <c r="E332" s="493"/>
      <c r="F332" s="492"/>
      <c r="G332" s="486" t="s">
        <v>651</v>
      </c>
      <c r="H332" s="549"/>
      <c r="I332" s="549"/>
      <c r="J332" s="549"/>
      <c r="K332" s="549"/>
      <c r="L332" s="551"/>
    </row>
    <row r="333" spans="1:12" ht="16.149999999999999" customHeight="1">
      <c r="A333" s="735"/>
      <c r="B333" s="736"/>
      <c r="C333" s="490"/>
      <c r="D333" s="489"/>
      <c r="E333" s="491"/>
      <c r="F333" s="487" t="s">
        <v>651</v>
      </c>
      <c r="G333" s="486" t="s">
        <v>651</v>
      </c>
      <c r="H333" s="549"/>
      <c r="I333" s="549"/>
      <c r="J333" s="549"/>
      <c r="K333" s="549"/>
      <c r="L333" s="551"/>
    </row>
    <row r="334" spans="1:12" ht="16.149999999999999" customHeight="1">
      <c r="A334" s="735" t="s">
        <v>681</v>
      </c>
      <c r="B334" s="736"/>
      <c r="C334" s="490" t="s">
        <v>731</v>
      </c>
      <c r="D334" s="489">
        <v>1</v>
      </c>
      <c r="E334" s="488" t="s">
        <v>618</v>
      </c>
      <c r="F334" s="487"/>
      <c r="G334" s="486" t="s">
        <v>651</v>
      </c>
      <c r="H334" s="549"/>
      <c r="I334" s="549"/>
      <c r="J334" s="549"/>
      <c r="K334" s="549"/>
      <c r="L334" s="551"/>
    </row>
    <row r="335" spans="1:12" ht="16.149999999999999" customHeight="1">
      <c r="A335" s="737"/>
      <c r="B335" s="738"/>
      <c r="C335" s="485"/>
      <c r="D335" s="484"/>
      <c r="E335" s="483"/>
      <c r="F335" s="482"/>
      <c r="G335" s="481" t="s">
        <v>651</v>
      </c>
      <c r="H335" s="476"/>
      <c r="I335" s="476"/>
      <c r="J335" s="476"/>
      <c r="K335" s="476"/>
      <c r="L335" s="475"/>
    </row>
    <row r="337" spans="1:12" ht="16.149999999999999" customHeight="1">
      <c r="A337" s="507" t="s">
        <v>651</v>
      </c>
      <c r="B337" s="479" t="s">
        <v>1639</v>
      </c>
      <c r="C337" s="480"/>
      <c r="D337" s="479"/>
      <c r="E337" s="479"/>
      <c r="F337" s="479"/>
      <c r="G337" s="479"/>
      <c r="H337" s="479" t="s">
        <v>617</v>
      </c>
      <c r="I337" s="480" t="s">
        <v>968</v>
      </c>
      <c r="J337" s="479" t="s">
        <v>689</v>
      </c>
      <c r="K337" s="479" t="s">
        <v>1635</v>
      </c>
      <c r="L337" s="506"/>
    </row>
    <row r="338" spans="1:12" ht="16.149999999999999" customHeight="1">
      <c r="A338" s="505" t="s">
        <v>651</v>
      </c>
      <c r="B338" s="549" t="s">
        <v>1702</v>
      </c>
      <c r="C338" s="550"/>
      <c r="D338" s="549"/>
      <c r="E338" s="549"/>
      <c r="F338" s="549"/>
      <c r="G338" s="478"/>
      <c r="H338" s="549"/>
      <c r="I338" s="504"/>
      <c r="J338" s="503" t="s">
        <v>687</v>
      </c>
      <c r="K338" s="502" t="s">
        <v>731</v>
      </c>
      <c r="L338" s="501" t="s">
        <v>618</v>
      </c>
    </row>
    <row r="339" spans="1:12" ht="16.149999999999999" customHeight="1">
      <c r="A339" s="477" t="s">
        <v>651</v>
      </c>
      <c r="B339" s="549"/>
      <c r="C339" s="550"/>
      <c r="D339" s="549"/>
      <c r="E339" s="549"/>
      <c r="F339" s="549"/>
      <c r="G339" s="478"/>
      <c r="H339" s="478"/>
      <c r="I339" s="478"/>
      <c r="J339" s="478"/>
      <c r="K339" s="478"/>
      <c r="L339" s="501"/>
    </row>
    <row r="340" spans="1:12" ht="16.149999999999999" customHeight="1">
      <c r="A340" s="498" t="s">
        <v>686</v>
      </c>
      <c r="B340" s="500"/>
      <c r="C340" s="499" t="s">
        <v>309</v>
      </c>
      <c r="D340" s="499" t="s">
        <v>685</v>
      </c>
      <c r="E340" s="499" t="s">
        <v>684</v>
      </c>
      <c r="F340" s="499" t="s">
        <v>683</v>
      </c>
      <c r="G340" s="498" t="s">
        <v>682</v>
      </c>
      <c r="H340" s="497"/>
      <c r="I340" s="497"/>
      <c r="J340" s="497"/>
      <c r="K340" s="497"/>
      <c r="L340" s="496"/>
    </row>
    <row r="341" spans="1:12" ht="16.149999999999999" customHeight="1">
      <c r="A341" s="733" t="s">
        <v>1640</v>
      </c>
      <c r="B341" s="734"/>
      <c r="C341" s="495"/>
      <c r="D341" s="494"/>
      <c r="E341" s="493"/>
      <c r="F341" s="492"/>
      <c r="G341" s="486" t="s">
        <v>651</v>
      </c>
      <c r="H341" s="549"/>
      <c r="I341" s="549"/>
      <c r="J341" s="549"/>
      <c r="K341" s="549"/>
      <c r="L341" s="551"/>
    </row>
    <row r="342" spans="1:12" ht="16.149999999999999" customHeight="1">
      <c r="A342" s="735"/>
      <c r="B342" s="736"/>
      <c r="C342" s="490"/>
      <c r="D342" s="489"/>
      <c r="E342" s="491"/>
      <c r="F342" s="487" t="s">
        <v>651</v>
      </c>
      <c r="G342" s="486" t="s">
        <v>651</v>
      </c>
      <c r="H342" s="549"/>
      <c r="I342" s="549"/>
      <c r="J342" s="549"/>
      <c r="K342" s="549"/>
      <c r="L342" s="551"/>
    </row>
    <row r="343" spans="1:12" ht="16.149999999999999" customHeight="1">
      <c r="A343" s="735" t="s">
        <v>1703</v>
      </c>
      <c r="B343" s="736"/>
      <c r="C343" s="490" t="s">
        <v>731</v>
      </c>
      <c r="D343" s="489"/>
      <c r="E343" s="488"/>
      <c r="F343" s="487"/>
      <c r="G343" s="486" t="s">
        <v>651</v>
      </c>
      <c r="H343" s="549"/>
      <c r="I343" s="549"/>
      <c r="J343" s="549"/>
      <c r="K343" s="549"/>
      <c r="L343" s="551"/>
    </row>
    <row r="344" spans="1:12" ht="16.149999999999999" customHeight="1">
      <c r="A344" s="737"/>
      <c r="B344" s="738"/>
      <c r="C344" s="485"/>
      <c r="D344" s="484"/>
      <c r="E344" s="483"/>
      <c r="F344" s="482"/>
      <c r="G344" s="481" t="s">
        <v>651</v>
      </c>
      <c r="H344" s="476"/>
      <c r="I344" s="476"/>
      <c r="J344" s="476"/>
      <c r="K344" s="476"/>
      <c r="L344" s="475"/>
    </row>
    <row r="345" spans="1:12" ht="16.149999999999999" customHeight="1">
      <c r="A345" s="733" t="s">
        <v>651</v>
      </c>
      <c r="B345" s="734"/>
      <c r="C345" s="495"/>
      <c r="D345" s="494"/>
      <c r="E345" s="493"/>
      <c r="F345" s="492"/>
      <c r="G345" s="486" t="s">
        <v>651</v>
      </c>
      <c r="H345" s="549"/>
      <c r="I345" s="549"/>
      <c r="J345" s="549"/>
      <c r="K345" s="549"/>
      <c r="L345" s="551"/>
    </row>
    <row r="346" spans="1:12" ht="16.149999999999999" customHeight="1">
      <c r="A346" s="735"/>
      <c r="B346" s="736"/>
      <c r="C346" s="490"/>
      <c r="D346" s="489"/>
      <c r="E346" s="491"/>
      <c r="F346" s="487" t="s">
        <v>651</v>
      </c>
      <c r="G346" s="486" t="s">
        <v>651</v>
      </c>
      <c r="H346" s="549"/>
      <c r="I346" s="549"/>
      <c r="J346" s="549"/>
      <c r="K346" s="549"/>
      <c r="L346" s="551"/>
    </row>
    <row r="347" spans="1:12" ht="16.149999999999999" customHeight="1">
      <c r="A347" s="735" t="s">
        <v>691</v>
      </c>
      <c r="B347" s="736"/>
      <c r="C347" s="490" t="s">
        <v>731</v>
      </c>
      <c r="D347" s="489">
        <v>1</v>
      </c>
      <c r="E347" s="488"/>
      <c r="F347" s="487"/>
      <c r="G347" s="486" t="s">
        <v>651</v>
      </c>
      <c r="H347" s="549"/>
      <c r="I347" s="549"/>
      <c r="J347" s="549"/>
      <c r="K347" s="549"/>
      <c r="L347" s="551"/>
    </row>
    <row r="348" spans="1:12" ht="16.149999999999999" customHeight="1">
      <c r="A348" s="737"/>
      <c r="B348" s="738"/>
      <c r="C348" s="485"/>
      <c r="D348" s="484"/>
      <c r="E348" s="483"/>
      <c r="F348" s="482"/>
      <c r="G348" s="481" t="s">
        <v>651</v>
      </c>
      <c r="H348" s="476"/>
      <c r="I348" s="476"/>
      <c r="J348" s="476"/>
      <c r="K348" s="476"/>
      <c r="L348" s="475"/>
    </row>
    <row r="351" spans="1:12" ht="16.149999999999999" customHeight="1">
      <c r="A351" s="507" t="s">
        <v>651</v>
      </c>
      <c r="B351" s="479" t="s">
        <v>1639</v>
      </c>
      <c r="C351" s="480"/>
      <c r="D351" s="479"/>
      <c r="E351" s="479"/>
      <c r="F351" s="479"/>
      <c r="G351" s="479"/>
      <c r="H351" s="479" t="s">
        <v>617</v>
      </c>
      <c r="I351" s="480" t="s">
        <v>968</v>
      </c>
      <c r="J351" s="479" t="s">
        <v>689</v>
      </c>
      <c r="K351" s="479" t="s">
        <v>1635</v>
      </c>
      <c r="L351" s="506"/>
    </row>
    <row r="352" spans="1:12" ht="16.149999999999999" customHeight="1">
      <c r="A352" s="505" t="s">
        <v>651</v>
      </c>
      <c r="B352" s="549" t="s">
        <v>1702</v>
      </c>
      <c r="C352" s="550"/>
      <c r="D352" s="549"/>
      <c r="E352" s="549"/>
      <c r="F352" s="549"/>
      <c r="G352" s="478"/>
      <c r="H352" s="549"/>
      <c r="I352" s="504"/>
      <c r="J352" s="503" t="s">
        <v>687</v>
      </c>
      <c r="K352" s="502" t="s">
        <v>731</v>
      </c>
      <c r="L352" s="501" t="s">
        <v>618</v>
      </c>
    </row>
    <row r="353" spans="1:12" ht="16.149999999999999" customHeight="1">
      <c r="A353" s="477" t="s">
        <v>651</v>
      </c>
      <c r="B353" s="549"/>
      <c r="C353" s="550"/>
      <c r="D353" s="549"/>
      <c r="E353" s="549"/>
      <c r="F353" s="549"/>
      <c r="G353" s="478"/>
      <c r="H353" s="478"/>
      <c r="I353" s="478"/>
      <c r="J353" s="478"/>
      <c r="K353" s="478"/>
      <c r="L353" s="501"/>
    </row>
    <row r="354" spans="1:12" ht="16.149999999999999" customHeight="1">
      <c r="A354" s="498" t="s">
        <v>686</v>
      </c>
      <c r="B354" s="500"/>
      <c r="C354" s="499" t="s">
        <v>309</v>
      </c>
      <c r="D354" s="499" t="s">
        <v>685</v>
      </c>
      <c r="E354" s="499" t="s">
        <v>684</v>
      </c>
      <c r="F354" s="499" t="s">
        <v>683</v>
      </c>
      <c r="G354" s="498" t="s">
        <v>682</v>
      </c>
      <c r="H354" s="497"/>
      <c r="I354" s="497"/>
      <c r="J354" s="497"/>
      <c r="K354" s="497"/>
      <c r="L354" s="496"/>
    </row>
    <row r="355" spans="1:12" ht="16.149999999999999" customHeight="1">
      <c r="A355" s="733" t="s">
        <v>651</v>
      </c>
      <c r="B355" s="734"/>
      <c r="C355" s="495"/>
      <c r="D355" s="494"/>
      <c r="E355" s="493"/>
      <c r="F355" s="492"/>
      <c r="G355" s="486" t="s">
        <v>651</v>
      </c>
      <c r="H355" s="549"/>
      <c r="I355" s="549"/>
      <c r="J355" s="549"/>
      <c r="K355" s="549"/>
      <c r="L355" s="551"/>
    </row>
    <row r="356" spans="1:12" ht="16.149999999999999" customHeight="1">
      <c r="A356" s="735"/>
      <c r="B356" s="736"/>
      <c r="C356" s="490"/>
      <c r="D356" s="489"/>
      <c r="E356" s="491"/>
      <c r="F356" s="487" t="s">
        <v>651</v>
      </c>
      <c r="G356" s="486" t="s">
        <v>651</v>
      </c>
      <c r="H356" s="549"/>
      <c r="I356" s="549"/>
      <c r="J356" s="549"/>
      <c r="K356" s="549"/>
      <c r="L356" s="551"/>
    </row>
    <row r="357" spans="1:12" ht="16.149999999999999" customHeight="1">
      <c r="A357" s="735" t="s">
        <v>681</v>
      </c>
      <c r="B357" s="736"/>
      <c r="C357" s="490" t="s">
        <v>731</v>
      </c>
      <c r="D357" s="489">
        <v>1</v>
      </c>
      <c r="E357" s="488" t="s">
        <v>618</v>
      </c>
      <c r="F357" s="487"/>
      <c r="G357" s="486" t="s">
        <v>651</v>
      </c>
      <c r="H357" s="549"/>
      <c r="I357" s="549"/>
      <c r="J357" s="549"/>
      <c r="K357" s="549"/>
      <c r="L357" s="551"/>
    </row>
    <row r="358" spans="1:12" ht="16.149999999999999" customHeight="1">
      <c r="A358" s="737"/>
      <c r="B358" s="738"/>
      <c r="C358" s="485"/>
      <c r="D358" s="484"/>
      <c r="E358" s="483"/>
      <c r="F358" s="482"/>
      <c r="G358" s="481" t="s">
        <v>651</v>
      </c>
      <c r="H358" s="476"/>
      <c r="I358" s="476"/>
      <c r="J358" s="476"/>
      <c r="K358" s="476"/>
      <c r="L358" s="475"/>
    </row>
    <row r="360" spans="1:12" ht="16.149999999999999" customHeight="1">
      <c r="A360" s="507" t="s">
        <v>651</v>
      </c>
      <c r="B360" s="479" t="s">
        <v>742</v>
      </c>
      <c r="C360" s="480"/>
      <c r="D360" s="479"/>
      <c r="E360" s="479"/>
      <c r="F360" s="479"/>
      <c r="G360" s="479"/>
      <c r="H360" s="479" t="s">
        <v>617</v>
      </c>
      <c r="I360" s="480" t="s">
        <v>966</v>
      </c>
      <c r="J360" s="479" t="s">
        <v>689</v>
      </c>
      <c r="K360" s="479" t="s">
        <v>1635</v>
      </c>
      <c r="L360" s="506"/>
    </row>
    <row r="361" spans="1:12" ht="16.149999999999999" customHeight="1">
      <c r="A361" s="505" t="s">
        <v>651</v>
      </c>
      <c r="B361" s="549" t="s">
        <v>1663</v>
      </c>
      <c r="C361" s="550"/>
      <c r="D361" s="549"/>
      <c r="E361" s="549"/>
      <c r="F361" s="549"/>
      <c r="G361" s="478"/>
      <c r="H361" s="549"/>
      <c r="I361" s="504"/>
      <c r="J361" s="503" t="s">
        <v>687</v>
      </c>
      <c r="K361" s="502" t="s">
        <v>731</v>
      </c>
      <c r="L361" s="501" t="s">
        <v>618</v>
      </c>
    </row>
    <row r="362" spans="1:12" ht="16.149999999999999" customHeight="1">
      <c r="A362" s="477" t="s">
        <v>651</v>
      </c>
      <c r="B362" s="549"/>
      <c r="C362" s="550"/>
      <c r="D362" s="549"/>
      <c r="E362" s="549"/>
      <c r="F362" s="549"/>
      <c r="G362" s="478"/>
      <c r="H362" s="478"/>
      <c r="I362" s="478"/>
      <c r="J362" s="478"/>
      <c r="K362" s="478"/>
      <c r="L362" s="501"/>
    </row>
    <row r="363" spans="1:12" ht="16.149999999999999" customHeight="1">
      <c r="A363" s="498" t="s">
        <v>686</v>
      </c>
      <c r="B363" s="500"/>
      <c r="C363" s="499" t="s">
        <v>309</v>
      </c>
      <c r="D363" s="499" t="s">
        <v>685</v>
      </c>
      <c r="E363" s="499" t="s">
        <v>684</v>
      </c>
      <c r="F363" s="499" t="s">
        <v>683</v>
      </c>
      <c r="G363" s="498" t="s">
        <v>682</v>
      </c>
      <c r="H363" s="497"/>
      <c r="I363" s="497"/>
      <c r="J363" s="497"/>
      <c r="K363" s="497"/>
      <c r="L363" s="496"/>
    </row>
    <row r="364" spans="1:12" ht="16.149999999999999" customHeight="1">
      <c r="A364" s="733" t="s">
        <v>1638</v>
      </c>
      <c r="B364" s="734"/>
      <c r="C364" s="495"/>
      <c r="D364" s="494"/>
      <c r="E364" s="493"/>
      <c r="F364" s="492"/>
      <c r="G364" s="486" t="s">
        <v>651</v>
      </c>
      <c r="H364" s="549"/>
      <c r="I364" s="549"/>
      <c r="J364" s="549"/>
      <c r="K364" s="549"/>
      <c r="L364" s="551"/>
    </row>
    <row r="365" spans="1:12" ht="16.149999999999999" customHeight="1">
      <c r="A365" s="735"/>
      <c r="B365" s="736"/>
      <c r="C365" s="490"/>
      <c r="D365" s="489"/>
      <c r="E365" s="491"/>
      <c r="F365" s="487" t="s">
        <v>651</v>
      </c>
      <c r="G365" s="486" t="s">
        <v>651</v>
      </c>
      <c r="H365" s="549"/>
      <c r="I365" s="549"/>
      <c r="J365" s="549"/>
      <c r="K365" s="549"/>
      <c r="L365" s="551"/>
    </row>
    <row r="366" spans="1:12" ht="16.149999999999999" customHeight="1">
      <c r="A366" s="735" t="s">
        <v>651</v>
      </c>
      <c r="B366" s="736"/>
      <c r="C366" s="490" t="s">
        <v>248</v>
      </c>
      <c r="D366" s="489"/>
      <c r="E366" s="488"/>
      <c r="F366" s="487"/>
      <c r="G366" s="486" t="s">
        <v>651</v>
      </c>
      <c r="H366" s="549"/>
      <c r="I366" s="549"/>
      <c r="J366" s="549"/>
      <c r="K366" s="549"/>
      <c r="L366" s="551"/>
    </row>
    <row r="367" spans="1:12" ht="16.149999999999999" customHeight="1">
      <c r="A367" s="737"/>
      <c r="B367" s="738"/>
      <c r="C367" s="485"/>
      <c r="D367" s="484"/>
      <c r="E367" s="483"/>
      <c r="F367" s="482"/>
      <c r="G367" s="481" t="s">
        <v>651</v>
      </c>
      <c r="H367" s="476"/>
      <c r="I367" s="476"/>
      <c r="J367" s="476"/>
      <c r="K367" s="476"/>
      <c r="L367" s="475"/>
    </row>
    <row r="368" spans="1:12" ht="16.149999999999999" customHeight="1">
      <c r="A368" s="733" t="s">
        <v>1701</v>
      </c>
      <c r="B368" s="734"/>
      <c r="C368" s="495"/>
      <c r="D368" s="494"/>
      <c r="E368" s="493"/>
      <c r="F368" s="492"/>
      <c r="G368" s="486" t="s">
        <v>651</v>
      </c>
      <c r="H368" s="549"/>
      <c r="I368" s="549"/>
      <c r="J368" s="549"/>
      <c r="K368" s="549"/>
      <c r="L368" s="551"/>
    </row>
    <row r="369" spans="1:12" ht="16.149999999999999" customHeight="1">
      <c r="A369" s="735"/>
      <c r="B369" s="736"/>
      <c r="C369" s="490"/>
      <c r="D369" s="489"/>
      <c r="E369" s="491"/>
      <c r="F369" s="487" t="s">
        <v>651</v>
      </c>
      <c r="G369" s="486" t="s">
        <v>651</v>
      </c>
      <c r="H369" s="549"/>
      <c r="I369" s="549"/>
      <c r="J369" s="549"/>
      <c r="K369" s="549"/>
      <c r="L369" s="551"/>
    </row>
    <row r="370" spans="1:12" ht="16.149999999999999" customHeight="1">
      <c r="A370" s="735" t="s">
        <v>1494</v>
      </c>
      <c r="B370" s="736"/>
      <c r="C370" s="490" t="s">
        <v>1493</v>
      </c>
      <c r="D370" s="489"/>
      <c r="E370" s="488"/>
      <c r="F370" s="487"/>
      <c r="G370" s="486" t="s">
        <v>651</v>
      </c>
      <c r="H370" s="549"/>
      <c r="I370" s="549"/>
      <c r="J370" s="549"/>
      <c r="K370" s="549"/>
      <c r="L370" s="551"/>
    </row>
    <row r="371" spans="1:12" ht="16.149999999999999" customHeight="1">
      <c r="A371" s="737"/>
      <c r="B371" s="738"/>
      <c r="C371" s="485"/>
      <c r="D371" s="484"/>
      <c r="E371" s="483"/>
      <c r="F371" s="482"/>
      <c r="G371" s="481" t="s">
        <v>651</v>
      </c>
      <c r="H371" s="476"/>
      <c r="I371" s="476"/>
      <c r="J371" s="476"/>
      <c r="K371" s="476"/>
      <c r="L371" s="475"/>
    </row>
    <row r="372" spans="1:12" ht="16.149999999999999" customHeight="1">
      <c r="A372" s="733" t="s">
        <v>1636</v>
      </c>
      <c r="B372" s="734"/>
      <c r="C372" s="495"/>
      <c r="D372" s="494"/>
      <c r="E372" s="493"/>
      <c r="F372" s="492"/>
      <c r="G372" s="486" t="s">
        <v>1637</v>
      </c>
      <c r="H372" s="549"/>
      <c r="I372" s="549"/>
      <c r="J372" s="549"/>
      <c r="K372" s="549"/>
      <c r="L372" s="551"/>
    </row>
    <row r="373" spans="1:12" ht="16.149999999999999" customHeight="1">
      <c r="A373" s="735"/>
      <c r="B373" s="736"/>
      <c r="C373" s="490"/>
      <c r="D373" s="489"/>
      <c r="E373" s="491"/>
      <c r="F373" s="487" t="s">
        <v>651</v>
      </c>
      <c r="G373" s="486" t="s">
        <v>651</v>
      </c>
      <c r="H373" s="549"/>
      <c r="I373" s="549"/>
      <c r="J373" s="549"/>
      <c r="K373" s="549"/>
      <c r="L373" s="551"/>
    </row>
    <row r="374" spans="1:12" ht="16.149999999999999" customHeight="1">
      <c r="A374" s="735" t="s">
        <v>1663</v>
      </c>
      <c r="B374" s="736"/>
      <c r="C374" s="490" t="s">
        <v>731</v>
      </c>
      <c r="D374" s="489"/>
      <c r="E374" s="488"/>
      <c r="F374" s="487"/>
      <c r="G374" s="486" t="s">
        <v>651</v>
      </c>
      <c r="H374" s="549"/>
      <c r="I374" s="549"/>
      <c r="J374" s="549"/>
      <c r="K374" s="549"/>
      <c r="L374" s="551"/>
    </row>
    <row r="375" spans="1:12" ht="16.149999999999999" customHeight="1">
      <c r="A375" s="737"/>
      <c r="B375" s="738"/>
      <c r="C375" s="485"/>
      <c r="D375" s="484"/>
      <c r="E375" s="483"/>
      <c r="F375" s="482"/>
      <c r="G375" s="481" t="s">
        <v>651</v>
      </c>
      <c r="H375" s="476"/>
      <c r="I375" s="476"/>
      <c r="J375" s="476"/>
      <c r="K375" s="476"/>
      <c r="L375" s="475"/>
    </row>
    <row r="376" spans="1:12" ht="16.149999999999999" customHeight="1">
      <c r="A376" s="733" t="s">
        <v>700</v>
      </c>
      <c r="B376" s="734"/>
      <c r="C376" s="495"/>
      <c r="D376" s="494"/>
      <c r="E376" s="493"/>
      <c r="F376" s="492"/>
      <c r="G376" s="486" t="s">
        <v>651</v>
      </c>
      <c r="H376" s="549"/>
      <c r="I376" s="549"/>
      <c r="J376" s="549"/>
      <c r="K376" s="549"/>
      <c r="L376" s="551"/>
    </row>
    <row r="377" spans="1:12" ht="16.149999999999999" customHeight="1">
      <c r="A377" s="735"/>
      <c r="B377" s="736"/>
      <c r="C377" s="490"/>
      <c r="D377" s="489"/>
      <c r="E377" s="491"/>
      <c r="F377" s="487" t="s">
        <v>651</v>
      </c>
      <c r="G377" s="486" t="s">
        <v>651</v>
      </c>
      <c r="H377" s="549"/>
      <c r="I377" s="549"/>
      <c r="J377" s="549"/>
      <c r="K377" s="549"/>
      <c r="L377" s="551"/>
    </row>
    <row r="378" spans="1:12" ht="16.149999999999999" customHeight="1">
      <c r="A378" s="735" t="s">
        <v>651</v>
      </c>
      <c r="B378" s="736"/>
      <c r="C378" s="490" t="s">
        <v>242</v>
      </c>
      <c r="D378" s="489">
        <v>1</v>
      </c>
      <c r="E378" s="488"/>
      <c r="F378" s="487"/>
      <c r="G378" s="486" t="s">
        <v>651</v>
      </c>
      <c r="H378" s="549"/>
      <c r="I378" s="549"/>
      <c r="J378" s="549"/>
      <c r="K378" s="549"/>
      <c r="L378" s="551"/>
    </row>
    <row r="379" spans="1:12" ht="16.149999999999999" customHeight="1">
      <c r="A379" s="737"/>
      <c r="B379" s="738"/>
      <c r="C379" s="485"/>
      <c r="D379" s="484"/>
      <c r="E379" s="483"/>
      <c r="F379" s="482"/>
      <c r="G379" s="481" t="s">
        <v>651</v>
      </c>
      <c r="H379" s="476"/>
      <c r="I379" s="476"/>
      <c r="J379" s="476"/>
      <c r="K379" s="476"/>
      <c r="L379" s="475"/>
    </row>
    <row r="380" spans="1:12" ht="16.149999999999999" customHeight="1">
      <c r="A380" s="733" t="s">
        <v>651</v>
      </c>
      <c r="B380" s="734"/>
      <c r="C380" s="495"/>
      <c r="D380" s="494"/>
      <c r="E380" s="493"/>
      <c r="F380" s="492"/>
      <c r="G380" s="486" t="s">
        <v>651</v>
      </c>
      <c r="H380" s="549"/>
      <c r="I380" s="549"/>
      <c r="J380" s="549"/>
      <c r="K380" s="549"/>
      <c r="L380" s="551"/>
    </row>
    <row r="381" spans="1:12" ht="16.149999999999999" customHeight="1">
      <c r="A381" s="735"/>
      <c r="B381" s="736"/>
      <c r="C381" s="490"/>
      <c r="D381" s="489"/>
      <c r="E381" s="491"/>
      <c r="F381" s="487" t="s">
        <v>651</v>
      </c>
      <c r="G381" s="486" t="s">
        <v>651</v>
      </c>
      <c r="H381" s="549"/>
      <c r="I381" s="549"/>
      <c r="J381" s="549"/>
      <c r="K381" s="549"/>
      <c r="L381" s="551"/>
    </row>
    <row r="382" spans="1:12" ht="16.149999999999999" customHeight="1">
      <c r="A382" s="735" t="s">
        <v>691</v>
      </c>
      <c r="B382" s="736"/>
      <c r="C382" s="490" t="s">
        <v>731</v>
      </c>
      <c r="D382" s="489">
        <v>1</v>
      </c>
      <c r="E382" s="488"/>
      <c r="F382" s="487"/>
      <c r="G382" s="486" t="s">
        <v>651</v>
      </c>
      <c r="H382" s="549"/>
      <c r="I382" s="549"/>
      <c r="J382" s="549"/>
      <c r="K382" s="549"/>
      <c r="L382" s="551"/>
    </row>
    <row r="383" spans="1:12" ht="16.149999999999999" customHeight="1">
      <c r="A383" s="737"/>
      <c r="B383" s="738"/>
      <c r="C383" s="485"/>
      <c r="D383" s="484"/>
      <c r="E383" s="483"/>
      <c r="F383" s="482"/>
      <c r="G383" s="481" t="s">
        <v>651</v>
      </c>
      <c r="H383" s="476"/>
      <c r="I383" s="476"/>
      <c r="J383" s="476"/>
      <c r="K383" s="476"/>
      <c r="L383" s="475"/>
    </row>
    <row r="386" spans="1:12" ht="16.149999999999999" customHeight="1">
      <c r="A386" s="507" t="s">
        <v>651</v>
      </c>
      <c r="B386" s="479" t="s">
        <v>742</v>
      </c>
      <c r="C386" s="480"/>
      <c r="D386" s="479"/>
      <c r="E386" s="479"/>
      <c r="F386" s="479"/>
      <c r="G386" s="479"/>
      <c r="H386" s="479" t="s">
        <v>617</v>
      </c>
      <c r="I386" s="480" t="s">
        <v>966</v>
      </c>
      <c r="J386" s="479" t="s">
        <v>689</v>
      </c>
      <c r="K386" s="479" t="s">
        <v>1635</v>
      </c>
      <c r="L386" s="506"/>
    </row>
    <row r="387" spans="1:12" ht="16.149999999999999" customHeight="1">
      <c r="A387" s="505" t="s">
        <v>651</v>
      </c>
      <c r="B387" s="549" t="s">
        <v>1663</v>
      </c>
      <c r="C387" s="550"/>
      <c r="D387" s="549"/>
      <c r="E387" s="549"/>
      <c r="F387" s="549"/>
      <c r="G387" s="478"/>
      <c r="H387" s="549"/>
      <c r="I387" s="504"/>
      <c r="J387" s="503" t="s">
        <v>687</v>
      </c>
      <c r="K387" s="502" t="s">
        <v>731</v>
      </c>
      <c r="L387" s="501" t="s">
        <v>618</v>
      </c>
    </row>
    <row r="388" spans="1:12" ht="16.149999999999999" customHeight="1">
      <c r="A388" s="477" t="s">
        <v>651</v>
      </c>
      <c r="B388" s="549"/>
      <c r="C388" s="550"/>
      <c r="D388" s="549"/>
      <c r="E388" s="549"/>
      <c r="F388" s="549"/>
      <c r="G388" s="478"/>
      <c r="H388" s="478"/>
      <c r="I388" s="478"/>
      <c r="J388" s="478"/>
      <c r="K388" s="478"/>
      <c r="L388" s="501"/>
    </row>
    <row r="389" spans="1:12" ht="16.149999999999999" customHeight="1">
      <c r="A389" s="498" t="s">
        <v>686</v>
      </c>
      <c r="B389" s="500"/>
      <c r="C389" s="499" t="s">
        <v>309</v>
      </c>
      <c r="D389" s="499" t="s">
        <v>685</v>
      </c>
      <c r="E389" s="499" t="s">
        <v>684</v>
      </c>
      <c r="F389" s="499" t="s">
        <v>683</v>
      </c>
      <c r="G389" s="498" t="s">
        <v>682</v>
      </c>
      <c r="H389" s="497"/>
      <c r="I389" s="497"/>
      <c r="J389" s="497"/>
      <c r="K389" s="497"/>
      <c r="L389" s="496"/>
    </row>
    <row r="390" spans="1:12" ht="16.149999999999999" customHeight="1">
      <c r="A390" s="733" t="s">
        <v>651</v>
      </c>
      <c r="B390" s="734"/>
      <c r="C390" s="495"/>
      <c r="D390" s="494"/>
      <c r="E390" s="493"/>
      <c r="F390" s="492"/>
      <c r="G390" s="486" t="s">
        <v>651</v>
      </c>
      <c r="H390" s="549"/>
      <c r="I390" s="549"/>
      <c r="J390" s="549"/>
      <c r="K390" s="549"/>
      <c r="L390" s="551"/>
    </row>
    <row r="391" spans="1:12" ht="16.149999999999999" customHeight="1">
      <c r="A391" s="735"/>
      <c r="B391" s="736"/>
      <c r="C391" s="490"/>
      <c r="D391" s="489"/>
      <c r="E391" s="491"/>
      <c r="F391" s="487" t="s">
        <v>651</v>
      </c>
      <c r="G391" s="486" t="s">
        <v>651</v>
      </c>
      <c r="H391" s="549"/>
      <c r="I391" s="549"/>
      <c r="J391" s="549"/>
      <c r="K391" s="549"/>
      <c r="L391" s="551"/>
    </row>
    <row r="392" spans="1:12" ht="16.149999999999999" customHeight="1">
      <c r="A392" s="735" t="s">
        <v>681</v>
      </c>
      <c r="B392" s="736"/>
      <c r="C392" s="490" t="s">
        <v>731</v>
      </c>
      <c r="D392" s="489">
        <v>1</v>
      </c>
      <c r="E392" s="488" t="s">
        <v>618</v>
      </c>
      <c r="F392" s="487"/>
      <c r="G392" s="486" t="s">
        <v>651</v>
      </c>
      <c r="H392" s="549"/>
      <c r="I392" s="549"/>
      <c r="J392" s="549"/>
      <c r="K392" s="549"/>
      <c r="L392" s="551"/>
    </row>
    <row r="393" spans="1:12" ht="16.149999999999999" customHeight="1">
      <c r="A393" s="737"/>
      <c r="B393" s="738"/>
      <c r="C393" s="485"/>
      <c r="D393" s="484"/>
      <c r="E393" s="483"/>
      <c r="F393" s="482"/>
      <c r="G393" s="481" t="s">
        <v>651</v>
      </c>
      <c r="H393" s="476"/>
      <c r="I393" s="476"/>
      <c r="J393" s="476"/>
      <c r="K393" s="476"/>
      <c r="L393" s="475"/>
    </row>
    <row r="395" spans="1:12" ht="16.149999999999999" customHeight="1">
      <c r="A395" s="507" t="s">
        <v>651</v>
      </c>
      <c r="B395" s="479" t="s">
        <v>1636</v>
      </c>
      <c r="C395" s="480"/>
      <c r="D395" s="479"/>
      <c r="E395" s="479"/>
      <c r="F395" s="479"/>
      <c r="G395" s="479"/>
      <c r="H395" s="479" t="s">
        <v>617</v>
      </c>
      <c r="I395" s="480" t="s">
        <v>963</v>
      </c>
      <c r="J395" s="479" t="s">
        <v>689</v>
      </c>
      <c r="K395" s="479" t="s">
        <v>1635</v>
      </c>
      <c r="L395" s="506"/>
    </row>
    <row r="396" spans="1:12" ht="16.149999999999999" customHeight="1">
      <c r="A396" s="505" t="s">
        <v>651</v>
      </c>
      <c r="B396" s="549" t="s">
        <v>1663</v>
      </c>
      <c r="C396" s="550"/>
      <c r="D396" s="549"/>
      <c r="E396" s="549"/>
      <c r="F396" s="549"/>
      <c r="G396" s="478"/>
      <c r="H396" s="549"/>
      <c r="I396" s="504"/>
      <c r="J396" s="503" t="s">
        <v>687</v>
      </c>
      <c r="K396" s="502" t="s">
        <v>731</v>
      </c>
      <c r="L396" s="501" t="s">
        <v>618</v>
      </c>
    </row>
    <row r="397" spans="1:12" ht="16.149999999999999" customHeight="1">
      <c r="A397" s="477" t="s">
        <v>651</v>
      </c>
      <c r="B397" s="549"/>
      <c r="C397" s="550"/>
      <c r="D397" s="549"/>
      <c r="E397" s="549"/>
      <c r="F397" s="549"/>
      <c r="G397" s="478"/>
      <c r="H397" s="478"/>
      <c r="I397" s="478"/>
      <c r="J397" s="478"/>
      <c r="K397" s="478"/>
      <c r="L397" s="501"/>
    </row>
    <row r="398" spans="1:12" ht="16.149999999999999" customHeight="1">
      <c r="A398" s="498" t="s">
        <v>686</v>
      </c>
      <c r="B398" s="500"/>
      <c r="C398" s="499" t="s">
        <v>309</v>
      </c>
      <c r="D398" s="499" t="s">
        <v>685</v>
      </c>
      <c r="E398" s="499" t="s">
        <v>684</v>
      </c>
      <c r="F398" s="499" t="s">
        <v>683</v>
      </c>
      <c r="G398" s="498" t="s">
        <v>682</v>
      </c>
      <c r="H398" s="497"/>
      <c r="I398" s="497"/>
      <c r="J398" s="497"/>
      <c r="K398" s="497"/>
      <c r="L398" s="496"/>
    </row>
    <row r="399" spans="1:12" ht="16.149999999999999" customHeight="1">
      <c r="A399" s="733" t="s">
        <v>1634</v>
      </c>
      <c r="B399" s="734"/>
      <c r="C399" s="495"/>
      <c r="D399" s="494"/>
      <c r="E399" s="493"/>
      <c r="F399" s="492"/>
      <c r="G399" s="486" t="s">
        <v>651</v>
      </c>
      <c r="H399" s="549"/>
      <c r="I399" s="549"/>
      <c r="J399" s="549"/>
      <c r="K399" s="549"/>
      <c r="L399" s="551"/>
    </row>
    <row r="400" spans="1:12" ht="16.149999999999999" customHeight="1">
      <c r="A400" s="735"/>
      <c r="B400" s="736"/>
      <c r="C400" s="490"/>
      <c r="D400" s="489"/>
      <c r="E400" s="491"/>
      <c r="F400" s="487" t="s">
        <v>651</v>
      </c>
      <c r="G400" s="486" t="s">
        <v>651</v>
      </c>
      <c r="H400" s="549"/>
      <c r="I400" s="549"/>
      <c r="J400" s="549"/>
      <c r="K400" s="549"/>
      <c r="L400" s="551"/>
    </row>
    <row r="401" spans="1:12" ht="16.149999999999999" customHeight="1">
      <c r="A401" s="735" t="s">
        <v>1663</v>
      </c>
      <c r="B401" s="736"/>
      <c r="C401" s="490" t="s">
        <v>731</v>
      </c>
      <c r="D401" s="489"/>
      <c r="E401" s="488"/>
      <c r="F401" s="487"/>
      <c r="G401" s="486" t="s">
        <v>651</v>
      </c>
      <c r="H401" s="549"/>
      <c r="I401" s="549"/>
      <c r="J401" s="549"/>
      <c r="K401" s="549"/>
      <c r="L401" s="551"/>
    </row>
    <row r="402" spans="1:12" ht="16.149999999999999" customHeight="1">
      <c r="A402" s="737"/>
      <c r="B402" s="738"/>
      <c r="C402" s="485"/>
      <c r="D402" s="484"/>
      <c r="E402" s="483"/>
      <c r="F402" s="482"/>
      <c r="G402" s="481" t="s">
        <v>651</v>
      </c>
      <c r="H402" s="476"/>
      <c r="I402" s="476"/>
      <c r="J402" s="476"/>
      <c r="K402" s="476"/>
      <c r="L402" s="475"/>
    </row>
    <row r="403" spans="1:12" ht="16.149999999999999" customHeight="1">
      <c r="A403" s="733" t="s">
        <v>651</v>
      </c>
      <c r="B403" s="734"/>
      <c r="C403" s="495"/>
      <c r="D403" s="494"/>
      <c r="E403" s="493"/>
      <c r="F403" s="492"/>
      <c r="G403" s="486" t="s">
        <v>651</v>
      </c>
      <c r="H403" s="549"/>
      <c r="I403" s="549"/>
      <c r="J403" s="549"/>
      <c r="K403" s="549"/>
      <c r="L403" s="551"/>
    </row>
    <row r="404" spans="1:12" ht="16.149999999999999" customHeight="1">
      <c r="A404" s="735"/>
      <c r="B404" s="736"/>
      <c r="C404" s="490"/>
      <c r="D404" s="489"/>
      <c r="E404" s="491"/>
      <c r="F404" s="487" t="s">
        <v>651</v>
      </c>
      <c r="G404" s="486" t="s">
        <v>651</v>
      </c>
      <c r="H404" s="549"/>
      <c r="I404" s="549"/>
      <c r="J404" s="549"/>
      <c r="K404" s="549"/>
      <c r="L404" s="551"/>
    </row>
    <row r="405" spans="1:12" ht="16.149999999999999" customHeight="1">
      <c r="A405" s="735" t="s">
        <v>691</v>
      </c>
      <c r="B405" s="736"/>
      <c r="C405" s="490" t="s">
        <v>731</v>
      </c>
      <c r="D405" s="489">
        <v>1</v>
      </c>
      <c r="E405" s="488"/>
      <c r="F405" s="487"/>
      <c r="G405" s="486" t="s">
        <v>651</v>
      </c>
      <c r="H405" s="549"/>
      <c r="I405" s="549"/>
      <c r="J405" s="549"/>
      <c r="K405" s="549"/>
      <c r="L405" s="551"/>
    </row>
    <row r="406" spans="1:12" ht="16.149999999999999" customHeight="1">
      <c r="A406" s="737"/>
      <c r="B406" s="738"/>
      <c r="C406" s="485"/>
      <c r="D406" s="484"/>
      <c r="E406" s="483"/>
      <c r="F406" s="482"/>
      <c r="G406" s="481" t="s">
        <v>651</v>
      </c>
      <c r="H406" s="476"/>
      <c r="I406" s="476"/>
      <c r="J406" s="476"/>
      <c r="K406" s="476"/>
      <c r="L406" s="475"/>
    </row>
    <row r="407" spans="1:12" ht="16.149999999999999" customHeight="1">
      <c r="A407" s="733" t="s">
        <v>651</v>
      </c>
      <c r="B407" s="734"/>
      <c r="C407" s="495"/>
      <c r="D407" s="494"/>
      <c r="E407" s="493"/>
      <c r="F407" s="492"/>
      <c r="G407" s="486" t="s">
        <v>651</v>
      </c>
      <c r="H407" s="549"/>
      <c r="I407" s="549"/>
      <c r="J407" s="549"/>
      <c r="K407" s="549"/>
      <c r="L407" s="551"/>
    </row>
    <row r="408" spans="1:12" ht="16.149999999999999" customHeight="1">
      <c r="A408" s="735"/>
      <c r="B408" s="736"/>
      <c r="C408" s="490"/>
      <c r="D408" s="489"/>
      <c r="E408" s="491"/>
      <c r="F408" s="487" t="s">
        <v>651</v>
      </c>
      <c r="G408" s="486" t="s">
        <v>651</v>
      </c>
      <c r="H408" s="549"/>
      <c r="I408" s="549"/>
      <c r="J408" s="549"/>
      <c r="K408" s="549"/>
      <c r="L408" s="551"/>
    </row>
    <row r="409" spans="1:12" ht="16.149999999999999" customHeight="1">
      <c r="A409" s="735" t="s">
        <v>681</v>
      </c>
      <c r="B409" s="736"/>
      <c r="C409" s="490" t="s">
        <v>731</v>
      </c>
      <c r="D409" s="489">
        <v>1</v>
      </c>
      <c r="E409" s="488" t="s">
        <v>618</v>
      </c>
      <c r="F409" s="487"/>
      <c r="G409" s="486" t="s">
        <v>651</v>
      </c>
      <c r="H409" s="549"/>
      <c r="I409" s="549"/>
      <c r="J409" s="549"/>
      <c r="K409" s="549"/>
      <c r="L409" s="551"/>
    </row>
    <row r="410" spans="1:12" ht="16.149999999999999" customHeight="1">
      <c r="A410" s="737"/>
      <c r="B410" s="738"/>
      <c r="C410" s="485"/>
      <c r="D410" s="484"/>
      <c r="E410" s="483"/>
      <c r="F410" s="482"/>
      <c r="G410" s="481" t="s">
        <v>651</v>
      </c>
      <c r="H410" s="476"/>
      <c r="I410" s="476"/>
      <c r="J410" s="476"/>
      <c r="K410" s="476"/>
      <c r="L410" s="475"/>
    </row>
  </sheetData>
  <mergeCells count="138">
    <mergeCell ref="A5:B6"/>
    <mergeCell ref="A7:B8"/>
    <mergeCell ref="A9:B10"/>
    <mergeCell ref="A11:B12"/>
    <mergeCell ref="A13:B14"/>
    <mergeCell ref="A25:B26"/>
    <mergeCell ref="A27:B28"/>
    <mergeCell ref="A40:B41"/>
    <mergeCell ref="A42:B43"/>
    <mergeCell ref="A44:B45"/>
    <mergeCell ref="A15:B16"/>
    <mergeCell ref="A17:B18"/>
    <mergeCell ref="A19:B20"/>
    <mergeCell ref="A21:B22"/>
    <mergeCell ref="A23:B24"/>
    <mergeCell ref="A56:B57"/>
    <mergeCell ref="A58:B59"/>
    <mergeCell ref="A60:B61"/>
    <mergeCell ref="A62:B63"/>
    <mergeCell ref="A75:B76"/>
    <mergeCell ref="A46:B47"/>
    <mergeCell ref="A48:B49"/>
    <mergeCell ref="A50:B51"/>
    <mergeCell ref="A52:B53"/>
    <mergeCell ref="A54:B55"/>
    <mergeCell ref="A92:B93"/>
    <mergeCell ref="A94:B95"/>
    <mergeCell ref="A96:B97"/>
    <mergeCell ref="A98:B99"/>
    <mergeCell ref="A100:B101"/>
    <mergeCell ref="A77:B78"/>
    <mergeCell ref="A79:B80"/>
    <mergeCell ref="A81:B82"/>
    <mergeCell ref="A83:B84"/>
    <mergeCell ref="A85:B86"/>
    <mergeCell ref="A118:B119"/>
    <mergeCell ref="A120:B121"/>
    <mergeCell ref="A122:B123"/>
    <mergeCell ref="A124:B125"/>
    <mergeCell ref="A131:B132"/>
    <mergeCell ref="A102:B103"/>
    <mergeCell ref="A110:B111"/>
    <mergeCell ref="A112:B113"/>
    <mergeCell ref="A114:B115"/>
    <mergeCell ref="A116:B117"/>
    <mergeCell ref="A154:B155"/>
    <mergeCell ref="A156:B157"/>
    <mergeCell ref="A158:B159"/>
    <mergeCell ref="A160:B161"/>
    <mergeCell ref="A162:B163"/>
    <mergeCell ref="A133:B134"/>
    <mergeCell ref="A135:B136"/>
    <mergeCell ref="A137:B138"/>
    <mergeCell ref="A145:B146"/>
    <mergeCell ref="A147:B148"/>
    <mergeCell ref="A184:B185"/>
    <mergeCell ref="A186:B187"/>
    <mergeCell ref="A188:B189"/>
    <mergeCell ref="A190:B191"/>
    <mergeCell ref="A192:B193"/>
    <mergeCell ref="A164:B165"/>
    <mergeCell ref="A171:B172"/>
    <mergeCell ref="A173:B174"/>
    <mergeCell ref="A180:B181"/>
    <mergeCell ref="A182:B183"/>
    <mergeCell ref="A215:B216"/>
    <mergeCell ref="A217:B218"/>
    <mergeCell ref="A219:B220"/>
    <mergeCell ref="A221:B222"/>
    <mergeCell ref="A223:B224"/>
    <mergeCell ref="A194:B195"/>
    <mergeCell ref="A196:B197"/>
    <mergeCell ref="A198:B199"/>
    <mergeCell ref="A200:B201"/>
    <mergeCell ref="A202:B203"/>
    <mergeCell ref="A240:B241"/>
    <mergeCell ref="A242:B243"/>
    <mergeCell ref="A250:B251"/>
    <mergeCell ref="A252:B253"/>
    <mergeCell ref="A254:B255"/>
    <mergeCell ref="A225:B226"/>
    <mergeCell ref="A232:B233"/>
    <mergeCell ref="A234:B235"/>
    <mergeCell ref="A236:B237"/>
    <mergeCell ref="A238:B239"/>
    <mergeCell ref="A271:B272"/>
    <mergeCell ref="A273:B274"/>
    <mergeCell ref="A275:B276"/>
    <mergeCell ref="A277:B278"/>
    <mergeCell ref="A285:B286"/>
    <mergeCell ref="A256:B257"/>
    <mergeCell ref="A258:B259"/>
    <mergeCell ref="A260:B261"/>
    <mergeCell ref="A267:B268"/>
    <mergeCell ref="A269:B270"/>
    <mergeCell ref="A297:B298"/>
    <mergeCell ref="A299:B300"/>
    <mergeCell ref="A306:B307"/>
    <mergeCell ref="A308:B309"/>
    <mergeCell ref="A310:B311"/>
    <mergeCell ref="A287:B288"/>
    <mergeCell ref="A289:B290"/>
    <mergeCell ref="A291:B292"/>
    <mergeCell ref="A293:B294"/>
    <mergeCell ref="A295:B296"/>
    <mergeCell ref="A328:B329"/>
    <mergeCell ref="A330:B331"/>
    <mergeCell ref="A332:B333"/>
    <mergeCell ref="A334:B335"/>
    <mergeCell ref="A341:B342"/>
    <mergeCell ref="A312:B313"/>
    <mergeCell ref="A320:B321"/>
    <mergeCell ref="A322:B323"/>
    <mergeCell ref="A324:B325"/>
    <mergeCell ref="A326:B327"/>
    <mergeCell ref="A364:B365"/>
    <mergeCell ref="A366:B367"/>
    <mergeCell ref="A368:B369"/>
    <mergeCell ref="A370:B371"/>
    <mergeCell ref="A372:B373"/>
    <mergeCell ref="A343:B344"/>
    <mergeCell ref="A345:B346"/>
    <mergeCell ref="A347:B348"/>
    <mergeCell ref="A355:B356"/>
    <mergeCell ref="A357:B358"/>
    <mergeCell ref="A405:B406"/>
    <mergeCell ref="A407:B408"/>
    <mergeCell ref="A409:B410"/>
    <mergeCell ref="A390:B391"/>
    <mergeCell ref="A392:B393"/>
    <mergeCell ref="A399:B400"/>
    <mergeCell ref="A401:B402"/>
    <mergeCell ref="A403:B404"/>
    <mergeCell ref="A374:B375"/>
    <mergeCell ref="A376:B377"/>
    <mergeCell ref="A378:B379"/>
    <mergeCell ref="A380:B381"/>
    <mergeCell ref="A382:B383"/>
  </mergeCells>
  <phoneticPr fontId="68"/>
  <pageMargins left="0.59055118110236227" right="0.59055118110236227" top="0.78740157480314965" bottom="0.78740157480314965" header="0.51181102362204722" footer="0.59055118110236227"/>
  <pageSetup paperSize="9" scale="91" fitToHeight="0" orientation="landscape" horizontalDpi="4294967294" r:id="rId1"/>
  <headerFooter>
    <oddFooter>&amp;L&amp;"ＭＳ 明朝,標準" 30-12-y070-3-010-00&amp;R&amp;"ＭＳ 明朝,標準"四　 日　 市　 市</oddFooter>
  </headerFooter>
  <rowBreaks count="11" manualBreakCount="11">
    <brk id="35" max="16383" man="1"/>
    <brk id="70" max="16383" man="1"/>
    <brk id="105" max="16383" man="1"/>
    <brk id="140" max="16383" man="1"/>
    <brk id="175" max="16383" man="1"/>
    <brk id="210" max="16383" man="1"/>
    <brk id="245" max="16383" man="1"/>
    <brk id="280" max="16383" man="1"/>
    <brk id="315" max="16383" man="1"/>
    <brk id="350" max="16383" man="1"/>
    <brk id="385" max="16383"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252"/>
  <sheetViews>
    <sheetView showGridLines="0" zoomScale="130" zoomScaleNormal="130" zoomScaleSheetLayoutView="100" zoomScalePageLayoutView="85" workbookViewId="0"/>
  </sheetViews>
  <sheetFormatPr defaultRowHeight="13.5"/>
  <cols>
    <col min="1" max="1" width="7.125" style="569" bestFit="1" customWidth="1"/>
    <col min="2" max="2" width="9.25" style="569" customWidth="1"/>
    <col min="3" max="3" width="11.25" style="569" customWidth="1"/>
    <col min="4" max="4" width="13.5" style="571" customWidth="1"/>
    <col min="5" max="5" width="5.125" style="571" customWidth="1"/>
    <col min="6" max="6" width="6.75" style="572" bestFit="1" customWidth="1"/>
    <col min="7" max="7" width="8" style="573" customWidth="1"/>
    <col min="8" max="8" width="9.375" style="574" customWidth="1"/>
    <col min="9" max="9" width="8.75" style="575" bestFit="1" customWidth="1"/>
    <col min="10" max="16384" width="9" style="569"/>
  </cols>
  <sheetData>
    <row r="1" spans="1:9" s="27" customFormat="1" ht="26.1" customHeight="1">
      <c r="A1" s="96"/>
      <c r="B1" s="172"/>
      <c r="C1" s="172"/>
      <c r="D1" s="172"/>
      <c r="E1" s="173"/>
      <c r="F1" s="90"/>
      <c r="G1" s="174"/>
      <c r="H1" s="175"/>
      <c r="I1" s="89"/>
    </row>
    <row r="2" spans="1:9" s="30" customFormat="1">
      <c r="A2" s="702" t="s">
        <v>1</v>
      </c>
      <c r="B2" s="704" t="s">
        <v>2</v>
      </c>
      <c r="C2" s="704" t="s">
        <v>3</v>
      </c>
      <c r="D2" s="704" t="s">
        <v>4</v>
      </c>
      <c r="E2" s="704" t="s">
        <v>224</v>
      </c>
      <c r="F2" s="706" t="s">
        <v>225</v>
      </c>
      <c r="G2" s="707"/>
      <c r="H2" s="708"/>
      <c r="I2" s="700" t="s">
        <v>7</v>
      </c>
    </row>
    <row r="3" spans="1:9" s="30" customFormat="1">
      <c r="A3" s="703"/>
      <c r="B3" s="705"/>
      <c r="C3" s="705"/>
      <c r="D3" s="705"/>
      <c r="E3" s="705"/>
      <c r="F3" s="546" t="s">
        <v>223</v>
      </c>
      <c r="G3" s="546" t="s">
        <v>5</v>
      </c>
      <c r="H3" s="292" t="s">
        <v>6</v>
      </c>
      <c r="I3" s="701"/>
    </row>
    <row r="4" spans="1:9" s="29" customFormat="1" ht="9.4" customHeight="1">
      <c r="A4" s="378"/>
      <c r="B4" s="371"/>
      <c r="C4" s="371"/>
      <c r="D4" s="371"/>
      <c r="E4" s="379"/>
      <c r="F4" s="81"/>
      <c r="G4" s="135"/>
      <c r="H4" s="135"/>
      <c r="I4" s="156"/>
    </row>
    <row r="5" spans="1:9" s="29" customFormat="1" ht="9.4" customHeight="1">
      <c r="A5" s="97" t="s">
        <v>222</v>
      </c>
      <c r="B5" s="372"/>
      <c r="C5" s="372"/>
      <c r="D5" s="372"/>
      <c r="E5" s="374"/>
      <c r="F5" s="82"/>
      <c r="G5" s="136"/>
      <c r="H5" s="136"/>
      <c r="I5" s="157"/>
    </row>
    <row r="6" spans="1:9" s="28" customFormat="1" ht="9.4" customHeight="1">
      <c r="A6" s="299" t="s">
        <v>368</v>
      </c>
      <c r="B6" s="373"/>
      <c r="C6" s="373"/>
      <c r="D6" s="373"/>
      <c r="E6" s="377"/>
      <c r="F6" s="83"/>
      <c r="G6" s="134"/>
      <c r="H6" s="149"/>
      <c r="I6" s="105"/>
    </row>
    <row r="7" spans="1:9" s="29" customFormat="1" ht="9.4" customHeight="1">
      <c r="A7" s="378"/>
      <c r="B7" s="371"/>
      <c r="C7" s="104"/>
      <c r="D7" s="371"/>
      <c r="E7" s="379"/>
      <c r="F7" s="81"/>
      <c r="G7" s="135"/>
      <c r="H7" s="135"/>
      <c r="I7" s="156"/>
    </row>
    <row r="8" spans="1:9" s="29" customFormat="1" ht="9.4" customHeight="1">
      <c r="A8" s="168"/>
      <c r="B8" s="372"/>
      <c r="C8" s="327"/>
      <c r="D8" s="372" t="s">
        <v>442</v>
      </c>
      <c r="E8" s="374"/>
      <c r="F8" s="82"/>
      <c r="G8" s="136"/>
      <c r="H8" s="136"/>
      <c r="I8" s="157"/>
    </row>
    <row r="9" spans="1:9" s="28" customFormat="1" ht="9.4" customHeight="1">
      <c r="A9" s="169"/>
      <c r="B9" s="373" t="s">
        <v>227</v>
      </c>
      <c r="C9" s="380" t="s">
        <v>440</v>
      </c>
      <c r="D9" s="373" t="s">
        <v>443</v>
      </c>
      <c r="E9" s="377" t="s">
        <v>365</v>
      </c>
      <c r="F9" s="83">
        <v>3</v>
      </c>
      <c r="G9" s="134"/>
      <c r="H9" s="149"/>
      <c r="I9" s="188"/>
    </row>
    <row r="10" spans="1:9" s="29" customFormat="1" ht="9.4" customHeight="1">
      <c r="A10" s="378"/>
      <c r="B10" s="371"/>
      <c r="C10" s="104"/>
      <c r="D10" s="371"/>
      <c r="E10" s="379"/>
      <c r="F10" s="81"/>
      <c r="G10" s="135"/>
      <c r="H10" s="135"/>
      <c r="I10" s="156"/>
    </row>
    <row r="11" spans="1:9" s="29" customFormat="1" ht="9.4" customHeight="1">
      <c r="A11" s="168"/>
      <c r="B11" s="372"/>
      <c r="C11" s="372"/>
      <c r="D11" s="372"/>
      <c r="E11" s="374"/>
      <c r="F11" s="82"/>
      <c r="G11" s="136"/>
      <c r="H11" s="136"/>
      <c r="I11" s="157"/>
    </row>
    <row r="12" spans="1:9" s="28" customFormat="1" ht="9.4" customHeight="1">
      <c r="A12" s="169"/>
      <c r="B12" s="373"/>
      <c r="C12" s="373" t="s">
        <v>441</v>
      </c>
      <c r="D12" s="189" t="s">
        <v>451</v>
      </c>
      <c r="E12" s="377" t="s">
        <v>448</v>
      </c>
      <c r="F12" s="83">
        <v>3</v>
      </c>
      <c r="G12" s="134"/>
      <c r="H12" s="149"/>
      <c r="I12" s="158"/>
    </row>
    <row r="13" spans="1:9" s="29" customFormat="1" ht="9.4" customHeight="1">
      <c r="A13" s="378"/>
      <c r="B13" s="371"/>
      <c r="C13" s="371"/>
      <c r="D13" s="371"/>
      <c r="E13" s="379"/>
      <c r="F13" s="301"/>
      <c r="G13" s="135"/>
      <c r="H13" s="135"/>
      <c r="I13" s="156"/>
    </row>
    <row r="14" spans="1:9" s="29" customFormat="1" ht="9.4" customHeight="1">
      <c r="A14" s="168"/>
      <c r="B14" s="372"/>
      <c r="C14" s="139"/>
      <c r="D14" s="372" t="s">
        <v>445</v>
      </c>
      <c r="E14" s="374"/>
      <c r="F14" s="302"/>
      <c r="G14" s="136"/>
      <c r="H14" s="136"/>
      <c r="I14" s="157"/>
    </row>
    <row r="15" spans="1:9" s="28" customFormat="1" ht="9.4" customHeight="1">
      <c r="A15" s="169"/>
      <c r="B15" s="373"/>
      <c r="C15" s="170" t="s">
        <v>444</v>
      </c>
      <c r="D15" s="373" t="s">
        <v>464</v>
      </c>
      <c r="E15" s="377" t="s">
        <v>447</v>
      </c>
      <c r="F15" s="303">
        <v>3</v>
      </c>
      <c r="G15" s="134"/>
      <c r="H15" s="149"/>
      <c r="I15" s="158"/>
    </row>
    <row r="16" spans="1:9" s="29" customFormat="1" ht="9.4" customHeight="1">
      <c r="A16" s="378"/>
      <c r="B16" s="371"/>
      <c r="C16" s="371"/>
      <c r="D16" s="371"/>
      <c r="E16" s="379"/>
      <c r="F16" s="301"/>
      <c r="G16" s="135"/>
      <c r="H16" s="135"/>
      <c r="I16" s="156"/>
    </row>
    <row r="17" spans="1:9" s="29" customFormat="1" ht="9.4" customHeight="1">
      <c r="A17" s="168"/>
      <c r="B17" s="372"/>
      <c r="C17" s="139" t="s">
        <v>385</v>
      </c>
      <c r="D17" s="372" t="s">
        <v>445</v>
      </c>
      <c r="E17" s="374"/>
      <c r="F17" s="302"/>
      <c r="G17" s="136"/>
      <c r="H17" s="136"/>
      <c r="I17" s="157"/>
    </row>
    <row r="18" spans="1:9" s="28" customFormat="1" ht="9.4" customHeight="1">
      <c r="A18" s="169"/>
      <c r="B18" s="373"/>
      <c r="C18" s="170" t="s">
        <v>446</v>
      </c>
      <c r="D18" s="373" t="s">
        <v>464</v>
      </c>
      <c r="E18" s="377" t="s">
        <v>447</v>
      </c>
      <c r="F18" s="303">
        <v>3</v>
      </c>
      <c r="G18" s="134"/>
      <c r="H18" s="149"/>
      <c r="I18" s="158"/>
    </row>
    <row r="19" spans="1:9" s="29" customFormat="1" ht="9.4" customHeight="1">
      <c r="A19" s="378"/>
      <c r="B19" s="371"/>
      <c r="C19" s="371"/>
      <c r="D19" s="371"/>
      <c r="E19" s="379"/>
      <c r="F19" s="81"/>
      <c r="G19" s="135"/>
      <c r="H19" s="135"/>
      <c r="I19" s="156"/>
    </row>
    <row r="20" spans="1:9" s="29" customFormat="1" ht="9.4" customHeight="1">
      <c r="A20" s="168"/>
      <c r="B20" s="372"/>
      <c r="C20" s="139" t="s">
        <v>385</v>
      </c>
      <c r="D20" s="372"/>
      <c r="E20" s="374"/>
      <c r="F20" s="82"/>
      <c r="G20" s="136"/>
      <c r="H20" s="136"/>
      <c r="I20" s="157"/>
    </row>
    <row r="21" spans="1:9" s="28" customFormat="1" ht="9.4" customHeight="1">
      <c r="A21" s="169"/>
      <c r="B21" s="373"/>
      <c r="C21" s="170" t="s">
        <v>449</v>
      </c>
      <c r="D21" s="372" t="s">
        <v>452</v>
      </c>
      <c r="E21" s="377" t="s">
        <v>398</v>
      </c>
      <c r="F21" s="83">
        <v>1</v>
      </c>
      <c r="G21" s="134"/>
      <c r="H21" s="149"/>
      <c r="I21" s="158"/>
    </row>
    <row r="22" spans="1:9" s="29" customFormat="1" ht="9.4" customHeight="1">
      <c r="A22" s="378"/>
      <c r="B22" s="371"/>
      <c r="C22" s="371"/>
      <c r="D22" s="371"/>
      <c r="E22" s="379"/>
      <c r="F22" s="81"/>
      <c r="G22" s="135"/>
      <c r="H22" s="135"/>
      <c r="I22" s="156"/>
    </row>
    <row r="23" spans="1:9" s="29" customFormat="1" ht="9.4" customHeight="1">
      <c r="A23" s="168"/>
      <c r="B23" s="372"/>
      <c r="C23" s="139"/>
      <c r="D23" s="372" t="s">
        <v>453</v>
      </c>
      <c r="E23" s="374"/>
      <c r="F23" s="82"/>
      <c r="G23" s="136"/>
      <c r="H23" s="136"/>
      <c r="I23" s="157"/>
    </row>
    <row r="24" spans="1:9" s="28" customFormat="1" ht="9.4" customHeight="1">
      <c r="A24" s="169"/>
      <c r="B24" s="103"/>
      <c r="C24" s="170" t="s">
        <v>450</v>
      </c>
      <c r="D24" s="373" t="s">
        <v>454</v>
      </c>
      <c r="E24" s="377" t="s">
        <v>365</v>
      </c>
      <c r="F24" s="83">
        <v>2</v>
      </c>
      <c r="G24" s="134"/>
      <c r="H24" s="149"/>
      <c r="I24" s="158"/>
    </row>
    <row r="25" spans="1:9" s="29" customFormat="1" ht="9.4" customHeight="1">
      <c r="A25" s="378"/>
      <c r="B25" s="371"/>
      <c r="C25" s="104"/>
      <c r="D25" s="371"/>
      <c r="E25" s="379"/>
      <c r="F25" s="81"/>
      <c r="G25" s="135"/>
      <c r="H25" s="135"/>
      <c r="I25" s="156"/>
    </row>
    <row r="26" spans="1:9" s="29" customFormat="1" ht="9.4" customHeight="1">
      <c r="A26" s="168"/>
      <c r="B26" s="372"/>
      <c r="C26" s="372"/>
      <c r="D26" s="372"/>
      <c r="E26" s="374"/>
      <c r="F26" s="82"/>
      <c r="G26" s="136"/>
      <c r="H26" s="136"/>
      <c r="I26" s="157"/>
    </row>
    <row r="27" spans="1:9" s="28" customFormat="1" ht="9.4" customHeight="1">
      <c r="A27" s="169"/>
      <c r="B27" s="373"/>
      <c r="C27" s="373" t="s">
        <v>1652</v>
      </c>
      <c r="D27" s="189"/>
      <c r="E27" s="377" t="s">
        <v>1653</v>
      </c>
      <c r="F27" s="83">
        <v>1</v>
      </c>
      <c r="G27" s="134"/>
      <c r="H27" s="149"/>
      <c r="I27" s="158"/>
    </row>
    <row r="28" spans="1:9" s="29" customFormat="1" ht="9.4" customHeight="1">
      <c r="A28" s="378"/>
      <c r="B28" s="371"/>
      <c r="C28" s="104"/>
      <c r="D28" s="371"/>
      <c r="E28" s="379"/>
      <c r="F28" s="153"/>
      <c r="G28" s="135"/>
      <c r="H28" s="135"/>
      <c r="I28" s="156"/>
    </row>
    <row r="29" spans="1:9" s="29" customFormat="1" ht="9.4" customHeight="1">
      <c r="A29" s="168"/>
      <c r="B29" s="372"/>
      <c r="C29" s="372"/>
      <c r="D29" s="372"/>
      <c r="E29" s="374"/>
      <c r="F29" s="154"/>
      <c r="G29" s="136"/>
      <c r="H29" s="136"/>
      <c r="I29" s="157"/>
    </row>
    <row r="30" spans="1:9" s="28" customFormat="1" ht="9.4" customHeight="1">
      <c r="A30" s="169"/>
      <c r="B30" s="373"/>
      <c r="C30" s="373"/>
      <c r="D30" s="189"/>
      <c r="E30" s="377"/>
      <c r="F30" s="138"/>
      <c r="G30" s="134"/>
      <c r="H30" s="149"/>
      <c r="I30" s="158"/>
    </row>
    <row r="31" spans="1:9" s="29" customFormat="1" ht="9.4" customHeight="1">
      <c r="A31" s="378"/>
      <c r="B31" s="371"/>
      <c r="C31" s="371"/>
      <c r="D31" s="371"/>
      <c r="E31" s="379"/>
      <c r="F31" s="81"/>
      <c r="G31" s="135"/>
      <c r="H31" s="135"/>
      <c r="I31" s="156"/>
    </row>
    <row r="32" spans="1:9" s="29" customFormat="1" ht="9.4" customHeight="1">
      <c r="A32" s="168"/>
      <c r="B32" s="372"/>
      <c r="C32" s="139"/>
      <c r="D32" s="372"/>
      <c r="E32" s="374"/>
      <c r="F32" s="82"/>
      <c r="G32" s="136"/>
      <c r="H32" s="136"/>
      <c r="I32" s="157"/>
    </row>
    <row r="33" spans="1:9" s="28" customFormat="1" ht="9.4" customHeight="1">
      <c r="A33" s="169"/>
      <c r="B33" s="373"/>
      <c r="C33" s="170"/>
      <c r="D33" s="189"/>
      <c r="E33" s="377"/>
      <c r="F33" s="83"/>
      <c r="G33" s="134"/>
      <c r="H33" s="149"/>
      <c r="I33" s="158"/>
    </row>
    <row r="34" spans="1:9" s="29" customFormat="1" ht="9.4" customHeight="1">
      <c r="A34" s="378"/>
      <c r="B34" s="371"/>
      <c r="C34" s="371"/>
      <c r="D34" s="379"/>
      <c r="E34" s="379"/>
      <c r="F34" s="81"/>
      <c r="G34" s="135"/>
      <c r="H34" s="181"/>
      <c r="I34" s="190"/>
    </row>
    <row r="35" spans="1:9" s="29" customFormat="1" ht="9.4" customHeight="1">
      <c r="A35" s="168"/>
      <c r="B35" s="372"/>
      <c r="C35" s="372"/>
      <c r="D35" s="374"/>
      <c r="E35" s="374"/>
      <c r="F35" s="82"/>
      <c r="G35" s="136"/>
      <c r="H35" s="150"/>
      <c r="I35" s="157"/>
    </row>
    <row r="36" spans="1:9" s="28" customFormat="1" ht="9.4" customHeight="1">
      <c r="A36" s="169"/>
      <c r="B36" s="373"/>
      <c r="C36" s="372"/>
      <c r="D36" s="373"/>
      <c r="E36" s="377"/>
      <c r="F36" s="83"/>
      <c r="G36" s="134"/>
      <c r="H36" s="182"/>
      <c r="I36" s="158"/>
    </row>
    <row r="37" spans="1:9" s="29" customFormat="1" ht="9.4" customHeight="1">
      <c r="A37" s="378"/>
      <c r="B37" s="371"/>
      <c r="C37" s="371"/>
      <c r="D37" s="371"/>
      <c r="E37" s="379"/>
      <c r="F37" s="81"/>
      <c r="G37" s="135"/>
      <c r="H37" s="135"/>
      <c r="I37" s="159"/>
    </row>
    <row r="38" spans="1:9" s="29" customFormat="1" ht="9.4" customHeight="1">
      <c r="A38" s="168"/>
      <c r="B38" s="372"/>
      <c r="C38" s="139"/>
      <c r="D38" s="372"/>
      <c r="E38" s="374"/>
      <c r="F38" s="82"/>
      <c r="G38" s="136"/>
      <c r="H38" s="136"/>
      <c r="I38" s="157"/>
    </row>
    <row r="39" spans="1:9" s="28" customFormat="1" ht="9.4" customHeight="1">
      <c r="A39" s="169"/>
      <c r="B39" s="373"/>
      <c r="C39" s="170"/>
      <c r="D39" s="189"/>
      <c r="E39" s="377"/>
      <c r="F39" s="83"/>
      <c r="G39" s="134"/>
      <c r="H39" s="293"/>
      <c r="I39" s="158"/>
    </row>
    <row r="40" spans="1:9" s="29" customFormat="1" ht="9.4" customHeight="1">
      <c r="A40" s="378"/>
      <c r="B40" s="371"/>
      <c r="C40" s="371"/>
      <c r="D40" s="371"/>
      <c r="E40" s="379"/>
      <c r="F40" s="81"/>
      <c r="G40" s="135"/>
      <c r="H40" s="135"/>
      <c r="I40" s="156"/>
    </row>
    <row r="41" spans="1:9" s="29" customFormat="1" ht="9.4" customHeight="1">
      <c r="A41" s="168"/>
      <c r="B41" s="372"/>
      <c r="C41" s="139"/>
      <c r="D41" s="372"/>
      <c r="E41" s="374"/>
      <c r="F41" s="82"/>
      <c r="G41" s="136"/>
      <c r="H41" s="136"/>
      <c r="I41" s="157"/>
    </row>
    <row r="42" spans="1:9" s="28" customFormat="1" ht="9.4" customHeight="1">
      <c r="A42" s="94"/>
      <c r="B42" s="373"/>
      <c r="C42" s="102" t="s">
        <v>10</v>
      </c>
      <c r="D42" s="349"/>
      <c r="E42" s="87"/>
      <c r="F42" s="85"/>
      <c r="G42" s="151"/>
      <c r="H42" s="340"/>
      <c r="I42" s="95"/>
    </row>
    <row r="43" spans="1:9" s="27" customFormat="1" ht="26.1" customHeight="1">
      <c r="A43" s="96"/>
      <c r="B43" s="172"/>
      <c r="C43" s="172" t="s">
        <v>8</v>
      </c>
      <c r="D43" s="172"/>
      <c r="E43" s="173"/>
      <c r="F43" s="174" t="s">
        <v>11</v>
      </c>
      <c r="G43" s="174"/>
      <c r="H43" s="175"/>
      <c r="I43" s="336"/>
    </row>
    <row r="44" spans="1:9" s="30" customFormat="1">
      <c r="A44" s="702" t="s">
        <v>1</v>
      </c>
      <c r="B44" s="704" t="s">
        <v>2</v>
      </c>
      <c r="C44" s="704" t="s">
        <v>3</v>
      </c>
      <c r="D44" s="704" t="s">
        <v>4</v>
      </c>
      <c r="E44" s="704" t="s">
        <v>224</v>
      </c>
      <c r="F44" s="706" t="s">
        <v>225</v>
      </c>
      <c r="G44" s="707"/>
      <c r="H44" s="708"/>
      <c r="I44" s="700" t="s">
        <v>7</v>
      </c>
    </row>
    <row r="45" spans="1:9" s="30" customFormat="1">
      <c r="A45" s="703"/>
      <c r="B45" s="705"/>
      <c r="C45" s="705"/>
      <c r="D45" s="705"/>
      <c r="E45" s="705"/>
      <c r="F45" s="546" t="s">
        <v>223</v>
      </c>
      <c r="G45" s="546" t="s">
        <v>5</v>
      </c>
      <c r="H45" s="292" t="s">
        <v>6</v>
      </c>
      <c r="I45" s="701"/>
    </row>
    <row r="46" spans="1:9" s="29" customFormat="1" ht="9.4" customHeight="1">
      <c r="A46" s="378"/>
      <c r="B46" s="371"/>
      <c r="C46" s="371"/>
      <c r="D46" s="371"/>
      <c r="E46" s="379"/>
      <c r="F46" s="81"/>
      <c r="G46" s="135"/>
      <c r="H46" s="135"/>
      <c r="I46" s="156"/>
    </row>
    <row r="47" spans="1:9" s="29" customFormat="1" ht="9.4" customHeight="1">
      <c r="A47" s="97" t="s">
        <v>222</v>
      </c>
      <c r="B47" s="372"/>
      <c r="C47" s="372"/>
      <c r="D47" s="372"/>
      <c r="E47" s="374"/>
      <c r="F47" s="82"/>
      <c r="G47" s="136"/>
      <c r="H47" s="136"/>
      <c r="I47" s="157"/>
    </row>
    <row r="48" spans="1:9" s="28" customFormat="1" ht="9.4" customHeight="1">
      <c r="A48" s="169" t="s">
        <v>368</v>
      </c>
      <c r="B48" s="373"/>
      <c r="C48" s="373"/>
      <c r="D48" s="373"/>
      <c r="E48" s="377"/>
      <c r="F48" s="83"/>
      <c r="G48" s="134"/>
      <c r="H48" s="149"/>
      <c r="I48" s="105"/>
    </row>
    <row r="49" spans="1:9" s="29" customFormat="1" ht="9.4" customHeight="1">
      <c r="A49" s="378"/>
      <c r="B49" s="371"/>
      <c r="C49" s="104"/>
      <c r="D49" s="104"/>
      <c r="E49" s="379"/>
      <c r="F49" s="81"/>
      <c r="G49" s="135"/>
      <c r="H49" s="135"/>
      <c r="I49" s="156"/>
    </row>
    <row r="50" spans="1:9" s="29" customFormat="1" ht="9.4" customHeight="1">
      <c r="A50" s="168"/>
      <c r="B50" s="372"/>
      <c r="C50" s="139"/>
      <c r="D50" s="139"/>
      <c r="E50" s="374"/>
      <c r="F50" s="82"/>
      <c r="G50" s="136"/>
      <c r="H50" s="136"/>
      <c r="I50" s="157"/>
    </row>
    <row r="51" spans="1:9" s="28" customFormat="1" ht="9.4" customHeight="1">
      <c r="A51" s="169"/>
      <c r="B51" s="373" t="s">
        <v>9</v>
      </c>
      <c r="C51" s="170" t="s">
        <v>370</v>
      </c>
      <c r="D51" s="170" t="s">
        <v>247</v>
      </c>
      <c r="E51" s="377" t="s">
        <v>364</v>
      </c>
      <c r="F51" s="83">
        <v>5</v>
      </c>
      <c r="G51" s="134"/>
      <c r="H51" s="149"/>
      <c r="I51" s="188"/>
    </row>
    <row r="52" spans="1:9" s="29" customFormat="1" ht="9.4" customHeight="1">
      <c r="A52" s="378"/>
      <c r="B52" s="371"/>
      <c r="C52" s="300"/>
      <c r="D52" s="300"/>
      <c r="E52" s="379"/>
      <c r="F52" s="81"/>
      <c r="G52" s="135"/>
      <c r="H52" s="135"/>
      <c r="I52" s="156"/>
    </row>
    <row r="53" spans="1:9" s="29" customFormat="1" ht="9.4" customHeight="1">
      <c r="A53" s="168"/>
      <c r="B53" s="372"/>
      <c r="C53" s="193"/>
      <c r="D53" s="193"/>
      <c r="E53" s="374"/>
      <c r="F53" s="82"/>
      <c r="G53" s="136"/>
      <c r="H53" s="136"/>
      <c r="I53" s="157"/>
    </row>
    <row r="54" spans="1:9" s="28" customFormat="1" ht="9.4" customHeight="1">
      <c r="A54" s="169"/>
      <c r="B54" s="373"/>
      <c r="C54" s="376"/>
      <c r="D54" s="376" t="s">
        <v>313</v>
      </c>
      <c r="E54" s="377" t="s">
        <v>364</v>
      </c>
      <c r="F54" s="83">
        <v>6</v>
      </c>
      <c r="G54" s="134"/>
      <c r="H54" s="149"/>
      <c r="I54" s="158"/>
    </row>
    <row r="55" spans="1:9" s="29" customFormat="1" ht="9.4" customHeight="1">
      <c r="A55" s="378"/>
      <c r="B55" s="371"/>
      <c r="C55" s="300"/>
      <c r="D55" s="300"/>
      <c r="E55" s="379"/>
      <c r="F55" s="81"/>
      <c r="G55" s="135"/>
      <c r="H55" s="135"/>
      <c r="I55" s="156"/>
    </row>
    <row r="56" spans="1:9" s="29" customFormat="1" ht="9.4" customHeight="1">
      <c r="A56" s="168"/>
      <c r="B56" s="372"/>
      <c r="C56" s="193"/>
      <c r="D56" s="193"/>
      <c r="E56" s="374"/>
      <c r="F56" s="82"/>
      <c r="G56" s="136"/>
      <c r="H56" s="136"/>
      <c r="I56" s="157"/>
    </row>
    <row r="57" spans="1:9" s="28" customFormat="1" ht="9.4" customHeight="1">
      <c r="A57" s="169"/>
      <c r="B57" s="103"/>
      <c r="C57" s="376"/>
      <c r="D57" s="376" t="s">
        <v>250</v>
      </c>
      <c r="E57" s="377" t="s">
        <v>364</v>
      </c>
      <c r="F57" s="83">
        <v>8</v>
      </c>
      <c r="G57" s="134"/>
      <c r="H57" s="149"/>
      <c r="I57" s="158"/>
    </row>
    <row r="58" spans="1:9" s="29" customFormat="1" ht="9.4" customHeight="1">
      <c r="A58" s="378"/>
      <c r="B58" s="371"/>
      <c r="C58" s="300"/>
      <c r="D58" s="300"/>
      <c r="E58" s="379"/>
      <c r="F58" s="81"/>
      <c r="G58" s="135"/>
      <c r="H58" s="135"/>
      <c r="I58" s="156"/>
    </row>
    <row r="59" spans="1:9" s="29" customFormat="1" ht="9.4" customHeight="1">
      <c r="A59" s="168"/>
      <c r="B59" s="372"/>
      <c r="C59" s="193"/>
      <c r="D59" s="193"/>
      <c r="E59" s="374"/>
      <c r="F59" s="82"/>
      <c r="G59" s="136"/>
      <c r="H59" s="136"/>
      <c r="I59" s="157"/>
    </row>
    <row r="60" spans="1:9" s="28" customFormat="1" ht="9.4" customHeight="1">
      <c r="A60" s="169"/>
      <c r="B60" s="373"/>
      <c r="C60" s="376"/>
      <c r="D60" s="376" t="s">
        <v>251</v>
      </c>
      <c r="E60" s="377" t="s">
        <v>364</v>
      </c>
      <c r="F60" s="83">
        <v>1</v>
      </c>
      <c r="G60" s="134"/>
      <c r="H60" s="149"/>
      <c r="I60" s="158"/>
    </row>
    <row r="61" spans="1:9" s="29" customFormat="1" ht="9.4" customHeight="1">
      <c r="A61" s="378"/>
      <c r="B61" s="371"/>
      <c r="C61" s="300"/>
      <c r="D61" s="300"/>
      <c r="E61" s="379"/>
      <c r="F61" s="81"/>
      <c r="G61" s="135"/>
      <c r="H61" s="135"/>
      <c r="I61" s="156"/>
    </row>
    <row r="62" spans="1:9" s="29" customFormat="1" ht="9.4" customHeight="1">
      <c r="A62" s="168"/>
      <c r="B62" s="372"/>
      <c r="C62" s="139"/>
      <c r="D62" s="139"/>
      <c r="E62" s="374"/>
      <c r="F62" s="82"/>
      <c r="G62" s="136"/>
      <c r="H62" s="136"/>
      <c r="I62" s="157"/>
    </row>
    <row r="63" spans="1:9" s="28" customFormat="1" ht="9.4" customHeight="1">
      <c r="A63" s="169"/>
      <c r="B63" s="373"/>
      <c r="C63" s="170" t="s">
        <v>371</v>
      </c>
      <c r="D63" s="170" t="s">
        <v>250</v>
      </c>
      <c r="E63" s="377" t="s">
        <v>364</v>
      </c>
      <c r="F63" s="83">
        <v>1</v>
      </c>
      <c r="G63" s="134"/>
      <c r="H63" s="149"/>
      <c r="I63" s="158"/>
    </row>
    <row r="64" spans="1:9" s="29" customFormat="1" ht="9.4" customHeight="1">
      <c r="A64" s="378"/>
      <c r="B64" s="371"/>
      <c r="C64" s="300"/>
      <c r="D64" s="300"/>
      <c r="E64" s="379"/>
      <c r="F64" s="81"/>
      <c r="G64" s="135"/>
      <c r="H64" s="135"/>
      <c r="I64" s="156"/>
    </row>
    <row r="65" spans="1:9" s="29" customFormat="1" ht="9.4" customHeight="1">
      <c r="A65" s="168"/>
      <c r="B65" s="372"/>
      <c r="C65" s="193"/>
      <c r="D65" s="193"/>
      <c r="E65" s="374"/>
      <c r="F65" s="82"/>
      <c r="G65" s="136"/>
      <c r="H65" s="136"/>
      <c r="I65" s="157"/>
    </row>
    <row r="66" spans="1:9" s="28" customFormat="1" ht="9.4" customHeight="1">
      <c r="A66" s="169"/>
      <c r="B66" s="373"/>
      <c r="C66" s="376"/>
      <c r="D66" s="376" t="s">
        <v>254</v>
      </c>
      <c r="E66" s="377" t="s">
        <v>364</v>
      </c>
      <c r="F66" s="83">
        <v>12</v>
      </c>
      <c r="G66" s="134"/>
      <c r="H66" s="149"/>
      <c r="I66" s="158"/>
    </row>
    <row r="67" spans="1:9" s="29" customFormat="1" ht="9.4" customHeight="1">
      <c r="A67" s="378"/>
      <c r="B67" s="371"/>
      <c r="C67" s="300"/>
      <c r="D67" s="300"/>
      <c r="E67" s="379"/>
      <c r="F67" s="81"/>
      <c r="G67" s="135"/>
      <c r="H67" s="135"/>
      <c r="I67" s="156"/>
    </row>
    <row r="68" spans="1:9" s="29" customFormat="1" ht="9.4" customHeight="1">
      <c r="A68" s="168"/>
      <c r="B68" s="372"/>
      <c r="C68" s="193"/>
      <c r="D68" s="193"/>
      <c r="E68" s="374"/>
      <c r="F68" s="82"/>
      <c r="G68" s="136"/>
      <c r="H68" s="136"/>
      <c r="I68" s="157"/>
    </row>
    <row r="69" spans="1:9" s="28" customFormat="1" ht="9.4" customHeight="1">
      <c r="A69" s="169"/>
      <c r="B69" s="373"/>
      <c r="C69" s="376"/>
      <c r="D69" s="376" t="s">
        <v>255</v>
      </c>
      <c r="E69" s="377" t="s">
        <v>364</v>
      </c>
      <c r="F69" s="83">
        <v>13</v>
      </c>
      <c r="G69" s="134"/>
      <c r="H69" s="149"/>
      <c r="I69" s="158"/>
    </row>
    <row r="70" spans="1:9" s="29" customFormat="1" ht="9.4" customHeight="1">
      <c r="A70" s="378"/>
      <c r="B70" s="371"/>
      <c r="C70" s="300"/>
      <c r="D70" s="300"/>
      <c r="E70" s="379"/>
      <c r="F70" s="81"/>
      <c r="G70" s="135"/>
      <c r="H70" s="135"/>
      <c r="I70" s="156"/>
    </row>
    <row r="71" spans="1:9" s="29" customFormat="1" ht="9.4" customHeight="1">
      <c r="A71" s="168"/>
      <c r="B71" s="372"/>
      <c r="C71" s="193"/>
      <c r="D71" s="193"/>
      <c r="E71" s="374"/>
      <c r="F71" s="82"/>
      <c r="G71" s="136"/>
      <c r="H71" s="136"/>
      <c r="I71" s="157"/>
    </row>
    <row r="72" spans="1:9" s="28" customFormat="1" ht="9.4" customHeight="1">
      <c r="A72" s="169"/>
      <c r="B72" s="373"/>
      <c r="C72" s="376"/>
      <c r="D72" s="376" t="s">
        <v>256</v>
      </c>
      <c r="E72" s="377" t="s">
        <v>364</v>
      </c>
      <c r="F72" s="83">
        <v>1</v>
      </c>
      <c r="G72" s="134"/>
      <c r="H72" s="149"/>
      <c r="I72" s="158"/>
    </row>
    <row r="73" spans="1:9" s="29" customFormat="1" ht="9.4" customHeight="1">
      <c r="A73" s="378"/>
      <c r="B73" s="371"/>
      <c r="C73" s="371"/>
      <c r="D73" s="379"/>
      <c r="E73" s="379"/>
      <c r="F73" s="81"/>
      <c r="G73" s="135"/>
      <c r="H73" s="181"/>
      <c r="I73" s="156"/>
    </row>
    <row r="74" spans="1:9" s="29" customFormat="1" ht="9.4" customHeight="1">
      <c r="A74" s="168"/>
      <c r="B74" s="372"/>
      <c r="C74" s="372"/>
      <c r="D74" s="374"/>
      <c r="E74" s="374"/>
      <c r="F74" s="82"/>
      <c r="G74" s="136"/>
      <c r="H74" s="150"/>
      <c r="I74" s="157"/>
    </row>
    <row r="75" spans="1:9" s="28" customFormat="1" ht="9.4" customHeight="1">
      <c r="A75" s="169"/>
      <c r="B75" s="373"/>
      <c r="C75" s="372"/>
      <c r="D75" s="373"/>
      <c r="E75" s="377"/>
      <c r="F75" s="83"/>
      <c r="G75" s="134"/>
      <c r="H75" s="182"/>
      <c r="I75" s="158"/>
    </row>
    <row r="76" spans="1:9" s="29" customFormat="1" ht="9.4" customHeight="1">
      <c r="A76" s="378"/>
      <c r="B76" s="371"/>
      <c r="C76" s="371"/>
      <c r="D76" s="379"/>
      <c r="E76" s="379"/>
      <c r="F76" s="81"/>
      <c r="G76" s="135"/>
      <c r="H76" s="181"/>
      <c r="I76" s="190"/>
    </row>
    <row r="77" spans="1:9" s="29" customFormat="1" ht="9.4" customHeight="1">
      <c r="A77" s="168"/>
      <c r="B77" s="372"/>
      <c r="C77" s="372"/>
      <c r="D77" s="374"/>
      <c r="E77" s="374"/>
      <c r="F77" s="82"/>
      <c r="G77" s="136"/>
      <c r="H77" s="150"/>
      <c r="I77" s="157"/>
    </row>
    <row r="78" spans="1:9" s="28" customFormat="1" ht="9.4" customHeight="1">
      <c r="A78" s="169"/>
      <c r="B78" s="373"/>
      <c r="C78" s="372"/>
      <c r="D78" s="373"/>
      <c r="E78" s="377"/>
      <c r="F78" s="83"/>
      <c r="G78" s="134"/>
      <c r="H78" s="182"/>
      <c r="I78" s="158"/>
    </row>
    <row r="79" spans="1:9" s="29" customFormat="1" ht="9.4" customHeight="1">
      <c r="A79" s="378"/>
      <c r="B79" s="371"/>
      <c r="C79" s="371"/>
      <c r="D79" s="371"/>
      <c r="E79" s="379"/>
      <c r="F79" s="81"/>
      <c r="G79" s="135"/>
      <c r="H79" s="135"/>
      <c r="I79" s="156"/>
    </row>
    <row r="80" spans="1:9" s="29" customFormat="1" ht="9.4" customHeight="1">
      <c r="A80" s="168"/>
      <c r="B80" s="372"/>
      <c r="C80" s="139"/>
      <c r="D80" s="372"/>
      <c r="E80" s="374"/>
      <c r="F80" s="82"/>
      <c r="G80" s="136"/>
      <c r="H80" s="136"/>
      <c r="I80" s="157"/>
    </row>
    <row r="81" spans="1:9" s="28" customFormat="1" ht="9.4" customHeight="1">
      <c r="A81" s="169"/>
      <c r="B81" s="373"/>
      <c r="C81" s="170"/>
      <c r="D81" s="189"/>
      <c r="E81" s="377"/>
      <c r="F81" s="83"/>
      <c r="G81" s="134"/>
      <c r="H81" s="149"/>
      <c r="I81" s="105"/>
    </row>
    <row r="82" spans="1:9" s="29" customFormat="1" ht="9.4" customHeight="1">
      <c r="A82" s="378"/>
      <c r="B82" s="371"/>
      <c r="C82" s="371"/>
      <c r="D82" s="371"/>
      <c r="E82" s="379"/>
      <c r="F82" s="81"/>
      <c r="G82" s="135"/>
      <c r="H82" s="135"/>
      <c r="I82" s="156"/>
    </row>
    <row r="83" spans="1:9" s="29" customFormat="1" ht="9.4" customHeight="1">
      <c r="A83" s="168"/>
      <c r="B83" s="372"/>
      <c r="C83" s="139"/>
      <c r="D83" s="372"/>
      <c r="E83" s="374"/>
      <c r="F83" s="82"/>
      <c r="G83" s="136"/>
      <c r="H83" s="136"/>
      <c r="I83" s="157"/>
    </row>
    <row r="84" spans="1:9" s="28" customFormat="1" ht="9.4" customHeight="1">
      <c r="A84" s="94"/>
      <c r="B84" s="161"/>
      <c r="C84" s="102" t="s">
        <v>10</v>
      </c>
      <c r="D84" s="349"/>
      <c r="E84" s="87"/>
      <c r="F84" s="85"/>
      <c r="G84" s="151"/>
      <c r="H84" s="183"/>
      <c r="I84" s="95"/>
    </row>
    <row r="85" spans="1:9" s="27" customFormat="1" ht="26.1" customHeight="1">
      <c r="A85" s="96"/>
      <c r="B85" s="172"/>
      <c r="C85" s="172"/>
      <c r="D85" s="172"/>
      <c r="E85" s="173"/>
      <c r="F85" s="90"/>
      <c r="G85" s="174"/>
      <c r="H85" s="175"/>
      <c r="I85" s="89"/>
    </row>
    <row r="86" spans="1:9" s="30" customFormat="1">
      <c r="A86" s="702" t="s">
        <v>1</v>
      </c>
      <c r="B86" s="704" t="s">
        <v>2</v>
      </c>
      <c r="C86" s="704" t="s">
        <v>3</v>
      </c>
      <c r="D86" s="704" t="s">
        <v>4</v>
      </c>
      <c r="E86" s="704" t="s">
        <v>224</v>
      </c>
      <c r="F86" s="706" t="s">
        <v>225</v>
      </c>
      <c r="G86" s="707"/>
      <c r="H86" s="708"/>
      <c r="I86" s="700" t="s">
        <v>7</v>
      </c>
    </row>
    <row r="87" spans="1:9" s="30" customFormat="1">
      <c r="A87" s="703"/>
      <c r="B87" s="705"/>
      <c r="C87" s="705"/>
      <c r="D87" s="705"/>
      <c r="E87" s="705"/>
      <c r="F87" s="546" t="s">
        <v>223</v>
      </c>
      <c r="G87" s="546" t="s">
        <v>5</v>
      </c>
      <c r="H87" s="292" t="s">
        <v>6</v>
      </c>
      <c r="I87" s="701"/>
    </row>
    <row r="88" spans="1:9" s="75" customFormat="1" ht="9.4" customHeight="1">
      <c r="A88" s="378"/>
      <c r="B88" s="371"/>
      <c r="C88" s="371"/>
      <c r="D88" s="371"/>
      <c r="E88" s="379"/>
      <c r="F88" s="81"/>
      <c r="G88" s="135"/>
      <c r="H88" s="135"/>
      <c r="I88" s="159"/>
    </row>
    <row r="89" spans="1:9" s="75" customFormat="1" ht="9" customHeight="1">
      <c r="A89" s="97" t="s">
        <v>222</v>
      </c>
      <c r="B89" s="372"/>
      <c r="C89" s="139"/>
      <c r="D89" s="372"/>
      <c r="E89" s="374"/>
      <c r="F89" s="82"/>
      <c r="G89" s="136"/>
      <c r="H89" s="375"/>
      <c r="I89" s="79"/>
    </row>
    <row r="90" spans="1:9" s="76" customFormat="1" ht="9.4" customHeight="1">
      <c r="A90" s="169" t="s">
        <v>368</v>
      </c>
      <c r="B90" s="373"/>
      <c r="C90" s="170"/>
      <c r="D90" s="373"/>
      <c r="E90" s="377"/>
      <c r="F90" s="83"/>
      <c r="G90" s="134"/>
      <c r="H90" s="166"/>
      <c r="I90" s="158"/>
    </row>
    <row r="91" spans="1:9" s="75" customFormat="1" ht="9.4" customHeight="1">
      <c r="A91" s="378"/>
      <c r="B91" s="371"/>
      <c r="C91" s="371"/>
      <c r="D91" s="371"/>
      <c r="E91" s="379"/>
      <c r="F91" s="301"/>
      <c r="G91" s="301"/>
      <c r="H91" s="301"/>
      <c r="I91" s="159"/>
    </row>
    <row r="92" spans="1:9" s="75" customFormat="1" ht="9" customHeight="1">
      <c r="A92" s="168"/>
      <c r="B92" s="372"/>
      <c r="C92" s="139"/>
      <c r="D92" s="372"/>
      <c r="E92" s="374"/>
      <c r="F92" s="302"/>
      <c r="G92" s="302"/>
      <c r="H92" s="302"/>
      <c r="I92" s="79"/>
    </row>
    <row r="93" spans="1:9" s="76" customFormat="1" ht="9.4" customHeight="1">
      <c r="A93" s="169"/>
      <c r="B93" s="373" t="s">
        <v>362</v>
      </c>
      <c r="C93" s="170"/>
      <c r="D93" s="373"/>
      <c r="E93" s="377"/>
      <c r="F93" s="303"/>
      <c r="G93" s="303"/>
      <c r="H93" s="304"/>
      <c r="I93" s="158"/>
    </row>
    <row r="94" spans="1:9" s="76" customFormat="1" ht="9.4" customHeight="1">
      <c r="A94" s="147"/>
      <c r="B94" s="146"/>
      <c r="C94" s="371"/>
      <c r="D94" s="371"/>
      <c r="E94" s="379"/>
      <c r="F94" s="301"/>
      <c r="G94" s="301"/>
      <c r="H94" s="301"/>
      <c r="I94" s="159"/>
    </row>
    <row r="95" spans="1:9" s="76" customFormat="1" ht="9.4" customHeight="1">
      <c r="A95" s="147"/>
      <c r="B95" s="146"/>
      <c r="C95" s="139"/>
      <c r="D95" s="372" t="s">
        <v>235</v>
      </c>
      <c r="E95" s="374"/>
      <c r="F95" s="302"/>
      <c r="G95" s="302"/>
      <c r="H95" s="305"/>
      <c r="I95" s="79"/>
    </row>
    <row r="96" spans="1:9" s="76" customFormat="1" ht="9.4" customHeight="1">
      <c r="A96" s="147"/>
      <c r="B96" s="146"/>
      <c r="C96" s="170" t="s">
        <v>238</v>
      </c>
      <c r="D96" s="373" t="s">
        <v>239</v>
      </c>
      <c r="E96" s="377" t="s">
        <v>240</v>
      </c>
      <c r="F96" s="383">
        <v>2.9</v>
      </c>
      <c r="G96" s="303"/>
      <c r="H96" s="304"/>
      <c r="I96" s="158"/>
    </row>
    <row r="97" spans="1:9" s="75" customFormat="1" ht="9.4" customHeight="1">
      <c r="A97" s="378"/>
      <c r="B97" s="371"/>
      <c r="C97" s="371"/>
      <c r="D97" s="371"/>
      <c r="E97" s="379"/>
      <c r="F97" s="82"/>
      <c r="G97" s="136"/>
      <c r="H97" s="136"/>
      <c r="I97" s="159"/>
    </row>
    <row r="98" spans="1:9" s="75" customFormat="1" ht="9" customHeight="1">
      <c r="A98" s="168"/>
      <c r="B98" s="372"/>
      <c r="C98" s="139"/>
      <c r="D98" s="372"/>
      <c r="E98" s="374"/>
      <c r="F98" s="82"/>
      <c r="G98" s="136"/>
      <c r="H98" s="375"/>
      <c r="I98" s="79"/>
    </row>
    <row r="99" spans="1:9" s="76" customFormat="1" ht="9.4" customHeight="1">
      <c r="A99" s="169"/>
      <c r="B99" s="103"/>
      <c r="C99" s="170" t="s">
        <v>241</v>
      </c>
      <c r="D99" s="373"/>
      <c r="E99" s="377" t="s">
        <v>242</v>
      </c>
      <c r="F99" s="92">
        <v>1</v>
      </c>
      <c r="G99" s="145"/>
      <c r="H99" s="308"/>
      <c r="I99" s="158"/>
    </row>
    <row r="100" spans="1:9" s="75" customFormat="1" ht="9.4" customHeight="1">
      <c r="A100" s="378"/>
      <c r="B100" s="371"/>
      <c r="C100" s="371"/>
      <c r="D100" s="371"/>
      <c r="E100" s="379"/>
      <c r="F100" s="81"/>
      <c r="G100" s="135"/>
      <c r="H100" s="135"/>
      <c r="I100" s="159"/>
    </row>
    <row r="101" spans="1:9" s="75" customFormat="1" ht="9" customHeight="1">
      <c r="A101" s="168"/>
      <c r="B101" s="372"/>
      <c r="C101" s="139"/>
      <c r="D101" s="372" t="s">
        <v>243</v>
      </c>
      <c r="E101" s="374"/>
      <c r="F101" s="82"/>
      <c r="G101" s="136"/>
      <c r="H101" s="375"/>
      <c r="I101" s="79"/>
    </row>
    <row r="102" spans="1:9" s="76" customFormat="1" ht="9.4" customHeight="1">
      <c r="A102" s="169"/>
      <c r="B102" s="373"/>
      <c r="C102" s="170" t="s">
        <v>244</v>
      </c>
      <c r="D102" s="373" t="s">
        <v>245</v>
      </c>
      <c r="E102" s="377" t="s">
        <v>246</v>
      </c>
      <c r="F102" s="83">
        <v>1</v>
      </c>
      <c r="G102" s="134"/>
      <c r="H102" s="304"/>
      <c r="I102" s="158"/>
    </row>
    <row r="103" spans="1:9" s="75" customFormat="1" ht="9.4" customHeight="1">
      <c r="A103" s="378"/>
      <c r="B103" s="371"/>
      <c r="C103" s="371"/>
      <c r="D103" s="371"/>
      <c r="E103" s="379"/>
      <c r="F103" s="81"/>
      <c r="G103" s="135"/>
      <c r="H103" s="135"/>
      <c r="I103" s="159"/>
    </row>
    <row r="104" spans="1:9" s="75" customFormat="1" ht="9" customHeight="1">
      <c r="A104" s="168"/>
      <c r="B104" s="374"/>
      <c r="C104" s="139"/>
      <c r="D104" s="372"/>
      <c r="E104" s="374"/>
      <c r="F104" s="82"/>
      <c r="G104" s="136"/>
      <c r="H104" s="375"/>
      <c r="I104" s="79"/>
    </row>
    <row r="105" spans="1:9" s="76" customFormat="1" ht="9.4" customHeight="1">
      <c r="A105" s="169"/>
      <c r="B105" s="373"/>
      <c r="C105" s="170"/>
      <c r="D105" s="373"/>
      <c r="E105" s="377"/>
      <c r="F105" s="83"/>
      <c r="G105" s="134"/>
      <c r="H105" s="304"/>
      <c r="I105" s="158"/>
    </row>
    <row r="106" spans="1:9" s="75" customFormat="1" ht="9.4" customHeight="1">
      <c r="A106" s="378"/>
      <c r="B106" s="371"/>
      <c r="C106" s="371"/>
      <c r="D106" s="371"/>
      <c r="E106" s="379"/>
      <c r="F106" s="81"/>
      <c r="G106" s="135"/>
      <c r="H106" s="135"/>
      <c r="I106" s="159"/>
    </row>
    <row r="107" spans="1:9" s="75" customFormat="1" ht="9.4" customHeight="1">
      <c r="A107" s="168"/>
      <c r="B107" s="372"/>
      <c r="C107" s="139"/>
      <c r="D107" s="372"/>
      <c r="E107" s="374"/>
      <c r="F107" s="82"/>
      <c r="G107" s="136"/>
      <c r="H107" s="375"/>
      <c r="I107" s="79"/>
    </row>
    <row r="108" spans="1:9" s="76" customFormat="1" ht="9.4" customHeight="1">
      <c r="A108" s="147"/>
      <c r="B108" s="146"/>
      <c r="C108" s="170"/>
      <c r="D108" s="373"/>
      <c r="E108" s="377"/>
      <c r="F108" s="83"/>
      <c r="G108" s="134"/>
      <c r="H108" s="166"/>
      <c r="I108" s="158"/>
    </row>
    <row r="109" spans="1:9" s="75" customFormat="1" ht="9.4" customHeight="1">
      <c r="A109" s="378"/>
      <c r="B109" s="371"/>
      <c r="C109" s="371"/>
      <c r="D109" s="371"/>
      <c r="E109" s="379"/>
      <c r="F109" s="81"/>
      <c r="G109" s="135"/>
      <c r="H109" s="135"/>
      <c r="I109" s="159"/>
    </row>
    <row r="110" spans="1:9" s="75" customFormat="1" ht="9.4" customHeight="1">
      <c r="A110" s="168"/>
      <c r="B110" s="374"/>
      <c r="C110" s="139"/>
      <c r="D110" s="372"/>
      <c r="E110" s="374"/>
      <c r="F110" s="82"/>
      <c r="G110" s="136"/>
      <c r="H110" s="375"/>
      <c r="I110" s="79"/>
    </row>
    <row r="111" spans="1:9" s="76" customFormat="1" ht="9.4" customHeight="1">
      <c r="A111" s="169"/>
      <c r="B111" s="163"/>
      <c r="C111" s="170"/>
      <c r="D111" s="373"/>
      <c r="E111" s="377"/>
      <c r="F111" s="83"/>
      <c r="G111" s="134"/>
      <c r="H111" s="166"/>
      <c r="I111" s="158"/>
    </row>
    <row r="112" spans="1:9" s="75" customFormat="1" ht="9.4" customHeight="1">
      <c r="A112" s="147"/>
      <c r="B112" s="146"/>
      <c r="C112" s="372"/>
      <c r="D112" s="371"/>
      <c r="E112" s="379"/>
      <c r="F112" s="82"/>
      <c r="G112" s="136"/>
      <c r="H112" s="135"/>
      <c r="I112" s="159"/>
    </row>
    <row r="113" spans="1:9" s="75" customFormat="1" ht="9.4" customHeight="1">
      <c r="A113" s="147"/>
      <c r="B113" s="146"/>
      <c r="C113" s="139"/>
      <c r="D113" s="372"/>
      <c r="E113" s="374"/>
      <c r="F113" s="82"/>
      <c r="G113" s="136"/>
      <c r="H113" s="375"/>
      <c r="I113" s="79"/>
    </row>
    <row r="114" spans="1:9" s="76" customFormat="1" ht="9.4" customHeight="1">
      <c r="A114" s="147"/>
      <c r="B114" s="146"/>
      <c r="C114" s="177"/>
      <c r="D114" s="373"/>
      <c r="E114" s="377"/>
      <c r="F114" s="83"/>
      <c r="G114" s="134"/>
      <c r="H114" s="166"/>
      <c r="I114" s="158"/>
    </row>
    <row r="115" spans="1:9" s="75" customFormat="1" ht="9.4" customHeight="1">
      <c r="A115" s="378"/>
      <c r="B115" s="371"/>
      <c r="C115" s="372"/>
      <c r="D115" s="371"/>
      <c r="E115" s="379"/>
      <c r="F115" s="82"/>
      <c r="G115" s="136"/>
      <c r="H115" s="135"/>
      <c r="I115" s="159"/>
    </row>
    <row r="116" spans="1:9" s="75" customFormat="1" ht="9" customHeight="1">
      <c r="A116" s="168"/>
      <c r="B116" s="372"/>
      <c r="C116" s="139"/>
      <c r="D116" s="372"/>
      <c r="E116" s="374"/>
      <c r="F116" s="82"/>
      <c r="G116" s="136"/>
      <c r="H116" s="375"/>
      <c r="I116" s="79"/>
    </row>
    <row r="117" spans="1:9" s="76" customFormat="1" ht="9.4" customHeight="1">
      <c r="A117" s="169"/>
      <c r="B117" s="373"/>
      <c r="C117" s="177"/>
      <c r="D117" s="373"/>
      <c r="E117" s="377"/>
      <c r="F117" s="83"/>
      <c r="G117" s="134"/>
      <c r="H117" s="166"/>
      <c r="I117" s="158"/>
    </row>
    <row r="118" spans="1:9" s="75" customFormat="1" ht="9.4" customHeight="1">
      <c r="A118" s="378"/>
      <c r="B118" s="371"/>
      <c r="C118" s="371"/>
      <c r="D118" s="371"/>
      <c r="E118" s="379"/>
      <c r="F118" s="81"/>
      <c r="G118" s="135"/>
      <c r="H118" s="135"/>
      <c r="I118" s="159"/>
    </row>
    <row r="119" spans="1:9" s="75" customFormat="1" ht="9" customHeight="1">
      <c r="A119" s="168"/>
      <c r="B119" s="372"/>
      <c r="C119" s="139"/>
      <c r="D119" s="372"/>
      <c r="E119" s="374"/>
      <c r="F119" s="82"/>
      <c r="G119" s="136"/>
      <c r="H119" s="375"/>
      <c r="I119" s="79"/>
    </row>
    <row r="120" spans="1:9" s="76" customFormat="1" ht="9.4" customHeight="1">
      <c r="A120" s="169"/>
      <c r="B120" s="373"/>
      <c r="C120" s="170"/>
      <c r="D120" s="373"/>
      <c r="E120" s="377"/>
      <c r="F120" s="192"/>
      <c r="G120" s="134"/>
      <c r="H120" s="166"/>
      <c r="I120" s="158"/>
    </row>
    <row r="121" spans="1:9" s="75" customFormat="1" ht="9.4" customHeight="1">
      <c r="A121" s="378"/>
      <c r="B121" s="372"/>
      <c r="C121" s="371"/>
      <c r="D121" s="371"/>
      <c r="E121" s="379"/>
      <c r="F121" s="81"/>
      <c r="G121" s="135"/>
      <c r="H121" s="135"/>
      <c r="I121" s="159"/>
    </row>
    <row r="122" spans="1:9" s="75" customFormat="1" ht="9" customHeight="1">
      <c r="A122" s="168"/>
      <c r="B122" s="372"/>
      <c r="C122" s="139"/>
      <c r="D122" s="372"/>
      <c r="E122" s="374"/>
      <c r="F122" s="82"/>
      <c r="G122" s="136"/>
      <c r="H122" s="136"/>
      <c r="I122" s="157"/>
    </row>
    <row r="123" spans="1:9" s="76" customFormat="1" ht="9.4" customHeight="1">
      <c r="A123" s="147"/>
      <c r="B123" s="373"/>
      <c r="C123" s="170" t="s">
        <v>10</v>
      </c>
      <c r="D123" s="189"/>
      <c r="E123" s="377"/>
      <c r="F123" s="83"/>
      <c r="G123" s="134"/>
      <c r="H123" s="149"/>
      <c r="I123" s="158"/>
    </row>
    <row r="124" spans="1:9" s="75" customFormat="1" ht="9.4" customHeight="1">
      <c r="A124" s="378"/>
      <c r="B124" s="371"/>
      <c r="C124" s="371"/>
      <c r="D124" s="371"/>
      <c r="E124" s="379"/>
      <c r="F124" s="81"/>
      <c r="G124" s="135"/>
      <c r="H124" s="135"/>
      <c r="I124" s="159"/>
    </row>
    <row r="125" spans="1:9" s="75" customFormat="1" ht="9" customHeight="1">
      <c r="A125" s="168"/>
      <c r="B125" s="372"/>
      <c r="C125" s="139"/>
      <c r="D125" s="372"/>
      <c r="E125" s="374"/>
      <c r="F125" s="82"/>
      <c r="G125" s="136"/>
      <c r="H125" s="150"/>
      <c r="I125" s="185"/>
    </row>
    <row r="126" spans="1:9" s="76" customFormat="1" ht="9" customHeight="1">
      <c r="A126" s="94"/>
      <c r="B126" s="161"/>
      <c r="C126" s="102"/>
      <c r="D126" s="161"/>
      <c r="E126" s="87"/>
      <c r="F126" s="85"/>
      <c r="G126" s="151"/>
      <c r="H126" s="183"/>
      <c r="I126" s="88"/>
    </row>
    <row r="127" spans="1:9" s="27" customFormat="1" ht="26.1" customHeight="1">
      <c r="A127" s="96"/>
      <c r="B127" s="172"/>
      <c r="C127" s="172" t="s">
        <v>8</v>
      </c>
      <c r="D127" s="172"/>
      <c r="E127" s="173"/>
      <c r="F127" s="174" t="s">
        <v>11</v>
      </c>
      <c r="G127" s="174"/>
      <c r="H127" s="175"/>
      <c r="I127" s="336"/>
    </row>
    <row r="128" spans="1:9" s="30" customFormat="1">
      <c r="A128" s="702" t="s">
        <v>1</v>
      </c>
      <c r="B128" s="704" t="s">
        <v>2</v>
      </c>
      <c r="C128" s="704" t="s">
        <v>3</v>
      </c>
      <c r="D128" s="704" t="s">
        <v>4</v>
      </c>
      <c r="E128" s="704" t="s">
        <v>224</v>
      </c>
      <c r="F128" s="706" t="s">
        <v>225</v>
      </c>
      <c r="G128" s="707"/>
      <c r="H128" s="708"/>
      <c r="I128" s="700" t="s">
        <v>7</v>
      </c>
    </row>
    <row r="129" spans="1:9" s="30" customFormat="1">
      <c r="A129" s="703"/>
      <c r="B129" s="705"/>
      <c r="C129" s="705"/>
      <c r="D129" s="705"/>
      <c r="E129" s="705"/>
      <c r="F129" s="306" t="s">
        <v>223</v>
      </c>
      <c r="G129" s="306" t="s">
        <v>5</v>
      </c>
      <c r="H129" s="307" t="s">
        <v>6</v>
      </c>
      <c r="I129" s="701"/>
    </row>
    <row r="130" spans="1:9" s="75" customFormat="1" ht="9.4" customHeight="1">
      <c r="A130" s="378"/>
      <c r="B130" s="371"/>
      <c r="C130" s="371"/>
      <c r="D130" s="371"/>
      <c r="E130" s="379"/>
      <c r="F130" s="81"/>
      <c r="G130" s="135"/>
      <c r="H130" s="135"/>
      <c r="I130" s="159"/>
    </row>
    <row r="131" spans="1:9" s="75" customFormat="1" ht="9" customHeight="1">
      <c r="A131" s="97" t="s">
        <v>222</v>
      </c>
      <c r="B131" s="372"/>
      <c r="C131" s="139"/>
      <c r="D131" s="372"/>
      <c r="E131" s="374"/>
      <c r="F131" s="82"/>
      <c r="G131" s="136"/>
      <c r="H131" s="136"/>
      <c r="I131" s="79"/>
    </row>
    <row r="132" spans="1:9" s="76" customFormat="1" ht="9.4" customHeight="1">
      <c r="A132" s="169" t="s">
        <v>368</v>
      </c>
      <c r="B132" s="373"/>
      <c r="C132" s="170"/>
      <c r="D132" s="191"/>
      <c r="E132" s="377"/>
      <c r="F132" s="83"/>
      <c r="G132" s="134"/>
      <c r="H132" s="149"/>
      <c r="I132" s="158"/>
    </row>
    <row r="133" spans="1:9" s="75" customFormat="1" ht="9.4" customHeight="1">
      <c r="A133" s="378"/>
      <c r="B133" s="372"/>
      <c r="C133" s="371"/>
      <c r="D133" s="371" t="s">
        <v>381</v>
      </c>
      <c r="E133" s="379"/>
      <c r="F133" s="81"/>
      <c r="G133" s="135"/>
      <c r="H133" s="135"/>
      <c r="I133" s="159"/>
    </row>
    <row r="134" spans="1:9" s="75" customFormat="1" ht="9" customHeight="1">
      <c r="A134" s="168"/>
      <c r="B134" s="372"/>
      <c r="C134" s="139"/>
      <c r="D134" s="372" t="s">
        <v>384</v>
      </c>
      <c r="E134" s="374"/>
      <c r="F134" s="82"/>
      <c r="G134" s="136"/>
      <c r="H134" s="136"/>
      <c r="I134" s="79"/>
    </row>
    <row r="135" spans="1:9" s="76" customFormat="1" ht="9.4" customHeight="1">
      <c r="A135" s="169"/>
      <c r="B135" s="373" t="s">
        <v>363</v>
      </c>
      <c r="C135" s="170" t="s">
        <v>252</v>
      </c>
      <c r="D135" s="373" t="s">
        <v>382</v>
      </c>
      <c r="E135" s="377" t="s">
        <v>240</v>
      </c>
      <c r="F135" s="83">
        <v>7.95</v>
      </c>
      <c r="G135" s="134"/>
      <c r="H135" s="149"/>
      <c r="I135" s="158"/>
    </row>
    <row r="136" spans="1:9" s="76" customFormat="1" ht="9.4" customHeight="1">
      <c r="A136" s="147"/>
      <c r="B136" s="146"/>
      <c r="C136" s="371"/>
      <c r="D136" s="371" t="s">
        <v>381</v>
      </c>
      <c r="E136" s="379"/>
      <c r="F136" s="81"/>
      <c r="G136" s="135"/>
      <c r="H136" s="135"/>
      <c r="I136" s="159"/>
    </row>
    <row r="137" spans="1:9" s="76" customFormat="1" ht="9.4" customHeight="1">
      <c r="A137" s="147"/>
      <c r="B137" s="146"/>
      <c r="C137" s="139" t="s">
        <v>380</v>
      </c>
      <c r="D137" s="372" t="s">
        <v>383</v>
      </c>
      <c r="E137" s="374"/>
      <c r="F137" s="82"/>
      <c r="G137" s="136"/>
      <c r="H137" s="136"/>
      <c r="I137" s="79"/>
    </row>
    <row r="138" spans="1:9" s="76" customFormat="1" ht="9.4" customHeight="1">
      <c r="A138" s="147"/>
      <c r="B138" s="146"/>
      <c r="C138" s="170" t="s">
        <v>379</v>
      </c>
      <c r="D138" s="373" t="s">
        <v>382</v>
      </c>
      <c r="E138" s="377" t="s">
        <v>253</v>
      </c>
      <c r="F138" s="83">
        <v>6</v>
      </c>
      <c r="G138" s="134"/>
      <c r="H138" s="149"/>
      <c r="I138" s="158"/>
    </row>
    <row r="139" spans="1:9" s="75" customFormat="1" ht="9.4" customHeight="1">
      <c r="A139" s="378"/>
      <c r="B139" s="371"/>
      <c r="C139" s="371"/>
      <c r="D139" s="371"/>
      <c r="E139" s="379"/>
      <c r="F139" s="81"/>
      <c r="G139" s="135"/>
      <c r="H139" s="135"/>
      <c r="I139" s="159"/>
    </row>
    <row r="140" spans="1:9" s="75" customFormat="1" ht="9.4" customHeight="1">
      <c r="A140" s="168"/>
      <c r="B140" s="372"/>
      <c r="C140" s="372"/>
      <c r="D140" s="139"/>
      <c r="E140" s="372"/>
      <c r="F140" s="374"/>
      <c r="G140" s="82"/>
      <c r="H140" s="136"/>
      <c r="I140" s="79"/>
    </row>
    <row r="141" spans="1:9" s="76" customFormat="1" ht="9.4" customHeight="1">
      <c r="A141" s="147"/>
      <c r="B141" s="163"/>
      <c r="C141" s="373"/>
      <c r="D141" s="170"/>
      <c r="E141" s="377"/>
      <c r="F141" s="373"/>
      <c r="G141" s="134"/>
      <c r="H141" s="149"/>
      <c r="I141" s="158"/>
    </row>
    <row r="142" spans="1:9" s="75" customFormat="1" ht="9.4" customHeight="1">
      <c r="A142" s="378"/>
      <c r="B142" s="142"/>
      <c r="C142" s="371"/>
      <c r="D142" s="371"/>
      <c r="E142" s="379"/>
      <c r="F142" s="81"/>
      <c r="G142" s="135"/>
      <c r="H142" s="135"/>
      <c r="I142" s="159"/>
    </row>
    <row r="143" spans="1:9" s="75" customFormat="1" ht="9.4" customHeight="1">
      <c r="A143" s="168"/>
      <c r="B143" s="143"/>
      <c r="C143" s="139"/>
      <c r="D143" s="372"/>
      <c r="E143" s="374"/>
      <c r="F143" s="82"/>
      <c r="G143" s="136"/>
      <c r="H143" s="136"/>
      <c r="I143" s="79"/>
    </row>
    <row r="144" spans="1:9" s="76" customFormat="1" ht="9.4" customHeight="1">
      <c r="A144" s="169"/>
      <c r="B144" s="144"/>
      <c r="C144" s="170" t="s">
        <v>260</v>
      </c>
      <c r="D144" s="191"/>
      <c r="E144" s="377" t="s">
        <v>194</v>
      </c>
      <c r="F144" s="83">
        <v>5.78</v>
      </c>
      <c r="G144" s="134"/>
      <c r="H144" s="149"/>
      <c r="I144" s="158"/>
    </row>
    <row r="145" spans="1:9" s="75" customFormat="1" ht="9.4" customHeight="1">
      <c r="A145" s="148"/>
      <c r="B145" s="118"/>
      <c r="C145" s="371"/>
      <c r="D145" s="371"/>
      <c r="E145" s="379"/>
      <c r="F145" s="81"/>
      <c r="G145" s="135"/>
      <c r="H145" s="135"/>
      <c r="I145" s="159"/>
    </row>
    <row r="146" spans="1:9" s="75" customFormat="1" ht="9.4" customHeight="1">
      <c r="A146" s="164"/>
      <c r="B146" s="137"/>
      <c r="C146" s="139"/>
      <c r="D146" s="372"/>
      <c r="E146" s="374"/>
      <c r="F146" s="82"/>
      <c r="G146" s="136"/>
      <c r="H146" s="136"/>
      <c r="I146" s="79"/>
    </row>
    <row r="147" spans="1:9" s="76" customFormat="1" ht="9.4" customHeight="1">
      <c r="A147" s="165"/>
      <c r="B147" s="120"/>
      <c r="C147" s="170" t="s">
        <v>261</v>
      </c>
      <c r="D147" s="373"/>
      <c r="E147" s="377" t="s">
        <v>193</v>
      </c>
      <c r="F147" s="83">
        <v>0.84</v>
      </c>
      <c r="G147" s="134"/>
      <c r="H147" s="149"/>
      <c r="I147" s="158"/>
    </row>
    <row r="148" spans="1:9" s="75" customFormat="1" ht="9.4" customHeight="1">
      <c r="A148" s="148"/>
      <c r="B148" s="118"/>
      <c r="C148" s="371"/>
      <c r="D148" s="371"/>
      <c r="E148" s="379"/>
      <c r="F148" s="81"/>
      <c r="G148" s="135"/>
      <c r="H148" s="135"/>
      <c r="I148" s="159"/>
    </row>
    <row r="149" spans="1:9" s="75" customFormat="1" ht="9" customHeight="1">
      <c r="A149" s="164"/>
      <c r="B149" s="119"/>
      <c r="C149" s="139"/>
      <c r="D149" s="372"/>
      <c r="E149" s="374"/>
      <c r="F149" s="82"/>
      <c r="G149" s="136"/>
      <c r="H149" s="152"/>
      <c r="I149" s="79"/>
    </row>
    <row r="150" spans="1:9" s="76" customFormat="1" ht="9.4" customHeight="1">
      <c r="A150" s="165"/>
      <c r="B150" s="120"/>
      <c r="C150" s="170"/>
      <c r="D150" s="373"/>
      <c r="E150" s="377"/>
      <c r="F150" s="92"/>
      <c r="G150" s="145"/>
      <c r="H150" s="166"/>
      <c r="I150" s="158"/>
    </row>
    <row r="151" spans="1:9" s="75" customFormat="1" ht="9.4" customHeight="1">
      <c r="A151" s="378"/>
      <c r="B151" s="371"/>
      <c r="C151" s="371"/>
      <c r="D151" s="371"/>
      <c r="E151" s="379"/>
      <c r="F151" s="81"/>
      <c r="G151" s="135"/>
      <c r="H151" s="135"/>
      <c r="I151" s="159"/>
    </row>
    <row r="152" spans="1:9" s="75" customFormat="1" ht="9" customHeight="1">
      <c r="A152" s="168"/>
      <c r="B152" s="372"/>
      <c r="C152" s="139"/>
      <c r="D152" s="372"/>
      <c r="E152" s="374"/>
      <c r="F152" s="82"/>
      <c r="G152" s="136"/>
      <c r="H152" s="152"/>
      <c r="I152" s="79"/>
    </row>
    <row r="153" spans="1:9" s="76" customFormat="1" ht="9.4" customHeight="1">
      <c r="A153" s="147"/>
      <c r="B153" s="146"/>
      <c r="C153" s="170"/>
      <c r="D153" s="373"/>
      <c r="E153" s="377"/>
      <c r="F153" s="92"/>
      <c r="G153" s="145"/>
      <c r="H153" s="166"/>
      <c r="I153" s="158"/>
    </row>
    <row r="154" spans="1:9" s="76" customFormat="1" ht="9.4" customHeight="1">
      <c r="A154" s="378"/>
      <c r="B154" s="371"/>
      <c r="C154" s="371"/>
      <c r="D154" s="371"/>
      <c r="E154" s="379"/>
      <c r="F154" s="81"/>
      <c r="G154" s="135"/>
      <c r="H154" s="135"/>
      <c r="I154" s="159"/>
    </row>
    <row r="155" spans="1:9" s="76" customFormat="1" ht="9.4" customHeight="1">
      <c r="A155" s="168"/>
      <c r="B155" s="372"/>
      <c r="C155" s="139"/>
      <c r="D155" s="372"/>
      <c r="E155" s="374"/>
      <c r="F155" s="82"/>
      <c r="G155" s="136"/>
      <c r="H155" s="152"/>
      <c r="I155" s="79"/>
    </row>
    <row r="156" spans="1:9" s="76" customFormat="1" ht="9.4" customHeight="1">
      <c r="A156" s="169"/>
      <c r="B156" s="163"/>
      <c r="C156" s="170"/>
      <c r="D156" s="373"/>
      <c r="E156" s="377"/>
      <c r="F156" s="92"/>
      <c r="G156" s="145"/>
      <c r="H156" s="166"/>
      <c r="I156" s="158"/>
    </row>
    <row r="157" spans="1:9" s="75" customFormat="1" ht="9.4" customHeight="1">
      <c r="A157" s="378"/>
      <c r="B157" s="142"/>
      <c r="C157" s="371"/>
      <c r="D157" s="371"/>
      <c r="E157" s="379"/>
      <c r="F157" s="81"/>
      <c r="G157" s="135"/>
      <c r="H157" s="135"/>
      <c r="I157" s="159"/>
    </row>
    <row r="158" spans="1:9" s="75" customFormat="1" ht="9.4" customHeight="1">
      <c r="A158" s="168"/>
      <c r="B158" s="143"/>
      <c r="C158" s="139"/>
      <c r="D158" s="372"/>
      <c r="E158" s="374"/>
      <c r="F158" s="82"/>
      <c r="G158" s="136"/>
      <c r="H158" s="152"/>
      <c r="I158" s="79"/>
    </row>
    <row r="159" spans="1:9" s="76" customFormat="1" ht="9.4" customHeight="1">
      <c r="A159" s="169"/>
      <c r="B159" s="144"/>
      <c r="C159" s="170"/>
      <c r="D159" s="373"/>
      <c r="E159" s="377"/>
      <c r="F159" s="92"/>
      <c r="G159" s="145"/>
      <c r="H159" s="166"/>
      <c r="I159" s="158"/>
    </row>
    <row r="160" spans="1:9" s="75" customFormat="1" ht="9.4" customHeight="1">
      <c r="A160" s="378"/>
      <c r="B160" s="142"/>
      <c r="C160" s="371"/>
      <c r="D160" s="371"/>
      <c r="E160" s="379"/>
      <c r="F160" s="81"/>
      <c r="G160" s="135"/>
      <c r="H160" s="135"/>
      <c r="I160" s="159"/>
    </row>
    <row r="161" spans="1:9" s="75" customFormat="1" ht="9" customHeight="1">
      <c r="A161" s="168"/>
      <c r="B161" s="143"/>
      <c r="C161" s="139"/>
      <c r="D161" s="372"/>
      <c r="E161" s="374"/>
      <c r="F161" s="82"/>
      <c r="G161" s="136"/>
      <c r="H161" s="152"/>
      <c r="I161" s="79"/>
    </row>
    <row r="162" spans="1:9" s="76" customFormat="1" ht="9.4" customHeight="1">
      <c r="A162" s="169"/>
      <c r="B162" s="144"/>
      <c r="C162" s="170"/>
      <c r="D162" s="373"/>
      <c r="E162" s="377"/>
      <c r="F162" s="83"/>
      <c r="G162" s="134"/>
      <c r="H162" s="149"/>
      <c r="I162" s="158"/>
    </row>
    <row r="163" spans="1:9" s="75" customFormat="1" ht="9.4" customHeight="1">
      <c r="A163" s="378"/>
      <c r="B163" s="372"/>
      <c r="C163" s="371"/>
      <c r="D163" s="371"/>
      <c r="E163" s="379"/>
      <c r="F163" s="81"/>
      <c r="G163" s="135"/>
      <c r="H163" s="135"/>
      <c r="I163" s="159"/>
    </row>
    <row r="164" spans="1:9" s="75" customFormat="1" ht="9.4" customHeight="1">
      <c r="A164" s="168"/>
      <c r="B164" s="372"/>
      <c r="C164" s="139"/>
      <c r="D164" s="372"/>
      <c r="E164" s="374"/>
      <c r="F164" s="82"/>
      <c r="G164" s="136"/>
      <c r="H164" s="136"/>
      <c r="I164" s="157"/>
    </row>
    <row r="165" spans="1:9" s="76" customFormat="1" ht="9.4" customHeight="1">
      <c r="A165" s="147"/>
      <c r="B165" s="373"/>
      <c r="C165" s="170"/>
      <c r="D165" s="189"/>
      <c r="E165" s="377"/>
      <c r="F165" s="83"/>
      <c r="G165" s="134"/>
      <c r="H165" s="149"/>
      <c r="I165" s="158"/>
    </row>
    <row r="166" spans="1:9" s="75" customFormat="1" ht="9.4" customHeight="1">
      <c r="A166" s="378"/>
      <c r="B166" s="371"/>
      <c r="C166" s="371"/>
      <c r="D166" s="371"/>
      <c r="E166" s="379"/>
      <c r="F166" s="81"/>
      <c r="G166" s="135"/>
      <c r="H166" s="135"/>
      <c r="I166" s="159"/>
    </row>
    <row r="167" spans="1:9" s="75" customFormat="1" ht="9" customHeight="1">
      <c r="A167" s="168"/>
      <c r="B167" s="372"/>
      <c r="C167" s="139"/>
      <c r="D167" s="372"/>
      <c r="E167" s="374"/>
      <c r="F167" s="82"/>
      <c r="G167" s="136"/>
      <c r="H167" s="136"/>
      <c r="I167" s="79"/>
    </row>
    <row r="168" spans="1:9" s="76" customFormat="1" ht="9.4" customHeight="1">
      <c r="A168" s="94"/>
      <c r="B168" s="161"/>
      <c r="C168" s="102" t="s">
        <v>10</v>
      </c>
      <c r="D168" s="349"/>
      <c r="E168" s="87"/>
      <c r="F168" s="85"/>
      <c r="G168" s="151"/>
      <c r="H168" s="183"/>
      <c r="I168" s="88"/>
    </row>
    <row r="169" spans="1:9" s="27" customFormat="1" ht="26.1" customHeight="1">
      <c r="A169" s="96"/>
      <c r="B169" s="172"/>
      <c r="C169" s="172"/>
      <c r="D169" s="172"/>
      <c r="E169" s="173"/>
      <c r="F169" s="90"/>
      <c r="G169" s="174"/>
      <c r="H169" s="175"/>
      <c r="I169" s="89"/>
    </row>
    <row r="170" spans="1:9" s="30" customFormat="1">
      <c r="A170" s="702" t="s">
        <v>1</v>
      </c>
      <c r="B170" s="704" t="s">
        <v>2</v>
      </c>
      <c r="C170" s="704" t="s">
        <v>3</v>
      </c>
      <c r="D170" s="704" t="s">
        <v>4</v>
      </c>
      <c r="E170" s="704" t="s">
        <v>224</v>
      </c>
      <c r="F170" s="706" t="s">
        <v>225</v>
      </c>
      <c r="G170" s="707"/>
      <c r="H170" s="708"/>
      <c r="I170" s="700" t="s">
        <v>7</v>
      </c>
    </row>
    <row r="171" spans="1:9" s="30" customFormat="1">
      <c r="A171" s="703"/>
      <c r="B171" s="705"/>
      <c r="C171" s="705"/>
      <c r="D171" s="705"/>
      <c r="E171" s="705"/>
      <c r="F171" s="546" t="s">
        <v>223</v>
      </c>
      <c r="G171" s="546" t="s">
        <v>5</v>
      </c>
      <c r="H171" s="292" t="s">
        <v>6</v>
      </c>
      <c r="I171" s="701"/>
    </row>
    <row r="172" spans="1:9" s="75" customFormat="1" ht="9.4" customHeight="1">
      <c r="A172" s="378"/>
      <c r="B172" s="371"/>
      <c r="C172" s="371"/>
      <c r="D172" s="371"/>
      <c r="E172" s="379"/>
      <c r="F172" s="81"/>
      <c r="G172" s="135"/>
      <c r="H172" s="135"/>
      <c r="I172" s="159"/>
    </row>
    <row r="173" spans="1:9" s="75" customFormat="1" ht="9" customHeight="1">
      <c r="A173" s="97" t="s">
        <v>222</v>
      </c>
      <c r="B173" s="372"/>
      <c r="C173" s="139"/>
      <c r="D173" s="372"/>
      <c r="E173" s="374"/>
      <c r="F173" s="82"/>
      <c r="G173" s="136"/>
      <c r="H173" s="136"/>
      <c r="I173" s="79"/>
    </row>
    <row r="174" spans="1:9" s="76" customFormat="1" ht="9.4" customHeight="1">
      <c r="A174" s="169" t="s">
        <v>368</v>
      </c>
      <c r="B174" s="373"/>
      <c r="C174" s="170"/>
      <c r="D174" s="373"/>
      <c r="E174" s="377"/>
      <c r="F174" s="83"/>
      <c r="G174" s="134"/>
      <c r="H174" s="149"/>
      <c r="I174" s="158"/>
    </row>
    <row r="175" spans="1:9" s="75" customFormat="1" ht="9.4" customHeight="1">
      <c r="A175" s="378"/>
      <c r="B175" s="371"/>
      <c r="C175" s="371"/>
      <c r="D175" s="371"/>
      <c r="E175" s="379"/>
      <c r="F175" s="82"/>
      <c r="G175" s="136"/>
      <c r="H175" s="135"/>
      <c r="I175" s="159"/>
    </row>
    <row r="176" spans="1:9" s="75" customFormat="1" ht="9" customHeight="1">
      <c r="A176" s="168"/>
      <c r="B176" s="372"/>
      <c r="C176" s="139"/>
      <c r="D176" s="372"/>
      <c r="E176" s="374"/>
      <c r="F176" s="82"/>
      <c r="G176" s="136"/>
      <c r="H176" s="152"/>
      <c r="I176" s="79"/>
    </row>
    <row r="177" spans="1:9" s="76" customFormat="1" ht="9.4" customHeight="1">
      <c r="A177" s="169"/>
      <c r="B177" s="163" t="s">
        <v>372</v>
      </c>
      <c r="C177" s="170"/>
      <c r="D177" s="373"/>
      <c r="E177" s="377"/>
      <c r="F177" s="83"/>
      <c r="G177" s="134"/>
      <c r="H177" s="149"/>
      <c r="I177" s="158"/>
    </row>
    <row r="178" spans="1:9" s="76" customFormat="1" ht="9.4" customHeight="1">
      <c r="A178" s="147"/>
      <c r="B178" s="146"/>
      <c r="C178" s="371"/>
      <c r="D178" s="371"/>
      <c r="E178" s="379"/>
      <c r="F178" s="82"/>
      <c r="G178" s="136"/>
      <c r="H178" s="135"/>
      <c r="I178" s="159"/>
    </row>
    <row r="179" spans="1:9" s="76" customFormat="1" ht="9.4" customHeight="1">
      <c r="A179" s="147"/>
      <c r="B179" s="146"/>
      <c r="C179" s="139"/>
      <c r="D179" s="372"/>
      <c r="E179" s="374"/>
      <c r="F179" s="82"/>
      <c r="G179" s="136"/>
      <c r="H179" s="152"/>
      <c r="I179" s="79"/>
    </row>
    <row r="180" spans="1:9" s="76" customFormat="1" ht="9.4" customHeight="1">
      <c r="A180" s="147"/>
      <c r="B180" s="146"/>
      <c r="C180" s="170" t="s">
        <v>373</v>
      </c>
      <c r="D180" s="373"/>
      <c r="E180" s="377" t="s">
        <v>496</v>
      </c>
      <c r="F180" s="83">
        <v>1</v>
      </c>
      <c r="G180" s="134"/>
      <c r="H180" s="149"/>
      <c r="I180" s="158"/>
    </row>
    <row r="181" spans="1:9" s="75" customFormat="1" ht="9.4" customHeight="1">
      <c r="A181" s="378"/>
      <c r="B181" s="371"/>
      <c r="C181" s="371"/>
      <c r="D181" s="371"/>
      <c r="E181" s="379"/>
      <c r="F181" s="82"/>
      <c r="G181" s="136"/>
      <c r="H181" s="135"/>
      <c r="I181" s="159"/>
    </row>
    <row r="182" spans="1:9" s="75" customFormat="1" ht="9" customHeight="1">
      <c r="A182" s="168"/>
      <c r="B182" s="372"/>
      <c r="C182" s="139"/>
      <c r="D182" s="372"/>
      <c r="E182" s="374"/>
      <c r="F182" s="82"/>
      <c r="G182" s="136"/>
      <c r="H182" s="152"/>
      <c r="I182" s="79"/>
    </row>
    <row r="183" spans="1:9" s="76" customFormat="1" ht="9.4" customHeight="1">
      <c r="A183" s="147"/>
      <c r="B183" s="163"/>
      <c r="C183" s="170" t="s">
        <v>374</v>
      </c>
      <c r="D183" s="373"/>
      <c r="E183" s="377" t="s">
        <v>496</v>
      </c>
      <c r="F183" s="83">
        <v>1</v>
      </c>
      <c r="G183" s="134"/>
      <c r="H183" s="149"/>
      <c r="I183" s="158"/>
    </row>
    <row r="184" spans="1:9" s="75" customFormat="1" ht="9.4" customHeight="1">
      <c r="A184" s="378"/>
      <c r="B184" s="142"/>
      <c r="C184" s="371"/>
      <c r="D184" s="371"/>
      <c r="E184" s="379"/>
      <c r="F184" s="81"/>
      <c r="G184" s="135"/>
      <c r="H184" s="135"/>
      <c r="I184" s="159"/>
    </row>
    <row r="185" spans="1:9" s="75" customFormat="1" ht="9" customHeight="1">
      <c r="A185" s="168"/>
      <c r="B185" s="143"/>
      <c r="C185" s="139"/>
      <c r="D185" s="372"/>
      <c r="E185" s="374"/>
      <c r="F185" s="82"/>
      <c r="G185" s="136"/>
      <c r="H185" s="152"/>
      <c r="I185" s="79"/>
    </row>
    <row r="186" spans="1:9" s="76" customFormat="1" ht="9.4" customHeight="1">
      <c r="A186" s="169"/>
      <c r="B186" s="144"/>
      <c r="C186" s="141" t="s">
        <v>375</v>
      </c>
      <c r="D186" s="373"/>
      <c r="E186" s="377" t="s">
        <v>496</v>
      </c>
      <c r="F186" s="83">
        <v>1</v>
      </c>
      <c r="G186" s="134"/>
      <c r="H186" s="149"/>
      <c r="I186" s="158"/>
    </row>
    <row r="187" spans="1:9" s="75" customFormat="1" ht="9.4" customHeight="1">
      <c r="A187" s="378"/>
      <c r="B187" s="142"/>
      <c r="C187" s="371"/>
      <c r="D187" s="372"/>
      <c r="E187" s="379"/>
      <c r="F187" s="82"/>
      <c r="G187" s="136"/>
      <c r="H187" s="135"/>
      <c r="I187" s="159"/>
    </row>
    <row r="188" spans="1:9" s="75" customFormat="1" ht="9" customHeight="1">
      <c r="A188" s="168"/>
      <c r="B188" s="143"/>
      <c r="C188" s="139"/>
      <c r="D188" s="372"/>
      <c r="E188" s="374"/>
      <c r="F188" s="82"/>
      <c r="G188" s="136"/>
      <c r="H188" s="152"/>
      <c r="I188" s="79"/>
    </row>
    <row r="189" spans="1:9" s="76" customFormat="1" ht="9.4" customHeight="1">
      <c r="A189" s="169"/>
      <c r="B189" s="144"/>
      <c r="C189" s="141" t="s">
        <v>376</v>
      </c>
      <c r="D189" s="570"/>
      <c r="E189" s="377" t="s">
        <v>496</v>
      </c>
      <c r="F189" s="83">
        <v>1</v>
      </c>
      <c r="G189" s="134"/>
      <c r="H189" s="149"/>
      <c r="I189" s="158"/>
    </row>
    <row r="190" spans="1:9" s="75" customFormat="1" ht="9.4" customHeight="1">
      <c r="A190" s="378"/>
      <c r="B190" s="142"/>
      <c r="C190" s="371"/>
      <c r="D190" s="137"/>
      <c r="E190" s="379"/>
      <c r="F190" s="84"/>
      <c r="G190" s="131"/>
      <c r="H190" s="135"/>
      <c r="I190" s="159"/>
    </row>
    <row r="191" spans="1:9" s="75" customFormat="1" ht="9.4" customHeight="1">
      <c r="A191" s="168"/>
      <c r="B191" s="143"/>
      <c r="C191" s="139"/>
      <c r="D191" s="137"/>
      <c r="E191" s="374"/>
      <c r="F191" s="84"/>
      <c r="G191" s="131"/>
      <c r="H191" s="152"/>
      <c r="I191" s="79"/>
    </row>
    <row r="192" spans="1:9" s="76" customFormat="1" ht="9.4" customHeight="1">
      <c r="A192" s="169"/>
      <c r="B192" s="176"/>
      <c r="C192" s="141"/>
      <c r="D192" s="373"/>
      <c r="E192" s="377"/>
      <c r="F192" s="83"/>
      <c r="G192" s="134"/>
      <c r="H192" s="149"/>
      <c r="I192" s="158"/>
    </row>
    <row r="193" spans="1:9" s="75" customFormat="1" ht="9.4" customHeight="1">
      <c r="A193" s="378"/>
      <c r="B193" s="371"/>
      <c r="C193" s="371"/>
      <c r="D193" s="137"/>
      <c r="E193" s="379"/>
      <c r="F193" s="84"/>
      <c r="G193" s="131"/>
      <c r="H193" s="122"/>
      <c r="I193" s="159"/>
    </row>
    <row r="194" spans="1:9" s="75" customFormat="1" ht="9.4" customHeight="1">
      <c r="A194" s="168"/>
      <c r="B194" s="372"/>
      <c r="C194" s="139"/>
      <c r="D194" s="137"/>
      <c r="E194" s="374"/>
      <c r="F194" s="84"/>
      <c r="G194" s="131"/>
      <c r="H194" s="124"/>
      <c r="I194" s="79"/>
    </row>
    <row r="195" spans="1:9" s="76" customFormat="1" ht="9.4" customHeight="1">
      <c r="A195" s="147"/>
      <c r="B195" s="146"/>
      <c r="C195" s="141" t="s">
        <v>377</v>
      </c>
      <c r="D195" s="373"/>
      <c r="E195" s="377"/>
      <c r="F195" s="192"/>
      <c r="G195" s="101"/>
      <c r="H195" s="324"/>
      <c r="I195" s="158"/>
    </row>
    <row r="196" spans="1:9" s="75" customFormat="1" ht="9.4" customHeight="1">
      <c r="A196" s="378"/>
      <c r="B196" s="142"/>
      <c r="C196" s="371"/>
      <c r="D196" s="371"/>
      <c r="E196" s="379"/>
      <c r="F196" s="81"/>
      <c r="G196" s="135"/>
      <c r="H196" s="135"/>
      <c r="I196" s="159"/>
    </row>
    <row r="197" spans="1:9" s="75" customFormat="1" ht="9.4" customHeight="1">
      <c r="A197" s="168"/>
      <c r="B197" s="100"/>
      <c r="C197" s="139"/>
      <c r="D197" s="372"/>
      <c r="E197" s="374"/>
      <c r="F197" s="82"/>
      <c r="G197" s="136"/>
      <c r="H197" s="150"/>
      <c r="I197" s="185"/>
    </row>
    <row r="198" spans="1:9" s="76" customFormat="1" ht="9.4" customHeight="1">
      <c r="A198" s="169"/>
      <c r="B198" s="163"/>
      <c r="C198" s="170"/>
      <c r="D198" s="373"/>
      <c r="E198" s="377"/>
      <c r="F198" s="83"/>
      <c r="G198" s="101"/>
      <c r="H198" s="149"/>
      <c r="I198" s="158"/>
    </row>
    <row r="199" spans="1:9" s="75" customFormat="1" ht="9.4" customHeight="1">
      <c r="A199" s="378"/>
      <c r="B199" s="146"/>
      <c r="C199" s="371"/>
      <c r="D199" s="371"/>
      <c r="E199" s="379"/>
      <c r="F199" s="81"/>
      <c r="G199" s="135"/>
      <c r="H199" s="135"/>
      <c r="I199" s="159"/>
    </row>
    <row r="200" spans="1:9" s="75" customFormat="1" ht="9" customHeight="1">
      <c r="A200" s="97"/>
      <c r="B200" s="146"/>
      <c r="C200" s="139"/>
      <c r="D200" s="372"/>
      <c r="E200" s="374"/>
      <c r="F200" s="82"/>
      <c r="G200" s="136"/>
      <c r="H200" s="150"/>
      <c r="I200" s="79"/>
    </row>
    <row r="201" spans="1:9" s="76" customFormat="1" ht="9.4" customHeight="1">
      <c r="A201" s="169"/>
      <c r="B201" s="146"/>
      <c r="C201" s="170"/>
      <c r="D201" s="373"/>
      <c r="E201" s="377"/>
      <c r="F201" s="83"/>
      <c r="G201" s="101"/>
      <c r="H201" s="149"/>
      <c r="I201" s="158"/>
    </row>
    <row r="202" spans="1:9" s="75" customFormat="1" ht="9.4" customHeight="1">
      <c r="A202" s="378"/>
      <c r="B202" s="371"/>
      <c r="C202" s="371"/>
      <c r="D202" s="371"/>
      <c r="E202" s="379"/>
      <c r="F202" s="81"/>
      <c r="G202" s="135"/>
      <c r="H202" s="135"/>
      <c r="I202" s="159"/>
    </row>
    <row r="203" spans="1:9" s="75" customFormat="1" ht="9" customHeight="1">
      <c r="A203" s="168"/>
      <c r="B203" s="372"/>
      <c r="C203" s="139"/>
      <c r="D203" s="372"/>
      <c r="E203" s="374"/>
      <c r="F203" s="82"/>
      <c r="G203" s="136"/>
      <c r="H203" s="150"/>
      <c r="I203" s="186"/>
    </row>
    <row r="204" spans="1:9" s="76" customFormat="1" ht="9.4" customHeight="1">
      <c r="A204" s="169"/>
      <c r="B204" s="373"/>
      <c r="C204" s="170"/>
      <c r="D204" s="373"/>
      <c r="E204" s="377"/>
      <c r="F204" s="83"/>
      <c r="G204" s="134"/>
      <c r="H204" s="149"/>
      <c r="I204" s="160"/>
    </row>
    <row r="205" spans="1:9" s="75" customFormat="1" ht="9.4" customHeight="1">
      <c r="A205" s="378"/>
      <c r="B205" s="372"/>
      <c r="C205" s="137"/>
      <c r="D205" s="137"/>
      <c r="E205" s="119"/>
      <c r="F205" s="84"/>
      <c r="G205" s="131"/>
      <c r="H205" s="136"/>
      <c r="I205" s="159"/>
    </row>
    <row r="206" spans="1:9" s="75" customFormat="1" ht="9" customHeight="1">
      <c r="A206" s="168"/>
      <c r="B206" s="143"/>
      <c r="C206" s="139"/>
      <c r="D206" s="137"/>
      <c r="E206" s="119"/>
      <c r="F206" s="84"/>
      <c r="G206" s="131"/>
      <c r="H206" s="136"/>
      <c r="I206" s="157"/>
    </row>
    <row r="207" spans="1:9" s="76" customFormat="1" ht="9.4" customHeight="1">
      <c r="A207" s="147"/>
      <c r="B207" s="144"/>
      <c r="C207" s="177"/>
      <c r="D207" s="120"/>
      <c r="E207" s="140"/>
      <c r="F207" s="83"/>
      <c r="G207" s="303"/>
      <c r="H207" s="304"/>
      <c r="I207" s="158"/>
    </row>
    <row r="208" spans="1:9" s="75" customFormat="1" ht="9.4" customHeight="1">
      <c r="A208" s="378"/>
      <c r="B208" s="142"/>
      <c r="C208" s="371"/>
      <c r="D208" s="371"/>
      <c r="E208" s="379"/>
      <c r="F208" s="81"/>
      <c r="G208" s="135"/>
      <c r="H208" s="135"/>
      <c r="I208" s="159"/>
    </row>
    <row r="209" spans="1:9" s="75" customFormat="1" ht="9" customHeight="1">
      <c r="A209" s="168"/>
      <c r="B209" s="143"/>
      <c r="C209" s="139"/>
      <c r="D209" s="372"/>
      <c r="E209" s="374"/>
      <c r="F209" s="82"/>
      <c r="G209" s="136"/>
      <c r="H209" s="136"/>
      <c r="I209" s="79"/>
    </row>
    <row r="210" spans="1:9" s="76" customFormat="1" ht="9" customHeight="1">
      <c r="A210" s="94"/>
      <c r="B210" s="162"/>
      <c r="C210" s="187"/>
      <c r="D210" s="155"/>
      <c r="E210" s="87"/>
      <c r="F210" s="85"/>
      <c r="G210" s="99"/>
      <c r="H210" s="183"/>
      <c r="I210" s="88"/>
    </row>
    <row r="211" spans="1:9" s="27" customFormat="1" ht="26.1" customHeight="1">
      <c r="A211" s="96"/>
      <c r="B211" s="172"/>
      <c r="C211" s="172" t="s">
        <v>8</v>
      </c>
      <c r="D211" s="172"/>
      <c r="E211" s="173"/>
      <c r="F211" s="174" t="s">
        <v>11</v>
      </c>
      <c r="G211" s="174"/>
      <c r="H211" s="175"/>
      <c r="I211" s="336"/>
    </row>
    <row r="212" spans="1:9" s="30" customFormat="1">
      <c r="A212" s="702" t="s">
        <v>1</v>
      </c>
      <c r="B212" s="704" t="s">
        <v>2</v>
      </c>
      <c r="C212" s="704" t="s">
        <v>3</v>
      </c>
      <c r="D212" s="704" t="s">
        <v>4</v>
      </c>
      <c r="E212" s="704" t="s">
        <v>224</v>
      </c>
      <c r="F212" s="706" t="s">
        <v>225</v>
      </c>
      <c r="G212" s="707"/>
      <c r="H212" s="708"/>
      <c r="I212" s="700" t="s">
        <v>7</v>
      </c>
    </row>
    <row r="213" spans="1:9" s="30" customFormat="1">
      <c r="A213" s="703"/>
      <c r="B213" s="705"/>
      <c r="C213" s="705"/>
      <c r="D213" s="705"/>
      <c r="E213" s="705"/>
      <c r="F213" s="546" t="s">
        <v>223</v>
      </c>
      <c r="G213" s="546" t="s">
        <v>5</v>
      </c>
      <c r="H213" s="292" t="s">
        <v>6</v>
      </c>
      <c r="I213" s="701"/>
    </row>
    <row r="214" spans="1:9" s="75" customFormat="1" ht="9.4" customHeight="1">
      <c r="A214" s="378"/>
      <c r="B214" s="371"/>
      <c r="C214" s="371"/>
      <c r="D214" s="371"/>
      <c r="E214" s="379"/>
      <c r="F214" s="81"/>
      <c r="G214" s="135"/>
      <c r="H214" s="135"/>
      <c r="I214" s="159"/>
    </row>
    <row r="215" spans="1:9" s="75" customFormat="1" ht="9" customHeight="1">
      <c r="A215" s="97"/>
      <c r="B215" s="372"/>
      <c r="C215" s="139"/>
      <c r="D215" s="372"/>
      <c r="E215" s="374"/>
      <c r="F215" s="82"/>
      <c r="G215" s="136"/>
      <c r="H215" s="375"/>
      <c r="I215" s="157"/>
    </row>
    <row r="216" spans="1:9" s="76" customFormat="1" ht="9.4" customHeight="1">
      <c r="A216" s="169"/>
      <c r="B216" s="373"/>
      <c r="C216" s="170"/>
      <c r="D216" s="373"/>
      <c r="E216" s="377"/>
      <c r="F216" s="83"/>
      <c r="G216" s="134"/>
      <c r="H216" s="149"/>
      <c r="I216" s="160"/>
    </row>
    <row r="217" spans="1:9" s="75" customFormat="1" ht="9.4" customHeight="1">
      <c r="A217" s="378"/>
      <c r="B217" s="371"/>
      <c r="C217" s="371"/>
      <c r="D217" s="371"/>
      <c r="E217" s="379"/>
      <c r="F217" s="301"/>
      <c r="G217" s="301"/>
      <c r="H217" s="301"/>
      <c r="I217" s="159"/>
    </row>
    <row r="218" spans="1:9" s="75" customFormat="1" ht="9" customHeight="1">
      <c r="A218" s="168"/>
      <c r="B218" s="372"/>
      <c r="C218" s="139"/>
      <c r="D218" s="372"/>
      <c r="E218" s="374"/>
      <c r="F218" s="302"/>
      <c r="G218" s="302"/>
      <c r="H218" s="302"/>
      <c r="I218" s="79"/>
    </row>
    <row r="219" spans="1:9" s="76" customFormat="1" ht="9.4" customHeight="1">
      <c r="A219" s="169"/>
      <c r="B219" s="163"/>
      <c r="C219" s="170"/>
      <c r="D219" s="373"/>
      <c r="E219" s="377"/>
      <c r="F219" s="303"/>
      <c r="G219" s="303"/>
      <c r="H219" s="304"/>
      <c r="I219" s="158"/>
    </row>
    <row r="220" spans="1:9" s="76" customFormat="1" ht="9.4" customHeight="1">
      <c r="A220" s="378"/>
      <c r="B220" s="371"/>
      <c r="C220" s="371"/>
      <c r="D220" s="371"/>
      <c r="E220" s="379"/>
      <c r="F220" s="301"/>
      <c r="G220" s="301"/>
      <c r="H220" s="301"/>
      <c r="I220" s="159"/>
    </row>
    <row r="221" spans="1:9" s="76" customFormat="1" ht="9.4" customHeight="1">
      <c r="A221" s="168"/>
      <c r="B221" s="372"/>
      <c r="C221" s="139"/>
      <c r="D221" s="372"/>
      <c r="E221" s="374"/>
      <c r="F221" s="302"/>
      <c r="G221" s="302"/>
      <c r="H221" s="302"/>
      <c r="I221" s="79"/>
    </row>
    <row r="222" spans="1:9" s="76" customFormat="1" ht="9.4" customHeight="1">
      <c r="A222" s="169"/>
      <c r="B222" s="373"/>
      <c r="C222" s="170"/>
      <c r="D222" s="373"/>
      <c r="E222" s="377"/>
      <c r="F222" s="303"/>
      <c r="G222" s="303"/>
      <c r="H222" s="304"/>
      <c r="I222" s="158"/>
    </row>
    <row r="223" spans="1:9" s="75" customFormat="1" ht="9.4" customHeight="1">
      <c r="A223" s="378"/>
      <c r="B223" s="371"/>
      <c r="C223" s="371"/>
      <c r="D223" s="371"/>
      <c r="E223" s="379"/>
      <c r="F223" s="301"/>
      <c r="G223" s="301"/>
      <c r="H223" s="301"/>
      <c r="I223" s="159"/>
    </row>
    <row r="224" spans="1:9" s="75" customFormat="1" ht="9.4" customHeight="1">
      <c r="A224" s="168"/>
      <c r="B224" s="374"/>
      <c r="C224" s="139"/>
      <c r="D224" s="372"/>
      <c r="E224" s="374"/>
      <c r="F224" s="302"/>
      <c r="G224" s="302"/>
      <c r="H224" s="302"/>
      <c r="I224" s="79"/>
    </row>
    <row r="225" spans="1:9" s="76" customFormat="1" ht="9.4" customHeight="1">
      <c r="A225" s="169"/>
      <c r="B225" s="373"/>
      <c r="C225" s="170"/>
      <c r="D225" s="373"/>
      <c r="E225" s="377"/>
      <c r="F225" s="303"/>
      <c r="G225" s="303"/>
      <c r="H225" s="304"/>
      <c r="I225" s="158"/>
    </row>
    <row r="226" spans="1:9" s="75" customFormat="1" ht="9.4" customHeight="1">
      <c r="A226" s="147"/>
      <c r="B226" s="146"/>
      <c r="C226" s="371"/>
      <c r="D226" s="371"/>
      <c r="E226" s="379"/>
      <c r="F226" s="301"/>
      <c r="G226" s="301"/>
      <c r="H226" s="301"/>
      <c r="I226" s="159"/>
    </row>
    <row r="227" spans="1:9" s="75" customFormat="1" ht="9.4" customHeight="1">
      <c r="A227" s="147"/>
      <c r="B227" s="146"/>
      <c r="C227" s="139"/>
      <c r="D227" s="372"/>
      <c r="E227" s="374"/>
      <c r="F227" s="302"/>
      <c r="G227" s="302"/>
      <c r="H227" s="302"/>
      <c r="I227" s="79"/>
    </row>
    <row r="228" spans="1:9" s="76" customFormat="1" ht="9.4" customHeight="1">
      <c r="A228" s="147"/>
      <c r="B228" s="146"/>
      <c r="C228" s="170"/>
      <c r="D228" s="373"/>
      <c r="E228" s="377"/>
      <c r="F228" s="303"/>
      <c r="G228" s="303"/>
      <c r="H228" s="304"/>
      <c r="I228" s="158"/>
    </row>
    <row r="229" spans="1:9" s="75" customFormat="1" ht="9.4" customHeight="1">
      <c r="A229" s="378"/>
      <c r="B229" s="371"/>
      <c r="C229" s="371"/>
      <c r="D229" s="371"/>
      <c r="E229" s="379"/>
      <c r="F229" s="301"/>
      <c r="G229" s="301"/>
      <c r="H229" s="301"/>
      <c r="I229" s="159"/>
    </row>
    <row r="230" spans="1:9" s="75" customFormat="1" ht="9.4" customHeight="1">
      <c r="A230" s="168"/>
      <c r="B230" s="372"/>
      <c r="C230" s="139"/>
      <c r="D230" s="372"/>
      <c r="E230" s="374"/>
      <c r="F230" s="302"/>
      <c r="G230" s="302"/>
      <c r="H230" s="302"/>
      <c r="I230" s="79"/>
    </row>
    <row r="231" spans="1:9" s="76" customFormat="1" ht="9.4" customHeight="1">
      <c r="A231" s="169"/>
      <c r="B231" s="373"/>
      <c r="C231" s="170"/>
      <c r="D231" s="373"/>
      <c r="E231" s="377"/>
      <c r="F231" s="303"/>
      <c r="G231" s="303"/>
      <c r="H231" s="304"/>
      <c r="I231" s="158"/>
    </row>
    <row r="232" spans="1:9" s="75" customFormat="1" ht="9.4" customHeight="1">
      <c r="A232" s="378"/>
      <c r="B232" s="371"/>
      <c r="C232" s="371"/>
      <c r="D232" s="371"/>
      <c r="E232" s="379"/>
      <c r="F232" s="301"/>
      <c r="G232" s="301"/>
      <c r="H232" s="301"/>
      <c r="I232" s="159"/>
    </row>
    <row r="233" spans="1:9" s="75" customFormat="1" ht="9" customHeight="1">
      <c r="A233" s="168"/>
      <c r="B233" s="374"/>
      <c r="C233" s="139"/>
      <c r="D233" s="372"/>
      <c r="E233" s="374"/>
      <c r="F233" s="302"/>
      <c r="G233" s="302"/>
      <c r="H233" s="302"/>
      <c r="I233" s="79"/>
    </row>
    <row r="234" spans="1:9" s="76" customFormat="1" ht="9.4" customHeight="1">
      <c r="A234" s="169"/>
      <c r="B234" s="373"/>
      <c r="C234" s="170"/>
      <c r="D234" s="373"/>
      <c r="E234" s="377"/>
      <c r="F234" s="303"/>
      <c r="G234" s="303"/>
      <c r="H234" s="304"/>
      <c r="I234" s="158"/>
    </row>
    <row r="235" spans="1:9" s="75" customFormat="1" ht="9.4" customHeight="1">
      <c r="A235" s="378"/>
      <c r="B235" s="371"/>
      <c r="C235" s="371"/>
      <c r="D235" s="371"/>
      <c r="E235" s="379"/>
      <c r="F235" s="301"/>
      <c r="G235" s="301"/>
      <c r="H235" s="301"/>
      <c r="I235" s="159"/>
    </row>
    <row r="236" spans="1:9" s="75" customFormat="1" ht="9" customHeight="1">
      <c r="A236" s="168"/>
      <c r="B236" s="372"/>
      <c r="C236" s="139"/>
      <c r="D236" s="372"/>
      <c r="E236" s="374"/>
      <c r="F236" s="302"/>
      <c r="G236" s="302"/>
      <c r="H236" s="302"/>
      <c r="I236" s="79"/>
    </row>
    <row r="237" spans="1:9" s="76" customFormat="1" ht="9.4" customHeight="1">
      <c r="A237" s="169"/>
      <c r="B237" s="373"/>
      <c r="C237" s="170"/>
      <c r="D237" s="373"/>
      <c r="E237" s="377"/>
      <c r="F237" s="303"/>
      <c r="G237" s="303"/>
      <c r="H237" s="304"/>
      <c r="I237" s="158"/>
    </row>
    <row r="238" spans="1:9" s="76" customFormat="1" ht="9.4" customHeight="1">
      <c r="A238" s="378"/>
      <c r="B238" s="371"/>
      <c r="C238" s="371"/>
      <c r="D238" s="371"/>
      <c r="E238" s="379"/>
      <c r="F238" s="301"/>
      <c r="G238" s="301"/>
      <c r="H238" s="301"/>
      <c r="I238" s="159"/>
    </row>
    <row r="239" spans="1:9" s="76" customFormat="1" ht="9.4" customHeight="1">
      <c r="A239" s="168"/>
      <c r="B239" s="372"/>
      <c r="C239" s="139"/>
      <c r="D239" s="372"/>
      <c r="E239" s="374"/>
      <c r="F239" s="302"/>
      <c r="G239" s="302"/>
      <c r="H239" s="302"/>
      <c r="I239" s="79"/>
    </row>
    <row r="240" spans="1:9" s="76" customFormat="1" ht="9.4" customHeight="1">
      <c r="A240" s="169"/>
      <c r="B240" s="373"/>
      <c r="C240" s="170"/>
      <c r="D240" s="373"/>
      <c r="E240" s="377"/>
      <c r="F240" s="303"/>
      <c r="G240" s="303"/>
      <c r="H240" s="304"/>
      <c r="I240" s="158"/>
    </row>
    <row r="241" spans="1:9" s="75" customFormat="1" ht="9.4" customHeight="1">
      <c r="A241" s="378"/>
      <c r="B241" s="371"/>
      <c r="C241" s="371"/>
      <c r="D241" s="371"/>
      <c r="E241" s="379"/>
      <c r="F241" s="301"/>
      <c r="G241" s="301"/>
      <c r="H241" s="301"/>
      <c r="I241" s="159"/>
    </row>
    <row r="242" spans="1:9" s="75" customFormat="1" ht="9.4" customHeight="1">
      <c r="A242" s="168"/>
      <c r="B242" s="372"/>
      <c r="C242" s="139"/>
      <c r="D242" s="372"/>
      <c r="E242" s="374"/>
      <c r="F242" s="302"/>
      <c r="G242" s="302"/>
      <c r="H242" s="305"/>
      <c r="I242" s="79"/>
    </row>
    <row r="243" spans="1:9" s="76" customFormat="1" ht="9.4" customHeight="1">
      <c r="A243" s="147"/>
      <c r="B243" s="146"/>
      <c r="C243" s="170"/>
      <c r="D243" s="373"/>
      <c r="E243" s="377"/>
      <c r="F243" s="303"/>
      <c r="G243" s="303"/>
      <c r="H243" s="304"/>
      <c r="I243" s="158"/>
    </row>
    <row r="244" spans="1:9" s="75" customFormat="1" ht="9.4" customHeight="1">
      <c r="A244" s="378"/>
      <c r="B244" s="371"/>
      <c r="C244" s="371"/>
      <c r="D244" s="371"/>
      <c r="E244" s="379"/>
      <c r="F244" s="301"/>
      <c r="G244" s="301"/>
      <c r="H244" s="301"/>
      <c r="I244" s="159"/>
    </row>
    <row r="245" spans="1:9" s="75" customFormat="1" ht="9" customHeight="1">
      <c r="A245" s="168"/>
      <c r="B245" s="372"/>
      <c r="C245" s="139"/>
      <c r="D245" s="372"/>
      <c r="E245" s="374"/>
      <c r="F245" s="302"/>
      <c r="G245" s="302"/>
      <c r="H245" s="302"/>
      <c r="I245" s="79"/>
    </row>
    <row r="246" spans="1:9" s="76" customFormat="1" ht="9.4" customHeight="1">
      <c r="A246" s="169"/>
      <c r="B246" s="373"/>
      <c r="C246" s="170"/>
      <c r="D246" s="373"/>
      <c r="E246" s="377"/>
      <c r="F246" s="303"/>
      <c r="G246" s="303"/>
      <c r="H246" s="304"/>
      <c r="I246" s="158"/>
    </row>
    <row r="247" spans="1:9" s="75" customFormat="1" ht="9.4" customHeight="1">
      <c r="A247" s="168"/>
      <c r="B247" s="372"/>
      <c r="C247" s="371"/>
      <c r="D247" s="371"/>
      <c r="E247" s="379"/>
      <c r="F247" s="301"/>
      <c r="G247" s="301"/>
      <c r="H247" s="301"/>
      <c r="I247" s="159"/>
    </row>
    <row r="248" spans="1:9" s="75" customFormat="1" ht="9.4" customHeight="1">
      <c r="A248" s="168"/>
      <c r="B248" s="372"/>
      <c r="C248" s="139"/>
      <c r="D248" s="372"/>
      <c r="E248" s="374"/>
      <c r="F248" s="302"/>
      <c r="G248" s="302"/>
      <c r="H248" s="302"/>
      <c r="I248" s="79"/>
    </row>
    <row r="249" spans="1:9" s="76" customFormat="1" ht="9.4" customHeight="1">
      <c r="A249" s="169"/>
      <c r="B249" s="373"/>
      <c r="C249" s="170"/>
      <c r="D249" s="373"/>
      <c r="E249" s="377"/>
      <c r="F249" s="303"/>
      <c r="G249" s="303"/>
      <c r="H249" s="304"/>
      <c r="I249" s="158"/>
    </row>
    <row r="250" spans="1:9" s="75" customFormat="1" ht="9.4" customHeight="1">
      <c r="A250" s="378"/>
      <c r="B250" s="371"/>
      <c r="C250" s="371"/>
      <c r="D250" s="371"/>
      <c r="E250" s="379"/>
      <c r="F250" s="301"/>
      <c r="G250" s="301"/>
      <c r="H250" s="301"/>
      <c r="I250" s="159"/>
    </row>
    <row r="251" spans="1:9" s="75" customFormat="1" ht="9" customHeight="1">
      <c r="A251" s="168"/>
      <c r="B251" s="372"/>
      <c r="C251" s="139"/>
      <c r="D251" s="372"/>
      <c r="E251" s="374"/>
      <c r="F251" s="302"/>
      <c r="G251" s="302"/>
      <c r="H251" s="302"/>
      <c r="I251" s="79"/>
    </row>
    <row r="252" spans="1:9" s="76" customFormat="1" ht="9.4" customHeight="1">
      <c r="A252" s="94"/>
      <c r="B252" s="161"/>
      <c r="C252" s="102"/>
      <c r="D252" s="161"/>
      <c r="E252" s="87"/>
      <c r="F252" s="401"/>
      <c r="G252" s="401"/>
      <c r="H252" s="340"/>
      <c r="I252" s="88"/>
    </row>
  </sheetData>
  <mergeCells count="42">
    <mergeCell ref="I170:I171"/>
    <mergeCell ref="A212:A213"/>
    <mergeCell ref="B212:B213"/>
    <mergeCell ref="C212:C213"/>
    <mergeCell ref="D212:D213"/>
    <mergeCell ref="E212:E213"/>
    <mergeCell ref="F212:H212"/>
    <mergeCell ref="I212:I213"/>
    <mergeCell ref="A170:A171"/>
    <mergeCell ref="B170:B171"/>
    <mergeCell ref="C170:C171"/>
    <mergeCell ref="D170:D171"/>
    <mergeCell ref="E170:E171"/>
    <mergeCell ref="F170:H170"/>
    <mergeCell ref="I86:I87"/>
    <mergeCell ref="A128:A129"/>
    <mergeCell ref="B128:B129"/>
    <mergeCell ref="C128:C129"/>
    <mergeCell ref="D128:D129"/>
    <mergeCell ref="E128:E129"/>
    <mergeCell ref="F128:H128"/>
    <mergeCell ref="I128:I129"/>
    <mergeCell ref="A86:A87"/>
    <mergeCell ref="B86:B87"/>
    <mergeCell ref="C86:C87"/>
    <mergeCell ref="D86:D87"/>
    <mergeCell ref="E86:E87"/>
    <mergeCell ref="F86:H86"/>
    <mergeCell ref="I2:I3"/>
    <mergeCell ref="A44:A45"/>
    <mergeCell ref="B44:B45"/>
    <mergeCell ref="C44:C45"/>
    <mergeCell ref="D44:D45"/>
    <mergeCell ref="E44:E45"/>
    <mergeCell ref="F44:H44"/>
    <mergeCell ref="I44:I45"/>
    <mergeCell ref="A2:A3"/>
    <mergeCell ref="B2:B3"/>
    <mergeCell ref="C2:C3"/>
    <mergeCell ref="D2:D3"/>
    <mergeCell ref="E2:E3"/>
    <mergeCell ref="F2:H2"/>
  </mergeCells>
  <phoneticPr fontId="68"/>
  <printOptions horizontalCentered="1" verticalCentered="1"/>
  <pageMargins left="0.9055118110236221" right="0.51181102362204722" top="0.74803149606299213" bottom="0.74803149606299213" header="0.31496062992125984" footer="0.31496062992125984"/>
  <pageSetup paperSize="9" scale="95" fitToHeight="100" orientation="portrait" horizontalDpi="4294967294" r:id="rId1"/>
  <rowBreaks count="1" manualBreakCount="1">
    <brk id="84" max="8"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675"/>
  <sheetViews>
    <sheetView showGridLines="0" zoomScale="130" zoomScaleNormal="130" zoomScaleSheetLayoutView="115" workbookViewId="0"/>
  </sheetViews>
  <sheetFormatPr defaultRowHeight="13.5"/>
  <cols>
    <col min="1" max="1" width="7.125" bestFit="1" customWidth="1"/>
    <col min="2" max="2" width="9.25" customWidth="1"/>
    <col min="3" max="3" width="11.25" customWidth="1"/>
    <col min="4" max="4" width="13.5" style="31" customWidth="1"/>
    <col min="5" max="5" width="5.125" style="31" customWidth="1"/>
    <col min="6" max="6" width="6.75" style="91" bestFit="1" customWidth="1"/>
    <col min="7" max="7" width="8" style="86" customWidth="1"/>
    <col min="8" max="8" width="9.375" style="184" customWidth="1"/>
    <col min="9" max="9" width="8.75" style="339" bestFit="1" customWidth="1"/>
    <col min="10" max="10" width="6.625" customWidth="1"/>
  </cols>
  <sheetData>
    <row r="1" spans="1:10" s="370" customFormat="1" ht="18.75">
      <c r="A1" s="96"/>
      <c r="B1" s="172"/>
      <c r="C1" s="172"/>
      <c r="D1" s="172"/>
      <c r="E1" s="173"/>
      <c r="F1" s="90"/>
      <c r="G1" s="174"/>
      <c r="H1" s="175"/>
      <c r="I1" s="336"/>
      <c r="J1" s="27"/>
    </row>
    <row r="2" spans="1:10" s="30" customFormat="1">
      <c r="A2" s="702" t="s">
        <v>1</v>
      </c>
      <c r="B2" s="704" t="s">
        <v>2</v>
      </c>
      <c r="C2" s="704" t="s">
        <v>3</v>
      </c>
      <c r="D2" s="704" t="s">
        <v>4</v>
      </c>
      <c r="E2" s="704" t="s">
        <v>224</v>
      </c>
      <c r="F2" s="706" t="s">
        <v>225</v>
      </c>
      <c r="G2" s="707"/>
      <c r="H2" s="708"/>
      <c r="I2" s="752" t="s">
        <v>7</v>
      </c>
    </row>
    <row r="3" spans="1:10" s="30" customFormat="1">
      <c r="A3" s="703"/>
      <c r="B3" s="705"/>
      <c r="C3" s="705"/>
      <c r="D3" s="705"/>
      <c r="E3" s="705"/>
      <c r="F3" s="294" t="s">
        <v>223</v>
      </c>
      <c r="G3" s="294" t="s">
        <v>5</v>
      </c>
      <c r="H3" s="292" t="s">
        <v>6</v>
      </c>
      <c r="I3" s="753"/>
    </row>
    <row r="4" spans="1:10" s="29" customFormat="1" ht="9.4" customHeight="1">
      <c r="A4" s="167"/>
      <c r="B4" s="115"/>
      <c r="C4" s="115"/>
      <c r="D4" s="115"/>
      <c r="E4" s="179"/>
      <c r="F4" s="81"/>
      <c r="G4" s="135"/>
      <c r="H4" s="135"/>
      <c r="I4" s="329"/>
    </row>
    <row r="5" spans="1:10" s="29" customFormat="1" ht="9.4" customHeight="1">
      <c r="A5" s="97" t="s">
        <v>466</v>
      </c>
      <c r="B5" s="116"/>
      <c r="C5" s="116"/>
      <c r="D5" s="116"/>
      <c r="E5" s="178"/>
      <c r="F5" s="82"/>
      <c r="G5" s="136"/>
      <c r="H5" s="136"/>
      <c r="I5" s="331"/>
    </row>
    <row r="6" spans="1:10" s="28" customFormat="1" ht="9.4" customHeight="1">
      <c r="A6" s="169" t="s">
        <v>495</v>
      </c>
      <c r="B6" s="194"/>
      <c r="C6" s="117"/>
      <c r="D6" s="117"/>
      <c r="E6" s="180"/>
      <c r="F6" s="83"/>
      <c r="G6" s="134"/>
      <c r="H6" s="149"/>
      <c r="I6" s="332"/>
    </row>
    <row r="7" spans="1:10" s="29" customFormat="1" ht="9.4" customHeight="1">
      <c r="A7" s="167"/>
      <c r="B7" s="115"/>
      <c r="C7" s="300"/>
      <c r="D7" s="115"/>
      <c r="E7" s="179"/>
      <c r="F7" s="81"/>
      <c r="G7" s="301"/>
      <c r="H7" s="301"/>
      <c r="I7" s="329"/>
    </row>
    <row r="8" spans="1:10" s="29" customFormat="1" ht="9.4" customHeight="1">
      <c r="A8" s="168"/>
      <c r="B8" s="116"/>
      <c r="C8" s="139"/>
      <c r="D8" s="116"/>
      <c r="E8" s="178"/>
      <c r="F8" s="82"/>
      <c r="G8" s="302"/>
      <c r="H8" s="302"/>
      <c r="I8" s="331"/>
    </row>
    <row r="9" spans="1:10" s="28" customFormat="1" ht="9.4" customHeight="1">
      <c r="A9" s="169"/>
      <c r="B9" s="117" t="s">
        <v>227</v>
      </c>
      <c r="C9" s="170" t="s">
        <v>262</v>
      </c>
      <c r="D9" s="117"/>
      <c r="E9" s="180" t="s">
        <v>264</v>
      </c>
      <c r="F9" s="83">
        <v>1</v>
      </c>
      <c r="G9" s="303"/>
      <c r="H9" s="304"/>
      <c r="I9" s="333"/>
    </row>
    <row r="10" spans="1:10" s="29" customFormat="1" ht="9.4" customHeight="1">
      <c r="A10" s="167"/>
      <c r="B10" s="115"/>
      <c r="C10" s="300"/>
      <c r="D10" s="115"/>
      <c r="E10" s="179"/>
      <c r="F10" s="81"/>
      <c r="G10" s="301"/>
      <c r="H10" s="301"/>
      <c r="I10" s="329"/>
    </row>
    <row r="11" spans="1:10" s="29" customFormat="1" ht="9.4" customHeight="1">
      <c r="A11" s="168"/>
      <c r="B11" s="116"/>
      <c r="C11" s="193"/>
      <c r="D11" s="116"/>
      <c r="E11" s="178"/>
      <c r="F11" s="82"/>
      <c r="G11" s="302"/>
      <c r="H11" s="302"/>
      <c r="I11" s="331"/>
    </row>
    <row r="12" spans="1:10" s="28" customFormat="1" ht="9.4" customHeight="1">
      <c r="A12" s="169"/>
      <c r="B12" s="117"/>
      <c r="C12" s="194" t="s">
        <v>263</v>
      </c>
      <c r="D12" s="189"/>
      <c r="E12" s="180" t="s">
        <v>264</v>
      </c>
      <c r="F12" s="83">
        <v>1</v>
      </c>
      <c r="G12" s="303"/>
      <c r="H12" s="304"/>
      <c r="I12" s="333"/>
    </row>
    <row r="13" spans="1:10" s="29" customFormat="1" ht="9.4" customHeight="1">
      <c r="A13" s="167"/>
      <c r="B13" s="115"/>
      <c r="C13" s="300"/>
      <c r="D13" s="115"/>
      <c r="E13" s="179"/>
      <c r="F13" s="81"/>
      <c r="G13" s="301"/>
      <c r="H13" s="301"/>
      <c r="I13" s="329"/>
    </row>
    <row r="14" spans="1:10" s="29" customFormat="1" ht="9.4" customHeight="1">
      <c r="A14" s="168"/>
      <c r="B14" s="116"/>
      <c r="C14" s="193"/>
      <c r="D14" s="116"/>
      <c r="E14" s="178"/>
      <c r="F14" s="82"/>
      <c r="G14" s="302"/>
      <c r="H14" s="302"/>
      <c r="I14" s="331"/>
    </row>
    <row r="15" spans="1:10" s="28" customFormat="1" ht="9.4" customHeight="1">
      <c r="A15" s="169"/>
      <c r="B15" s="103"/>
      <c r="C15" s="194" t="s">
        <v>265</v>
      </c>
      <c r="D15" s="189"/>
      <c r="E15" s="180" t="s">
        <v>264</v>
      </c>
      <c r="F15" s="83">
        <v>1</v>
      </c>
      <c r="G15" s="303"/>
      <c r="H15" s="304"/>
      <c r="I15" s="333"/>
    </row>
    <row r="16" spans="1:10" s="29" customFormat="1" ht="9.4" customHeight="1">
      <c r="A16" s="167"/>
      <c r="B16" s="115"/>
      <c r="C16" s="300"/>
      <c r="D16" s="115"/>
      <c r="E16" s="179"/>
      <c r="F16" s="81"/>
      <c r="G16" s="301"/>
      <c r="H16" s="301"/>
      <c r="I16" s="329"/>
    </row>
    <row r="17" spans="1:9" s="29" customFormat="1" ht="9.4" customHeight="1">
      <c r="A17" s="168"/>
      <c r="B17" s="116"/>
      <c r="C17" s="193"/>
      <c r="D17" s="116"/>
      <c r="E17" s="178"/>
      <c r="F17" s="82"/>
      <c r="G17" s="302"/>
      <c r="H17" s="302"/>
      <c r="I17" s="331"/>
    </row>
    <row r="18" spans="1:9" s="28" customFormat="1" ht="9.4" customHeight="1">
      <c r="A18" s="169"/>
      <c r="B18" s="117"/>
      <c r="C18" s="194" t="s">
        <v>266</v>
      </c>
      <c r="D18" s="189" t="s">
        <v>378</v>
      </c>
      <c r="E18" s="180" t="s">
        <v>267</v>
      </c>
      <c r="F18" s="83">
        <v>1</v>
      </c>
      <c r="G18" s="303"/>
      <c r="H18" s="304"/>
      <c r="I18" s="333"/>
    </row>
    <row r="19" spans="1:9" s="29" customFormat="1" ht="9.4" customHeight="1">
      <c r="A19" s="167"/>
      <c r="B19" s="115"/>
      <c r="C19" s="300"/>
      <c r="D19" s="115"/>
      <c r="E19" s="179"/>
      <c r="F19" s="81"/>
      <c r="G19" s="301"/>
      <c r="H19" s="301"/>
      <c r="I19" s="329"/>
    </row>
    <row r="20" spans="1:9" s="29" customFormat="1" ht="9.4" customHeight="1">
      <c r="A20" s="168"/>
      <c r="B20" s="116"/>
      <c r="C20" s="193"/>
      <c r="D20" s="116"/>
      <c r="E20" s="178"/>
      <c r="F20" s="82"/>
      <c r="G20" s="302"/>
      <c r="H20" s="302"/>
      <c r="I20" s="331"/>
    </row>
    <row r="21" spans="1:9" s="28" customFormat="1" ht="9.4" customHeight="1">
      <c r="A21" s="169"/>
      <c r="B21" s="117"/>
      <c r="C21" s="194" t="s">
        <v>326</v>
      </c>
      <c r="D21" s="189"/>
      <c r="E21" s="377" t="s">
        <v>267</v>
      </c>
      <c r="F21" s="83">
        <v>1</v>
      </c>
      <c r="G21" s="303"/>
      <c r="H21" s="304"/>
      <c r="I21" s="333"/>
    </row>
    <row r="22" spans="1:9" s="29" customFormat="1" ht="9.4" customHeight="1">
      <c r="A22" s="167"/>
      <c r="B22" s="115"/>
      <c r="C22" s="300"/>
      <c r="D22" s="115"/>
      <c r="E22" s="179"/>
      <c r="F22" s="81"/>
      <c r="G22" s="301"/>
      <c r="H22" s="301"/>
      <c r="I22" s="329"/>
    </row>
    <row r="23" spans="1:9" s="29" customFormat="1" ht="9.4" customHeight="1">
      <c r="A23" s="168"/>
      <c r="B23" s="116"/>
      <c r="C23" s="193"/>
      <c r="D23" s="116"/>
      <c r="E23" s="178"/>
      <c r="F23" s="82"/>
      <c r="G23" s="302"/>
      <c r="H23" s="302"/>
      <c r="I23" s="331"/>
    </row>
    <row r="24" spans="1:9" s="28" customFormat="1" ht="9.4" customHeight="1">
      <c r="A24" s="169"/>
      <c r="B24" s="117"/>
      <c r="C24" s="194" t="s">
        <v>327</v>
      </c>
      <c r="D24" s="189"/>
      <c r="E24" s="377" t="s">
        <v>267</v>
      </c>
      <c r="F24" s="83">
        <v>1</v>
      </c>
      <c r="G24" s="303"/>
      <c r="H24" s="304"/>
      <c r="I24" s="333"/>
    </row>
    <row r="25" spans="1:9" s="29" customFormat="1" ht="9.4" customHeight="1">
      <c r="A25" s="167"/>
      <c r="B25" s="115"/>
      <c r="C25" s="300"/>
      <c r="D25" s="115"/>
      <c r="E25" s="179"/>
      <c r="F25" s="153"/>
      <c r="G25" s="301"/>
      <c r="H25" s="301"/>
      <c r="I25" s="329"/>
    </row>
    <row r="26" spans="1:9" s="29" customFormat="1" ht="9.4" customHeight="1">
      <c r="A26" s="168"/>
      <c r="B26" s="116"/>
      <c r="C26" s="193"/>
      <c r="D26" s="116"/>
      <c r="E26" s="178"/>
      <c r="F26" s="154"/>
      <c r="G26" s="302"/>
      <c r="H26" s="302"/>
      <c r="I26" s="331"/>
    </row>
    <row r="27" spans="1:9" s="28" customFormat="1" ht="9.4" customHeight="1">
      <c r="A27" s="169"/>
      <c r="B27" s="117"/>
      <c r="C27" s="194" t="s">
        <v>328</v>
      </c>
      <c r="D27" s="189"/>
      <c r="E27" s="377" t="s">
        <v>267</v>
      </c>
      <c r="F27" s="138">
        <v>1</v>
      </c>
      <c r="G27" s="303"/>
      <c r="H27" s="304"/>
      <c r="I27" s="333"/>
    </row>
    <row r="28" spans="1:9" s="29" customFormat="1" ht="9.4" customHeight="1">
      <c r="A28" s="167"/>
      <c r="B28" s="115"/>
      <c r="C28" s="93"/>
      <c r="D28" s="115"/>
      <c r="E28" s="179"/>
      <c r="F28" s="81"/>
      <c r="G28" s="301"/>
      <c r="H28" s="301"/>
      <c r="I28" s="329"/>
    </row>
    <row r="29" spans="1:9" s="29" customFormat="1" ht="9.4" customHeight="1">
      <c r="A29" s="168"/>
      <c r="B29" s="116"/>
      <c r="C29" s="139"/>
      <c r="D29" s="116"/>
      <c r="E29" s="178"/>
      <c r="F29" s="82"/>
      <c r="G29" s="302"/>
      <c r="H29" s="302"/>
      <c r="I29" s="331"/>
    </row>
    <row r="30" spans="1:9" s="28" customFormat="1" ht="9.4" customHeight="1">
      <c r="A30" s="169"/>
      <c r="B30" s="117"/>
      <c r="C30" s="170" t="s">
        <v>268</v>
      </c>
      <c r="D30" s="189"/>
      <c r="E30" s="377" t="s">
        <v>267</v>
      </c>
      <c r="F30" s="83">
        <v>1</v>
      </c>
      <c r="G30" s="303"/>
      <c r="H30" s="304"/>
      <c r="I30" s="333"/>
    </row>
    <row r="31" spans="1:9" s="29" customFormat="1" ht="9.4" customHeight="1">
      <c r="A31" s="167"/>
      <c r="B31" s="115"/>
      <c r="C31" s="93"/>
      <c r="D31" s="179"/>
      <c r="E31" s="179"/>
      <c r="F31" s="81"/>
      <c r="G31" s="301"/>
      <c r="H31" s="325"/>
      <c r="I31" s="329"/>
    </row>
    <row r="32" spans="1:9" s="29" customFormat="1" ht="9.4" customHeight="1">
      <c r="A32" s="168"/>
      <c r="B32" s="116"/>
      <c r="C32" s="193"/>
      <c r="D32" s="178"/>
      <c r="E32" s="178"/>
      <c r="F32" s="82"/>
      <c r="G32" s="302"/>
      <c r="H32" s="305"/>
      <c r="I32" s="331"/>
    </row>
    <row r="33" spans="1:9" s="28" customFormat="1" ht="9.4" customHeight="1">
      <c r="A33" s="169"/>
      <c r="B33" s="117"/>
      <c r="C33" s="193" t="s">
        <v>269</v>
      </c>
      <c r="D33" s="117"/>
      <c r="E33" s="377" t="s">
        <v>267</v>
      </c>
      <c r="F33" s="83">
        <v>1</v>
      </c>
      <c r="G33" s="303"/>
      <c r="H33" s="304"/>
      <c r="I33" s="333"/>
    </row>
    <row r="34" spans="1:9" s="29" customFormat="1" ht="9.4" customHeight="1">
      <c r="A34" s="167"/>
      <c r="B34" s="115"/>
      <c r="C34" s="93"/>
      <c r="D34" s="115"/>
      <c r="E34" s="179"/>
      <c r="F34" s="81"/>
      <c r="G34" s="301"/>
      <c r="H34" s="301"/>
      <c r="I34" s="334"/>
    </row>
    <row r="35" spans="1:9" s="29" customFormat="1" ht="9.4" customHeight="1">
      <c r="A35" s="168"/>
      <c r="B35" s="116"/>
      <c r="C35" s="139"/>
      <c r="D35" s="116"/>
      <c r="E35" s="178"/>
      <c r="F35" s="82"/>
      <c r="G35" s="302"/>
      <c r="H35" s="302"/>
      <c r="I35" s="331"/>
    </row>
    <row r="36" spans="1:9" s="28" customFormat="1" ht="9.4" customHeight="1">
      <c r="A36" s="169"/>
      <c r="B36" s="117"/>
      <c r="C36" s="170" t="s">
        <v>270</v>
      </c>
      <c r="D36" s="189"/>
      <c r="E36" s="377" t="s">
        <v>267</v>
      </c>
      <c r="F36" s="83">
        <v>1</v>
      </c>
      <c r="G36" s="303"/>
      <c r="H36" s="304"/>
      <c r="I36" s="333"/>
    </row>
    <row r="37" spans="1:9" s="29" customFormat="1" ht="9.4" customHeight="1">
      <c r="A37" s="167"/>
      <c r="B37" s="115"/>
      <c r="C37" s="300"/>
      <c r="D37" s="115"/>
      <c r="E37" s="179"/>
      <c r="F37" s="81"/>
      <c r="G37" s="301"/>
      <c r="H37" s="301"/>
      <c r="I37" s="329"/>
    </row>
    <row r="38" spans="1:9" s="29" customFormat="1" ht="9.4" customHeight="1">
      <c r="A38" s="168"/>
      <c r="B38" s="116"/>
      <c r="C38" s="193"/>
      <c r="D38" s="116"/>
      <c r="E38" s="178"/>
      <c r="F38" s="82"/>
      <c r="G38" s="302"/>
      <c r="H38" s="302"/>
      <c r="I38" s="331"/>
    </row>
    <row r="39" spans="1:9" s="28" customFormat="1" ht="9.4" customHeight="1">
      <c r="A39" s="169"/>
      <c r="B39" s="117"/>
      <c r="C39" s="194" t="s">
        <v>1652</v>
      </c>
      <c r="D39" s="117"/>
      <c r="E39" s="180" t="s">
        <v>1653</v>
      </c>
      <c r="F39" s="83">
        <v>1</v>
      </c>
      <c r="G39" s="303"/>
      <c r="H39" s="304"/>
      <c r="I39" s="333"/>
    </row>
    <row r="40" spans="1:9" s="29" customFormat="1" ht="9.4" customHeight="1">
      <c r="A40" s="167"/>
      <c r="B40" s="115"/>
      <c r="C40" s="115"/>
      <c r="D40" s="115"/>
      <c r="E40" s="179"/>
      <c r="F40" s="81"/>
      <c r="G40" s="135"/>
      <c r="H40" s="135"/>
      <c r="I40" s="329"/>
    </row>
    <row r="41" spans="1:9" s="29" customFormat="1" ht="9.4" customHeight="1">
      <c r="A41" s="168"/>
      <c r="B41" s="116"/>
      <c r="C41" s="139"/>
      <c r="D41" s="116"/>
      <c r="E41" s="178"/>
      <c r="F41" s="82"/>
      <c r="G41" s="136"/>
      <c r="H41" s="136"/>
      <c r="I41" s="331"/>
    </row>
    <row r="42" spans="1:9" s="28" customFormat="1" ht="9.4" customHeight="1">
      <c r="A42" s="94"/>
      <c r="B42" s="117"/>
      <c r="C42" s="102" t="s">
        <v>10</v>
      </c>
      <c r="D42" s="349"/>
      <c r="E42" s="87"/>
      <c r="F42" s="85"/>
      <c r="G42" s="151"/>
      <c r="H42" s="340"/>
      <c r="I42" s="335"/>
    </row>
    <row r="43" spans="1:9" s="27" customFormat="1" ht="26.1" customHeight="1">
      <c r="A43" s="96"/>
      <c r="B43" s="172"/>
      <c r="C43" s="172" t="s">
        <v>8</v>
      </c>
      <c r="D43" s="172"/>
      <c r="E43" s="173"/>
      <c r="F43" s="174" t="s">
        <v>11</v>
      </c>
      <c r="G43" s="174"/>
      <c r="H43" s="175"/>
      <c r="I43" s="336"/>
    </row>
    <row r="44" spans="1:9" s="30" customFormat="1">
      <c r="A44" s="702" t="s">
        <v>1</v>
      </c>
      <c r="B44" s="704" t="s">
        <v>2</v>
      </c>
      <c r="C44" s="704" t="s">
        <v>3</v>
      </c>
      <c r="D44" s="704" t="s">
        <v>4</v>
      </c>
      <c r="E44" s="704" t="s">
        <v>224</v>
      </c>
      <c r="F44" s="706" t="s">
        <v>225</v>
      </c>
      <c r="G44" s="707"/>
      <c r="H44" s="708"/>
      <c r="I44" s="752" t="s">
        <v>7</v>
      </c>
    </row>
    <row r="45" spans="1:9" s="30" customFormat="1">
      <c r="A45" s="703"/>
      <c r="B45" s="705"/>
      <c r="C45" s="705"/>
      <c r="D45" s="705"/>
      <c r="E45" s="705"/>
      <c r="F45" s="294" t="s">
        <v>223</v>
      </c>
      <c r="G45" s="294" t="s">
        <v>5</v>
      </c>
      <c r="H45" s="292" t="s">
        <v>6</v>
      </c>
      <c r="I45" s="753"/>
    </row>
    <row r="46" spans="1:9" s="75" customFormat="1" ht="9.4" customHeight="1">
      <c r="A46" s="167"/>
      <c r="B46" s="115"/>
      <c r="C46" s="104"/>
      <c r="D46" s="115"/>
      <c r="E46" s="179"/>
      <c r="F46" s="81"/>
      <c r="G46" s="135"/>
      <c r="H46" s="135"/>
      <c r="I46" s="334"/>
    </row>
    <row r="47" spans="1:9" s="75" customFormat="1" ht="9" customHeight="1">
      <c r="A47" s="97"/>
      <c r="B47" s="116"/>
      <c r="C47" s="116"/>
      <c r="D47" s="116"/>
      <c r="E47" s="178"/>
      <c r="F47" s="82"/>
      <c r="G47" s="136"/>
      <c r="H47" s="136"/>
      <c r="I47" s="331"/>
    </row>
    <row r="48" spans="1:9" s="76" customFormat="1" ht="9.4" customHeight="1">
      <c r="A48" s="299"/>
      <c r="B48" s="194"/>
      <c r="C48" s="117"/>
      <c r="D48" s="189"/>
      <c r="E48" s="180"/>
      <c r="F48" s="83"/>
      <c r="G48" s="134"/>
      <c r="H48" s="149"/>
      <c r="I48" s="333"/>
    </row>
    <row r="49" spans="1:9" s="75" customFormat="1" ht="9.4" customHeight="1">
      <c r="A49" s="167"/>
      <c r="B49" s="115"/>
      <c r="C49" s="115"/>
      <c r="D49" s="115"/>
      <c r="E49" s="179"/>
      <c r="F49" s="81"/>
      <c r="G49" s="135"/>
      <c r="H49" s="135"/>
      <c r="I49" s="334"/>
    </row>
    <row r="50" spans="1:9" s="75" customFormat="1" ht="9.4" customHeight="1">
      <c r="A50" s="168"/>
      <c r="B50" s="116"/>
      <c r="C50" s="139"/>
      <c r="D50" s="116"/>
      <c r="E50" s="178"/>
      <c r="F50" s="82"/>
      <c r="G50" s="136"/>
      <c r="H50" s="136"/>
      <c r="I50" s="331"/>
    </row>
    <row r="51" spans="1:9" s="76" customFormat="1" ht="9.4" customHeight="1">
      <c r="A51" s="169"/>
      <c r="B51" s="117"/>
      <c r="C51" s="170"/>
      <c r="D51" s="117"/>
      <c r="E51" s="180"/>
      <c r="F51" s="83"/>
      <c r="G51" s="134"/>
      <c r="H51" s="149"/>
      <c r="I51" s="333"/>
    </row>
    <row r="52" spans="1:9" s="75" customFormat="1" ht="9.4" customHeight="1">
      <c r="A52" s="167"/>
      <c r="B52" s="115"/>
      <c r="C52" s="115"/>
      <c r="D52" s="115"/>
      <c r="E52" s="179"/>
      <c r="F52" s="81"/>
      <c r="G52" s="135"/>
      <c r="H52" s="135"/>
      <c r="I52" s="329"/>
    </row>
    <row r="53" spans="1:9" s="75" customFormat="1" ht="9.4" customHeight="1">
      <c r="A53" s="168"/>
      <c r="B53" s="116"/>
      <c r="C53" s="139"/>
      <c r="D53" s="116"/>
      <c r="E53" s="178"/>
      <c r="F53" s="82"/>
      <c r="G53" s="136"/>
      <c r="H53" s="136"/>
      <c r="I53" s="331"/>
    </row>
    <row r="54" spans="1:9" s="76" customFormat="1" ht="9.4" customHeight="1">
      <c r="A54" s="169"/>
      <c r="B54" s="117"/>
      <c r="C54" s="170"/>
      <c r="D54" s="189"/>
      <c r="E54" s="180"/>
      <c r="F54" s="83"/>
      <c r="G54" s="134"/>
      <c r="H54" s="149"/>
      <c r="I54" s="333"/>
    </row>
    <row r="55" spans="1:9" s="75" customFormat="1" ht="9.4" customHeight="1">
      <c r="A55" s="167"/>
      <c r="B55" s="115"/>
      <c r="C55" s="115"/>
      <c r="D55" s="115"/>
      <c r="E55" s="179"/>
      <c r="F55" s="81"/>
      <c r="G55" s="135"/>
      <c r="H55" s="135"/>
      <c r="I55" s="329"/>
    </row>
    <row r="56" spans="1:9" s="75" customFormat="1" ht="9.4" customHeight="1">
      <c r="A56" s="168"/>
      <c r="B56" s="178"/>
      <c r="C56" s="139"/>
      <c r="D56" s="116"/>
      <c r="E56" s="178"/>
      <c r="F56" s="82"/>
      <c r="G56" s="136"/>
      <c r="H56" s="136"/>
      <c r="I56" s="331"/>
    </row>
    <row r="57" spans="1:9" s="76" customFormat="1" ht="9.4" customHeight="1">
      <c r="A57" s="169"/>
      <c r="B57" s="117"/>
      <c r="C57" s="170"/>
      <c r="D57" s="189"/>
      <c r="E57" s="180"/>
      <c r="F57" s="83"/>
      <c r="G57" s="134"/>
      <c r="H57" s="149"/>
      <c r="I57" s="333"/>
    </row>
    <row r="58" spans="1:9" s="75" customFormat="1" ht="9.4" customHeight="1">
      <c r="A58" s="167"/>
      <c r="B58" s="115"/>
      <c r="C58" s="104"/>
      <c r="D58" s="115"/>
      <c r="E58" s="179"/>
      <c r="F58" s="81"/>
      <c r="G58" s="135"/>
      <c r="H58" s="135"/>
      <c r="I58" s="329"/>
    </row>
    <row r="59" spans="1:9" s="75" customFormat="1" ht="9.4" customHeight="1">
      <c r="A59" s="168"/>
      <c r="B59" s="116"/>
      <c r="C59" s="116"/>
      <c r="D59" s="116"/>
      <c r="E59" s="178"/>
      <c r="F59" s="82"/>
      <c r="G59" s="136"/>
      <c r="H59" s="136"/>
      <c r="I59" s="331"/>
    </row>
    <row r="60" spans="1:9" s="76" customFormat="1" ht="9.4" customHeight="1">
      <c r="A60" s="169"/>
      <c r="B60" s="117"/>
      <c r="C60" s="117"/>
      <c r="D60" s="189"/>
      <c r="E60" s="180"/>
      <c r="F60" s="83"/>
      <c r="G60" s="134"/>
      <c r="H60" s="149"/>
      <c r="I60" s="333"/>
    </row>
    <row r="61" spans="1:9" s="76" customFormat="1" ht="9.4" customHeight="1">
      <c r="A61" s="147"/>
      <c r="B61" s="146"/>
      <c r="C61" s="115"/>
      <c r="D61" s="115"/>
      <c r="E61" s="179"/>
      <c r="F61" s="81"/>
      <c r="G61" s="135"/>
      <c r="H61" s="135"/>
      <c r="I61" s="329"/>
    </row>
    <row r="62" spans="1:9" s="76" customFormat="1" ht="9.4" customHeight="1">
      <c r="A62" s="147"/>
      <c r="B62" s="146"/>
      <c r="C62" s="139"/>
      <c r="D62" s="116"/>
      <c r="E62" s="178"/>
      <c r="F62" s="82"/>
      <c r="G62" s="136"/>
      <c r="H62" s="136"/>
      <c r="I62" s="331"/>
    </row>
    <row r="63" spans="1:9" s="76" customFormat="1" ht="9.4" customHeight="1">
      <c r="A63" s="147"/>
      <c r="B63" s="146"/>
      <c r="C63" s="170"/>
      <c r="D63" s="117"/>
      <c r="E63" s="180"/>
      <c r="F63" s="83"/>
      <c r="G63" s="134"/>
      <c r="H63" s="149"/>
      <c r="I63" s="333"/>
    </row>
    <row r="64" spans="1:9" s="75" customFormat="1" ht="9.4" customHeight="1">
      <c r="A64" s="167"/>
      <c r="B64" s="115"/>
      <c r="C64" s="115"/>
      <c r="D64" s="115"/>
      <c r="E64" s="179"/>
      <c r="F64" s="81"/>
      <c r="G64" s="135"/>
      <c r="H64" s="135"/>
      <c r="I64" s="329"/>
    </row>
    <row r="65" spans="1:9" s="75" customFormat="1" ht="9" customHeight="1">
      <c r="A65" s="168"/>
      <c r="B65" s="116"/>
      <c r="C65" s="139"/>
      <c r="D65" s="116"/>
      <c r="E65" s="178"/>
      <c r="F65" s="82"/>
      <c r="G65" s="136"/>
      <c r="H65" s="136"/>
      <c r="I65" s="331"/>
    </row>
    <row r="66" spans="1:9" s="76" customFormat="1" ht="9.4" customHeight="1">
      <c r="A66" s="169"/>
      <c r="B66" s="117"/>
      <c r="C66" s="170"/>
      <c r="D66" s="189"/>
      <c r="E66" s="180"/>
      <c r="F66" s="83"/>
      <c r="G66" s="134"/>
      <c r="H66" s="149"/>
      <c r="I66" s="333"/>
    </row>
    <row r="67" spans="1:9" s="75" customFormat="1" ht="9.4" customHeight="1">
      <c r="A67" s="167"/>
      <c r="B67" s="115"/>
      <c r="C67" s="115"/>
      <c r="D67" s="115"/>
      <c r="E67" s="179"/>
      <c r="F67" s="81"/>
      <c r="G67" s="135"/>
      <c r="H67" s="135"/>
      <c r="I67" s="329"/>
    </row>
    <row r="68" spans="1:9" s="75" customFormat="1" ht="9" customHeight="1">
      <c r="A68" s="168"/>
      <c r="B68" s="178"/>
      <c r="C68" s="139"/>
      <c r="D68" s="116"/>
      <c r="E68" s="178"/>
      <c r="F68" s="82"/>
      <c r="G68" s="136"/>
      <c r="H68" s="136"/>
      <c r="I68" s="331"/>
    </row>
    <row r="69" spans="1:9" s="76" customFormat="1" ht="9.4" customHeight="1">
      <c r="A69" s="169"/>
      <c r="B69" s="117"/>
      <c r="C69" s="170"/>
      <c r="D69" s="189"/>
      <c r="E69" s="180"/>
      <c r="F69" s="83"/>
      <c r="G69" s="134"/>
      <c r="H69" s="149"/>
      <c r="I69" s="333"/>
    </row>
    <row r="70" spans="1:9" s="75" customFormat="1" ht="9.4" customHeight="1">
      <c r="A70" s="167"/>
      <c r="B70" s="115"/>
      <c r="C70" s="115"/>
      <c r="D70" s="115"/>
      <c r="E70" s="179"/>
      <c r="F70" s="81"/>
      <c r="G70" s="135"/>
      <c r="H70" s="135"/>
      <c r="I70" s="329"/>
    </row>
    <row r="71" spans="1:9" s="75" customFormat="1" ht="9" customHeight="1">
      <c r="A71" s="168"/>
      <c r="B71" s="116"/>
      <c r="C71" s="139"/>
      <c r="D71" s="116"/>
      <c r="E71" s="178"/>
      <c r="F71" s="82"/>
      <c r="G71" s="136"/>
      <c r="H71" s="136"/>
      <c r="I71" s="331"/>
    </row>
    <row r="72" spans="1:9" s="76" customFormat="1" ht="9.4" customHeight="1">
      <c r="A72" s="169"/>
      <c r="B72" s="117"/>
      <c r="C72" s="170"/>
      <c r="D72" s="189"/>
      <c r="E72" s="180"/>
      <c r="F72" s="83"/>
      <c r="G72" s="134"/>
      <c r="H72" s="149"/>
      <c r="I72" s="333"/>
    </row>
    <row r="73" spans="1:9" s="75" customFormat="1" ht="9.4" customHeight="1">
      <c r="A73" s="167"/>
      <c r="B73" s="115"/>
      <c r="C73" s="115"/>
      <c r="D73" s="115"/>
      <c r="E73" s="179"/>
      <c r="F73" s="81"/>
      <c r="G73" s="135"/>
      <c r="H73" s="135"/>
      <c r="I73" s="329"/>
    </row>
    <row r="74" spans="1:9" s="75" customFormat="1" ht="9.4" customHeight="1">
      <c r="A74" s="168"/>
      <c r="B74" s="116"/>
      <c r="C74" s="139"/>
      <c r="D74" s="116"/>
      <c r="E74" s="178"/>
      <c r="F74" s="82"/>
      <c r="G74" s="136"/>
      <c r="H74" s="136"/>
      <c r="I74" s="331"/>
    </row>
    <row r="75" spans="1:9" s="76" customFormat="1" ht="9.4" customHeight="1">
      <c r="A75" s="147"/>
      <c r="B75" s="146"/>
      <c r="C75" s="170"/>
      <c r="D75" s="189"/>
      <c r="E75" s="180"/>
      <c r="F75" s="83"/>
      <c r="G75" s="134"/>
      <c r="H75" s="149"/>
      <c r="I75" s="333"/>
    </row>
    <row r="76" spans="1:9" s="75" customFormat="1" ht="9.4" customHeight="1">
      <c r="A76" s="167"/>
      <c r="B76" s="115"/>
      <c r="C76" s="115"/>
      <c r="D76" s="115"/>
      <c r="E76" s="179"/>
      <c r="F76" s="81"/>
      <c r="G76" s="135"/>
      <c r="H76" s="135"/>
      <c r="I76" s="329"/>
    </row>
    <row r="77" spans="1:9" s="75" customFormat="1" ht="9" customHeight="1">
      <c r="A77" s="168"/>
      <c r="B77" s="116"/>
      <c r="C77" s="139"/>
      <c r="D77" s="116"/>
      <c r="E77" s="178"/>
      <c r="F77" s="82"/>
      <c r="G77" s="136"/>
      <c r="H77" s="136"/>
      <c r="I77" s="331"/>
    </row>
    <row r="78" spans="1:9" s="76" customFormat="1" ht="9.4" customHeight="1">
      <c r="A78" s="169"/>
      <c r="B78" s="117"/>
      <c r="C78" s="170"/>
      <c r="D78" s="189"/>
      <c r="E78" s="180"/>
      <c r="F78" s="83"/>
      <c r="G78" s="134"/>
      <c r="H78" s="149"/>
      <c r="I78" s="333"/>
    </row>
    <row r="79" spans="1:9" s="75" customFormat="1" ht="9.4" customHeight="1">
      <c r="A79" s="168"/>
      <c r="B79" s="116"/>
      <c r="C79" s="115"/>
      <c r="D79" s="115"/>
      <c r="E79" s="179"/>
      <c r="F79" s="81"/>
      <c r="G79" s="135"/>
      <c r="H79" s="135"/>
      <c r="I79" s="329"/>
    </row>
    <row r="80" spans="1:9" s="75" customFormat="1" ht="9" customHeight="1">
      <c r="A80" s="168"/>
      <c r="B80" s="116"/>
      <c r="C80" s="139"/>
      <c r="D80" s="116"/>
      <c r="E80" s="178"/>
      <c r="F80" s="82"/>
      <c r="G80" s="136"/>
      <c r="H80" s="136"/>
      <c r="I80" s="331"/>
    </row>
    <row r="81" spans="1:9" s="76" customFormat="1" ht="9.4" customHeight="1">
      <c r="A81" s="169"/>
      <c r="B81" s="117"/>
      <c r="C81" s="170"/>
      <c r="D81" s="189"/>
      <c r="E81" s="180"/>
      <c r="F81" s="83"/>
      <c r="G81" s="134"/>
      <c r="H81" s="149"/>
      <c r="I81" s="333"/>
    </row>
    <row r="82" spans="1:9" s="75" customFormat="1" ht="9.4" customHeight="1">
      <c r="A82" s="167"/>
      <c r="B82" s="115"/>
      <c r="C82" s="115"/>
      <c r="D82" s="115"/>
      <c r="E82" s="179"/>
      <c r="F82" s="81"/>
      <c r="G82" s="135"/>
      <c r="H82" s="135"/>
      <c r="I82" s="329"/>
    </row>
    <row r="83" spans="1:9" s="75" customFormat="1" ht="9" customHeight="1">
      <c r="A83" s="168"/>
      <c r="B83" s="116"/>
      <c r="C83" s="139"/>
      <c r="D83" s="116"/>
      <c r="E83" s="178"/>
      <c r="F83" s="82"/>
      <c r="G83" s="136"/>
      <c r="H83" s="150"/>
      <c r="I83" s="331"/>
    </row>
    <row r="84" spans="1:9" s="76" customFormat="1" ht="9.4" customHeight="1">
      <c r="A84" s="94"/>
      <c r="B84" s="161"/>
      <c r="C84" s="102"/>
      <c r="D84" s="161"/>
      <c r="E84" s="87"/>
      <c r="F84" s="85"/>
      <c r="G84" s="151"/>
      <c r="H84" s="183"/>
      <c r="I84" s="335"/>
    </row>
    <row r="85" spans="1:9" s="27" customFormat="1" ht="26.1" customHeight="1">
      <c r="A85" s="96"/>
      <c r="B85" s="172"/>
      <c r="C85" s="172"/>
      <c r="D85" s="172"/>
      <c r="E85" s="173"/>
      <c r="F85" s="90"/>
      <c r="G85" s="174"/>
      <c r="H85" s="175"/>
      <c r="I85" s="336"/>
    </row>
    <row r="86" spans="1:9" s="30" customFormat="1">
      <c r="A86" s="702" t="s">
        <v>1</v>
      </c>
      <c r="B86" s="704" t="s">
        <v>2</v>
      </c>
      <c r="C86" s="704" t="s">
        <v>3</v>
      </c>
      <c r="D86" s="704" t="s">
        <v>4</v>
      </c>
      <c r="E86" s="704" t="s">
        <v>224</v>
      </c>
      <c r="F86" s="706" t="s">
        <v>225</v>
      </c>
      <c r="G86" s="707"/>
      <c r="H86" s="708"/>
      <c r="I86" s="752" t="s">
        <v>7</v>
      </c>
    </row>
    <row r="87" spans="1:9" s="30" customFormat="1">
      <c r="A87" s="703"/>
      <c r="B87" s="705"/>
      <c r="C87" s="705"/>
      <c r="D87" s="705"/>
      <c r="E87" s="705"/>
      <c r="F87" s="294" t="s">
        <v>223</v>
      </c>
      <c r="G87" s="294" t="s">
        <v>5</v>
      </c>
      <c r="H87" s="292" t="s">
        <v>6</v>
      </c>
      <c r="I87" s="753"/>
    </row>
    <row r="88" spans="1:9" s="29" customFormat="1" ht="9.4" customHeight="1">
      <c r="A88" s="167"/>
      <c r="B88" s="179"/>
      <c r="C88" s="115"/>
      <c r="D88" s="115"/>
      <c r="E88" s="179"/>
      <c r="F88" s="81"/>
      <c r="G88" s="135"/>
      <c r="H88" s="135"/>
      <c r="I88" s="329"/>
    </row>
    <row r="89" spans="1:9" s="29" customFormat="1" ht="9.4" customHeight="1">
      <c r="A89" s="97" t="s">
        <v>466</v>
      </c>
      <c r="B89" s="178"/>
      <c r="C89" s="116"/>
      <c r="D89" s="116"/>
      <c r="E89" s="178"/>
      <c r="F89" s="82"/>
      <c r="G89" s="136"/>
      <c r="H89" s="136"/>
      <c r="I89" s="331"/>
    </row>
    <row r="90" spans="1:9" s="28" customFormat="1" ht="9.4" customHeight="1">
      <c r="A90" s="299" t="s">
        <v>367</v>
      </c>
      <c r="B90" s="194"/>
      <c r="C90" s="117"/>
      <c r="D90" s="117"/>
      <c r="E90" s="180"/>
      <c r="F90" s="83"/>
      <c r="G90" s="134"/>
      <c r="H90" s="149"/>
      <c r="I90" s="332"/>
    </row>
    <row r="91" spans="1:9" s="29" customFormat="1" ht="9.4" customHeight="1">
      <c r="A91" s="167"/>
      <c r="B91" s="179"/>
      <c r="C91" s="104"/>
      <c r="D91" s="115"/>
      <c r="E91" s="179"/>
      <c r="F91" s="81"/>
      <c r="G91" s="135"/>
      <c r="H91" s="135"/>
      <c r="I91" s="329"/>
    </row>
    <row r="92" spans="1:9" s="29" customFormat="1" ht="9.4" customHeight="1">
      <c r="A92" s="168"/>
      <c r="B92" s="178"/>
      <c r="C92" s="139"/>
      <c r="D92" s="116"/>
      <c r="E92" s="178"/>
      <c r="F92" s="82"/>
      <c r="G92" s="136"/>
      <c r="H92" s="136"/>
      <c r="I92" s="331"/>
    </row>
    <row r="93" spans="1:9" s="28" customFormat="1" ht="9.4" customHeight="1">
      <c r="A93" s="169"/>
      <c r="B93" s="117" t="s">
        <v>498</v>
      </c>
      <c r="C93" s="170" t="s">
        <v>295</v>
      </c>
      <c r="D93" s="117"/>
      <c r="E93" s="180" t="s">
        <v>248</v>
      </c>
      <c r="F93" s="83">
        <v>40</v>
      </c>
      <c r="G93" s="134"/>
      <c r="H93" s="304"/>
      <c r="I93" s="333"/>
    </row>
    <row r="94" spans="1:9" s="29" customFormat="1" ht="9.4" customHeight="1">
      <c r="A94" s="167"/>
      <c r="B94" s="115"/>
      <c r="C94" s="300"/>
      <c r="D94" s="115"/>
      <c r="E94" s="179"/>
      <c r="F94" s="81"/>
      <c r="G94" s="135"/>
      <c r="H94" s="135"/>
      <c r="I94" s="329"/>
    </row>
    <row r="95" spans="1:9" s="29" customFormat="1" ht="9.4" customHeight="1">
      <c r="A95" s="168"/>
      <c r="B95" s="116"/>
      <c r="C95" s="193"/>
      <c r="D95" s="116"/>
      <c r="E95" s="178"/>
      <c r="F95" s="82"/>
      <c r="G95" s="136"/>
      <c r="H95" s="136"/>
      <c r="I95" s="331"/>
    </row>
    <row r="96" spans="1:9" s="28" customFormat="1" ht="9.4" customHeight="1">
      <c r="A96" s="169"/>
      <c r="B96" s="117"/>
      <c r="C96" s="194" t="s">
        <v>296</v>
      </c>
      <c r="D96" s="189"/>
      <c r="E96" s="180" t="s">
        <v>248</v>
      </c>
      <c r="F96" s="83">
        <v>194</v>
      </c>
      <c r="G96" s="134"/>
      <c r="H96" s="304"/>
      <c r="I96" s="333"/>
    </row>
    <row r="97" spans="1:9" s="29" customFormat="1" ht="9.4" customHeight="1">
      <c r="A97" s="167"/>
      <c r="B97" s="115"/>
      <c r="C97" s="104"/>
      <c r="D97" s="115"/>
      <c r="E97" s="179"/>
      <c r="F97" s="81"/>
      <c r="G97" s="135"/>
      <c r="H97" s="135"/>
      <c r="I97" s="329"/>
    </row>
    <row r="98" spans="1:9" s="29" customFormat="1" ht="9.4" customHeight="1">
      <c r="A98" s="168"/>
      <c r="B98" s="116"/>
      <c r="C98" s="116"/>
      <c r="D98" s="116"/>
      <c r="E98" s="178"/>
      <c r="F98" s="82"/>
      <c r="G98" s="136"/>
      <c r="H98" s="136"/>
      <c r="I98" s="331"/>
    </row>
    <row r="99" spans="1:9" s="28" customFormat="1" ht="9.4" customHeight="1">
      <c r="A99" s="169"/>
      <c r="B99" s="103"/>
      <c r="C99" s="117" t="s">
        <v>249</v>
      </c>
      <c r="D99" s="117"/>
      <c r="E99" s="180" t="s">
        <v>248</v>
      </c>
      <c r="F99" s="83">
        <v>1</v>
      </c>
      <c r="G99" s="134"/>
      <c r="H99" s="304"/>
      <c r="I99" s="333"/>
    </row>
    <row r="100" spans="1:9" s="29" customFormat="1" ht="9.4" customHeight="1">
      <c r="A100" s="167"/>
      <c r="B100" s="115"/>
      <c r="C100" s="104"/>
      <c r="D100" s="115"/>
      <c r="E100" s="179"/>
      <c r="F100" s="81"/>
      <c r="G100" s="135"/>
      <c r="H100" s="135"/>
      <c r="I100" s="329"/>
    </row>
    <row r="101" spans="1:9" s="29" customFormat="1" ht="9.4" customHeight="1">
      <c r="A101" s="168"/>
      <c r="B101" s="116"/>
      <c r="C101" s="116"/>
      <c r="D101" s="116"/>
      <c r="E101" s="178"/>
      <c r="F101" s="82"/>
      <c r="G101" s="136"/>
      <c r="H101" s="136"/>
      <c r="I101" s="331"/>
    </row>
    <row r="102" spans="1:9" s="28" customFormat="1" ht="9.4" customHeight="1">
      <c r="A102" s="169"/>
      <c r="B102" s="117"/>
      <c r="C102" s="117" t="s">
        <v>497</v>
      </c>
      <c r="D102" s="189"/>
      <c r="E102" s="180" t="s">
        <v>248</v>
      </c>
      <c r="F102" s="83">
        <v>1</v>
      </c>
      <c r="G102" s="134"/>
      <c r="H102" s="304"/>
      <c r="I102" s="333"/>
    </row>
    <row r="103" spans="1:9" s="29" customFormat="1" ht="9.4" customHeight="1">
      <c r="A103" s="167"/>
      <c r="B103" s="115"/>
      <c r="C103" s="104"/>
      <c r="D103" s="115"/>
      <c r="E103" s="179"/>
      <c r="F103" s="81"/>
      <c r="G103" s="135"/>
      <c r="H103" s="135"/>
      <c r="I103" s="329"/>
    </row>
    <row r="104" spans="1:9" s="29" customFormat="1" ht="9.4" customHeight="1">
      <c r="A104" s="168"/>
      <c r="B104" s="116"/>
      <c r="C104" s="116"/>
      <c r="D104" s="116"/>
      <c r="E104" s="178"/>
      <c r="F104" s="82"/>
      <c r="G104" s="136"/>
      <c r="H104" s="136"/>
      <c r="I104" s="331"/>
    </row>
    <row r="105" spans="1:9" s="28" customFormat="1" ht="9.4" customHeight="1">
      <c r="A105" s="169"/>
      <c r="B105" s="117"/>
      <c r="C105" s="117"/>
      <c r="D105" s="117"/>
      <c r="E105" s="180"/>
      <c r="F105" s="83"/>
      <c r="G105" s="134"/>
      <c r="H105" s="304"/>
      <c r="I105" s="333"/>
    </row>
    <row r="106" spans="1:9" s="29" customFormat="1" ht="9.4" customHeight="1">
      <c r="A106" s="167"/>
      <c r="B106" s="115"/>
      <c r="C106" s="104"/>
      <c r="D106" s="115"/>
      <c r="E106" s="179"/>
      <c r="F106" s="81"/>
      <c r="G106" s="135"/>
      <c r="H106" s="135"/>
      <c r="I106" s="329"/>
    </row>
    <row r="107" spans="1:9" s="29" customFormat="1" ht="9.4" customHeight="1">
      <c r="A107" s="168"/>
      <c r="B107" s="116"/>
      <c r="C107" s="116"/>
      <c r="D107" s="116"/>
      <c r="E107" s="178"/>
      <c r="F107" s="82"/>
      <c r="G107" s="136"/>
      <c r="H107" s="136"/>
      <c r="I107" s="331"/>
    </row>
    <row r="108" spans="1:9" s="28" customFormat="1" ht="9.4" customHeight="1">
      <c r="A108" s="169"/>
      <c r="B108" s="117"/>
      <c r="C108" s="117"/>
      <c r="D108" s="189"/>
      <c r="E108" s="180"/>
      <c r="F108" s="83"/>
      <c r="G108" s="134"/>
      <c r="H108" s="304"/>
      <c r="I108" s="333"/>
    </row>
    <row r="109" spans="1:9" s="29" customFormat="1" ht="9.4" customHeight="1">
      <c r="A109" s="167"/>
      <c r="B109" s="115"/>
      <c r="C109" s="104"/>
      <c r="D109" s="115"/>
      <c r="E109" s="179"/>
      <c r="F109" s="81"/>
      <c r="G109" s="135"/>
      <c r="H109" s="135"/>
      <c r="I109" s="329"/>
    </row>
    <row r="110" spans="1:9" s="29" customFormat="1" ht="9.4" customHeight="1">
      <c r="A110" s="168"/>
      <c r="B110" s="116"/>
      <c r="C110" s="116"/>
      <c r="D110" s="116"/>
      <c r="E110" s="178"/>
      <c r="F110" s="82"/>
      <c r="G110" s="136"/>
      <c r="H110" s="136"/>
      <c r="I110" s="331"/>
    </row>
    <row r="111" spans="1:9" s="28" customFormat="1" ht="9.4" customHeight="1">
      <c r="A111" s="169"/>
      <c r="B111" s="117"/>
      <c r="C111" s="117"/>
      <c r="D111" s="189"/>
      <c r="E111" s="180"/>
      <c r="F111" s="83"/>
      <c r="G111" s="134"/>
      <c r="H111" s="149"/>
      <c r="I111" s="333"/>
    </row>
    <row r="112" spans="1:9" s="29" customFormat="1" ht="9.4" customHeight="1">
      <c r="A112" s="167"/>
      <c r="B112" s="115"/>
      <c r="C112" s="104"/>
      <c r="D112" s="115"/>
      <c r="E112" s="179"/>
      <c r="F112" s="153"/>
      <c r="G112" s="135"/>
      <c r="H112" s="135"/>
      <c r="I112" s="329"/>
    </row>
    <row r="113" spans="1:9" s="29" customFormat="1" ht="9.4" customHeight="1">
      <c r="A113" s="168"/>
      <c r="B113" s="116"/>
      <c r="C113" s="116"/>
      <c r="D113" s="116"/>
      <c r="E113" s="178"/>
      <c r="F113" s="154"/>
      <c r="G113" s="136"/>
      <c r="H113" s="136"/>
      <c r="I113" s="331"/>
    </row>
    <row r="114" spans="1:9" s="28" customFormat="1" ht="9.4" customHeight="1">
      <c r="A114" s="169"/>
      <c r="B114" s="117"/>
      <c r="C114" s="117"/>
      <c r="D114" s="189"/>
      <c r="E114" s="180"/>
      <c r="F114" s="138"/>
      <c r="G114" s="134"/>
      <c r="H114" s="149"/>
      <c r="I114" s="333"/>
    </row>
    <row r="115" spans="1:9" s="29" customFormat="1" ht="9.4" customHeight="1">
      <c r="A115" s="167"/>
      <c r="B115" s="115"/>
      <c r="C115" s="115"/>
      <c r="D115" s="115"/>
      <c r="E115" s="179"/>
      <c r="F115" s="81"/>
      <c r="G115" s="135"/>
      <c r="H115" s="135"/>
      <c r="I115" s="329"/>
    </row>
    <row r="116" spans="1:9" s="29" customFormat="1" ht="9.4" customHeight="1">
      <c r="A116" s="168"/>
      <c r="B116" s="116"/>
      <c r="C116" s="139"/>
      <c r="D116" s="116"/>
      <c r="E116" s="178"/>
      <c r="F116" s="82"/>
      <c r="G116" s="136"/>
      <c r="H116" s="136"/>
      <c r="I116" s="331"/>
    </row>
    <row r="117" spans="1:9" s="28" customFormat="1" ht="9.4" customHeight="1">
      <c r="A117" s="169"/>
      <c r="B117" s="117"/>
      <c r="C117" s="170"/>
      <c r="D117" s="189"/>
      <c r="E117" s="180"/>
      <c r="F117" s="83"/>
      <c r="G117" s="134"/>
      <c r="H117" s="149"/>
      <c r="I117" s="333"/>
    </row>
    <row r="118" spans="1:9" s="29" customFormat="1" ht="9.4" customHeight="1">
      <c r="A118" s="167"/>
      <c r="B118" s="115"/>
      <c r="C118" s="115"/>
      <c r="D118" s="179"/>
      <c r="E118" s="179"/>
      <c r="F118" s="81"/>
      <c r="G118" s="135"/>
      <c r="H118" s="181"/>
      <c r="I118" s="334"/>
    </row>
    <row r="119" spans="1:9" s="29" customFormat="1" ht="9.4" customHeight="1">
      <c r="A119" s="168"/>
      <c r="B119" s="116"/>
      <c r="C119" s="116"/>
      <c r="D119" s="178"/>
      <c r="E119" s="178"/>
      <c r="F119" s="82"/>
      <c r="G119" s="136"/>
      <c r="H119" s="150"/>
      <c r="I119" s="331"/>
    </row>
    <row r="120" spans="1:9" s="28" customFormat="1" ht="9.4" customHeight="1">
      <c r="A120" s="169"/>
      <c r="B120" s="117"/>
      <c r="C120" s="116"/>
      <c r="D120" s="117"/>
      <c r="E120" s="180"/>
      <c r="F120" s="83"/>
      <c r="G120" s="134"/>
      <c r="H120" s="182"/>
      <c r="I120" s="333"/>
    </row>
    <row r="121" spans="1:9" s="29" customFormat="1" ht="9.4" customHeight="1">
      <c r="A121" s="167"/>
      <c r="B121" s="115"/>
      <c r="C121" s="115"/>
      <c r="D121" s="115"/>
      <c r="E121" s="179"/>
      <c r="F121" s="81"/>
      <c r="G121" s="135"/>
      <c r="H121" s="135"/>
      <c r="I121" s="329"/>
    </row>
    <row r="122" spans="1:9" s="29" customFormat="1" ht="9.4" customHeight="1">
      <c r="A122" s="168"/>
      <c r="B122" s="116"/>
      <c r="C122" s="139"/>
      <c r="D122" s="116"/>
      <c r="E122" s="178"/>
      <c r="F122" s="82"/>
      <c r="G122" s="136"/>
      <c r="H122" s="136"/>
      <c r="I122" s="331"/>
    </row>
    <row r="123" spans="1:9" s="28" customFormat="1" ht="9.4" customHeight="1">
      <c r="A123" s="169"/>
      <c r="B123" s="117"/>
      <c r="C123" s="170"/>
      <c r="D123" s="189"/>
      <c r="E123" s="180"/>
      <c r="F123" s="83"/>
      <c r="G123" s="134"/>
      <c r="H123" s="149"/>
      <c r="I123" s="332"/>
    </row>
    <row r="124" spans="1:9" s="29" customFormat="1" ht="9.4" customHeight="1">
      <c r="A124" s="167"/>
      <c r="B124" s="115"/>
      <c r="C124" s="115"/>
      <c r="D124" s="115"/>
      <c r="E124" s="179"/>
      <c r="F124" s="81"/>
      <c r="G124" s="135"/>
      <c r="H124" s="135"/>
      <c r="I124" s="329"/>
    </row>
    <row r="125" spans="1:9" s="29" customFormat="1" ht="9.4" customHeight="1">
      <c r="A125" s="168"/>
      <c r="B125" s="116"/>
      <c r="C125" s="139"/>
      <c r="D125" s="116"/>
      <c r="E125" s="178"/>
      <c r="F125" s="82"/>
      <c r="G125" s="136"/>
      <c r="H125" s="136"/>
      <c r="I125" s="331"/>
    </row>
    <row r="126" spans="1:9" s="28" customFormat="1" ht="9.4" customHeight="1">
      <c r="A126" s="94"/>
      <c r="B126" s="117"/>
      <c r="C126" s="102" t="s">
        <v>10</v>
      </c>
      <c r="D126" s="349"/>
      <c r="E126" s="87"/>
      <c r="F126" s="85"/>
      <c r="G126" s="151"/>
      <c r="H126" s="183"/>
      <c r="I126" s="335"/>
    </row>
    <row r="127" spans="1:9" s="27" customFormat="1" ht="26.1" customHeight="1">
      <c r="A127" s="96"/>
      <c r="B127" s="172"/>
      <c r="C127" s="172" t="s">
        <v>8</v>
      </c>
      <c r="D127" s="172"/>
      <c r="E127" s="173"/>
      <c r="F127" s="174" t="s">
        <v>11</v>
      </c>
      <c r="G127" s="174"/>
      <c r="H127" s="175"/>
      <c r="I127" s="336"/>
    </row>
    <row r="128" spans="1:9" s="30" customFormat="1">
      <c r="A128" s="702" t="s">
        <v>1</v>
      </c>
      <c r="B128" s="704" t="s">
        <v>2</v>
      </c>
      <c r="C128" s="704" t="s">
        <v>3</v>
      </c>
      <c r="D128" s="704" t="s">
        <v>4</v>
      </c>
      <c r="E128" s="704" t="s">
        <v>224</v>
      </c>
      <c r="F128" s="706" t="s">
        <v>225</v>
      </c>
      <c r="G128" s="707"/>
      <c r="H128" s="708"/>
      <c r="I128" s="752" t="s">
        <v>7</v>
      </c>
    </row>
    <row r="129" spans="1:9" s="30" customFormat="1">
      <c r="A129" s="703"/>
      <c r="B129" s="705"/>
      <c r="C129" s="705"/>
      <c r="D129" s="705"/>
      <c r="E129" s="705"/>
      <c r="F129" s="294" t="s">
        <v>223</v>
      </c>
      <c r="G129" s="294" t="s">
        <v>5</v>
      </c>
      <c r="H129" s="292" t="s">
        <v>6</v>
      </c>
      <c r="I129" s="753"/>
    </row>
    <row r="130" spans="1:9" s="75" customFormat="1" ht="9.4" customHeight="1">
      <c r="A130" s="167"/>
      <c r="B130" s="179"/>
      <c r="C130" s="115"/>
      <c r="D130" s="115"/>
      <c r="E130" s="179"/>
      <c r="F130" s="81"/>
      <c r="G130" s="135"/>
      <c r="H130" s="135"/>
      <c r="I130" s="329"/>
    </row>
    <row r="131" spans="1:9" s="75" customFormat="1" ht="9" customHeight="1">
      <c r="A131" s="97" t="s">
        <v>466</v>
      </c>
      <c r="B131" s="178"/>
      <c r="C131" s="139"/>
      <c r="D131" s="116"/>
      <c r="E131" s="178"/>
      <c r="F131" s="82"/>
      <c r="G131" s="136"/>
      <c r="H131" s="171"/>
      <c r="I131" s="331"/>
    </row>
    <row r="132" spans="1:9" s="76" customFormat="1" ht="9.4" customHeight="1">
      <c r="A132" s="299" t="s">
        <v>367</v>
      </c>
      <c r="B132" s="194"/>
      <c r="C132" s="170"/>
      <c r="D132" s="117"/>
      <c r="E132" s="180"/>
      <c r="F132" s="83"/>
      <c r="G132" s="134"/>
      <c r="H132" s="149"/>
      <c r="I132" s="337"/>
    </row>
    <row r="133" spans="1:9" s="75" customFormat="1" ht="9.4" customHeight="1">
      <c r="A133" s="167"/>
      <c r="B133" s="179"/>
      <c r="C133" s="115"/>
      <c r="D133" s="115"/>
      <c r="E133" s="179"/>
      <c r="F133" s="301"/>
      <c r="G133" s="301"/>
      <c r="H133" s="301"/>
      <c r="I133" s="329"/>
    </row>
    <row r="134" spans="1:9" s="75" customFormat="1" ht="9.4" customHeight="1">
      <c r="A134" s="168"/>
      <c r="B134" s="178"/>
      <c r="C134" s="139"/>
      <c r="D134" s="116" t="s">
        <v>341</v>
      </c>
      <c r="E134" s="178"/>
      <c r="F134" s="302"/>
      <c r="G134" s="302"/>
      <c r="H134" s="302"/>
      <c r="I134" s="338"/>
    </row>
    <row r="135" spans="1:9" s="76" customFormat="1" ht="9.4" customHeight="1">
      <c r="A135" s="169"/>
      <c r="B135" s="117" t="s">
        <v>24</v>
      </c>
      <c r="C135" s="170" t="s">
        <v>271</v>
      </c>
      <c r="D135" s="117" t="s">
        <v>329</v>
      </c>
      <c r="E135" s="180" t="s">
        <v>508</v>
      </c>
      <c r="F135" s="383">
        <v>65.7</v>
      </c>
      <c r="G135" s="303"/>
      <c r="H135" s="304"/>
      <c r="I135" s="333"/>
    </row>
    <row r="136" spans="1:9" s="75" customFormat="1" ht="9.4" customHeight="1">
      <c r="A136" s="167"/>
      <c r="B136" s="115"/>
      <c r="C136" s="115"/>
      <c r="D136" s="115"/>
      <c r="E136" s="179"/>
      <c r="F136" s="301"/>
      <c r="G136" s="301"/>
      <c r="H136" s="135"/>
      <c r="I136" s="329"/>
    </row>
    <row r="137" spans="1:9" s="75" customFormat="1" ht="9.4" customHeight="1">
      <c r="A137" s="168"/>
      <c r="B137" s="116"/>
      <c r="C137" s="139"/>
      <c r="D137" s="116" t="s">
        <v>341</v>
      </c>
      <c r="E137" s="178"/>
      <c r="F137" s="302"/>
      <c r="G137" s="302"/>
      <c r="H137" s="136"/>
      <c r="I137" s="338"/>
    </row>
    <row r="138" spans="1:9" s="76" customFormat="1" ht="9.4" customHeight="1">
      <c r="A138" s="169"/>
      <c r="B138" s="117"/>
      <c r="C138" s="170" t="s">
        <v>271</v>
      </c>
      <c r="D138" s="117" t="s">
        <v>330</v>
      </c>
      <c r="E138" s="180" t="s">
        <v>508</v>
      </c>
      <c r="F138" s="383">
        <v>35.5</v>
      </c>
      <c r="G138" s="303"/>
      <c r="H138" s="304"/>
      <c r="I138" s="333"/>
    </row>
    <row r="139" spans="1:9" s="75" customFormat="1" ht="9.4" customHeight="1">
      <c r="A139" s="167"/>
      <c r="B139" s="115"/>
      <c r="C139" s="115"/>
      <c r="D139" s="115"/>
      <c r="E139" s="179"/>
      <c r="F139" s="301"/>
      <c r="G139" s="301"/>
      <c r="H139" s="135"/>
      <c r="I139" s="329"/>
    </row>
    <row r="140" spans="1:9" s="75" customFormat="1" ht="9.4" customHeight="1">
      <c r="A140" s="168"/>
      <c r="B140" s="178"/>
      <c r="C140" s="139"/>
      <c r="D140" s="116" t="s">
        <v>341</v>
      </c>
      <c r="E140" s="178"/>
      <c r="F140" s="302"/>
      <c r="G140" s="302"/>
      <c r="H140" s="136"/>
      <c r="I140" s="338"/>
    </row>
    <row r="141" spans="1:9" s="76" customFormat="1" ht="9.4" customHeight="1">
      <c r="A141" s="169"/>
      <c r="B141" s="117"/>
      <c r="C141" s="170" t="s">
        <v>271</v>
      </c>
      <c r="D141" s="117" t="s">
        <v>331</v>
      </c>
      <c r="E141" s="180" t="s">
        <v>508</v>
      </c>
      <c r="F141" s="303">
        <v>218</v>
      </c>
      <c r="G141" s="303"/>
      <c r="H141" s="304"/>
      <c r="I141" s="333"/>
    </row>
    <row r="142" spans="1:9" s="75" customFormat="1" ht="9.4" customHeight="1">
      <c r="A142" s="147"/>
      <c r="B142" s="146"/>
      <c r="C142" s="115"/>
      <c r="D142" s="115"/>
      <c r="E142" s="179"/>
      <c r="F142" s="301"/>
      <c r="G142" s="301"/>
      <c r="H142" s="301"/>
      <c r="I142" s="329"/>
    </row>
    <row r="143" spans="1:9" s="75" customFormat="1" ht="9.4" customHeight="1">
      <c r="A143" s="147"/>
      <c r="B143" s="146"/>
      <c r="C143" s="139"/>
      <c r="D143" s="116" t="s">
        <v>341</v>
      </c>
      <c r="E143" s="178"/>
      <c r="F143" s="302"/>
      <c r="G143" s="302"/>
      <c r="H143" s="302"/>
      <c r="I143" s="338"/>
    </row>
    <row r="144" spans="1:9" s="76" customFormat="1" ht="9.4" customHeight="1">
      <c r="A144" s="147"/>
      <c r="B144" s="146"/>
      <c r="C144" s="170" t="s">
        <v>271</v>
      </c>
      <c r="D144" s="117" t="s">
        <v>332</v>
      </c>
      <c r="E144" s="180" t="s">
        <v>508</v>
      </c>
      <c r="F144" s="405">
        <v>317</v>
      </c>
      <c r="G144" s="303"/>
      <c r="H144" s="304"/>
      <c r="I144" s="333"/>
    </row>
    <row r="145" spans="1:9" s="76" customFormat="1" ht="9.4" customHeight="1">
      <c r="A145" s="167"/>
      <c r="B145" s="115"/>
      <c r="C145" s="115"/>
      <c r="D145" s="115"/>
      <c r="E145" s="179"/>
      <c r="F145" s="301"/>
      <c r="G145" s="301"/>
      <c r="H145" s="135"/>
      <c r="I145" s="329"/>
    </row>
    <row r="146" spans="1:9" s="76" customFormat="1" ht="9.4" customHeight="1">
      <c r="A146" s="168"/>
      <c r="B146" s="116"/>
      <c r="C146" s="139"/>
      <c r="D146" s="116" t="s">
        <v>341</v>
      </c>
      <c r="E146" s="178"/>
      <c r="F146" s="302"/>
      <c r="G146" s="302"/>
      <c r="H146" s="136"/>
      <c r="I146" s="338"/>
    </row>
    <row r="147" spans="1:9" s="76" customFormat="1" ht="9.4" customHeight="1">
      <c r="A147" s="169"/>
      <c r="B147" s="117"/>
      <c r="C147" s="170" t="s">
        <v>271</v>
      </c>
      <c r="D147" s="117" t="s">
        <v>333</v>
      </c>
      <c r="E147" s="180" t="s">
        <v>508</v>
      </c>
      <c r="F147" s="383">
        <v>79.5</v>
      </c>
      <c r="G147" s="303"/>
      <c r="H147" s="304"/>
      <c r="I147" s="333"/>
    </row>
    <row r="148" spans="1:9" s="75" customFormat="1" ht="9.4" customHeight="1">
      <c r="A148" s="167"/>
      <c r="B148" s="115"/>
      <c r="C148" s="115"/>
      <c r="D148" s="115"/>
      <c r="E148" s="179"/>
      <c r="F148" s="301"/>
      <c r="G148" s="301"/>
      <c r="H148" s="135"/>
      <c r="I148" s="329"/>
    </row>
    <row r="149" spans="1:9" s="75" customFormat="1" ht="9" customHeight="1">
      <c r="A149" s="168"/>
      <c r="B149" s="178"/>
      <c r="C149" s="139"/>
      <c r="D149" s="116" t="s">
        <v>341</v>
      </c>
      <c r="E149" s="178"/>
      <c r="F149" s="302"/>
      <c r="G149" s="302"/>
      <c r="H149" s="136"/>
      <c r="I149" s="338"/>
    </row>
    <row r="150" spans="1:9" s="76" customFormat="1" ht="9.4" customHeight="1">
      <c r="A150" s="169"/>
      <c r="B150" s="117"/>
      <c r="C150" s="170" t="s">
        <v>271</v>
      </c>
      <c r="D150" s="117" t="s">
        <v>334</v>
      </c>
      <c r="E150" s="180" t="s">
        <v>508</v>
      </c>
      <c r="F150" s="383">
        <v>21.1</v>
      </c>
      <c r="G150" s="303"/>
      <c r="H150" s="304"/>
      <c r="I150" s="333"/>
    </row>
    <row r="151" spans="1:9" s="75" customFormat="1" ht="9.4" customHeight="1">
      <c r="A151" s="378"/>
      <c r="B151" s="371"/>
      <c r="C151" s="371"/>
      <c r="D151" s="371"/>
      <c r="E151" s="379"/>
      <c r="F151" s="301"/>
      <c r="G151" s="301"/>
      <c r="H151" s="301"/>
      <c r="I151" s="329"/>
    </row>
    <row r="152" spans="1:9" s="75" customFormat="1" ht="9" customHeight="1">
      <c r="A152" s="168"/>
      <c r="B152" s="372"/>
      <c r="C152" s="139"/>
      <c r="D152" s="372"/>
      <c r="E152" s="374"/>
      <c r="F152" s="302"/>
      <c r="G152" s="302"/>
      <c r="H152" s="302"/>
      <c r="I152" s="338"/>
    </row>
    <row r="153" spans="1:9" s="76" customFormat="1" ht="9.4" customHeight="1">
      <c r="A153" s="169"/>
      <c r="B153" s="373"/>
      <c r="C153" s="170" t="s">
        <v>271</v>
      </c>
      <c r="D153" s="373" t="s">
        <v>514</v>
      </c>
      <c r="E153" s="377" t="s">
        <v>508</v>
      </c>
      <c r="F153" s="384">
        <v>6.93</v>
      </c>
      <c r="G153" s="303"/>
      <c r="H153" s="304"/>
      <c r="I153" s="333"/>
    </row>
    <row r="154" spans="1:9" s="75" customFormat="1" ht="9.4" customHeight="1">
      <c r="A154" s="167"/>
      <c r="B154" s="115"/>
      <c r="C154" s="115"/>
      <c r="D154" s="115"/>
      <c r="E154" s="179"/>
      <c r="F154" s="301"/>
      <c r="G154" s="301"/>
      <c r="H154" s="301"/>
      <c r="I154" s="329"/>
    </row>
    <row r="155" spans="1:9" s="75" customFormat="1" ht="9" customHeight="1">
      <c r="A155" s="168"/>
      <c r="B155" s="116"/>
      <c r="C155" s="139"/>
      <c r="D155" s="116"/>
      <c r="E155" s="178"/>
      <c r="F155" s="302"/>
      <c r="G155" s="302"/>
      <c r="H155" s="302"/>
      <c r="I155" s="338"/>
    </row>
    <row r="156" spans="1:9" s="76" customFormat="1" ht="9.4" customHeight="1">
      <c r="A156" s="169"/>
      <c r="B156" s="117"/>
      <c r="C156" s="170" t="s">
        <v>271</v>
      </c>
      <c r="D156" s="117" t="s">
        <v>515</v>
      </c>
      <c r="E156" s="180" t="s">
        <v>508</v>
      </c>
      <c r="F156" s="384">
        <v>5.83</v>
      </c>
      <c r="G156" s="303"/>
      <c r="H156" s="304"/>
      <c r="I156" s="333"/>
    </row>
    <row r="157" spans="1:9" s="75" customFormat="1" ht="9.4" customHeight="1">
      <c r="A157" s="167"/>
      <c r="B157" s="115"/>
      <c r="C157" s="115"/>
      <c r="D157" s="115"/>
      <c r="E157" s="179"/>
      <c r="F157" s="301"/>
      <c r="G157" s="301"/>
      <c r="H157" s="301"/>
      <c r="I157" s="329"/>
    </row>
    <row r="158" spans="1:9" s="75" customFormat="1" ht="9" customHeight="1">
      <c r="A158" s="168"/>
      <c r="B158" s="116"/>
      <c r="C158" s="139"/>
      <c r="D158" s="116"/>
      <c r="E158" s="178"/>
      <c r="F158" s="302"/>
      <c r="G158" s="302"/>
      <c r="H158" s="302"/>
      <c r="I158" s="338"/>
    </row>
    <row r="159" spans="1:9" s="76" customFormat="1" ht="9.4" customHeight="1">
      <c r="A159" s="169"/>
      <c r="B159" s="117"/>
      <c r="C159" s="170" t="s">
        <v>271</v>
      </c>
      <c r="D159" s="117" t="s">
        <v>516</v>
      </c>
      <c r="E159" s="180" t="s">
        <v>508</v>
      </c>
      <c r="F159" s="383">
        <v>64.2</v>
      </c>
      <c r="G159" s="303"/>
      <c r="H159" s="304"/>
      <c r="I159" s="333"/>
    </row>
    <row r="160" spans="1:9" s="75" customFormat="1" ht="9.4" customHeight="1">
      <c r="A160" s="167"/>
      <c r="B160" s="115"/>
      <c r="C160" s="115"/>
      <c r="D160" s="115"/>
      <c r="E160" s="179"/>
      <c r="F160" s="301"/>
      <c r="G160" s="301"/>
      <c r="H160" s="135"/>
      <c r="I160" s="329"/>
    </row>
    <row r="161" spans="1:10" s="75" customFormat="1" ht="9.4" customHeight="1">
      <c r="A161" s="168"/>
      <c r="B161" s="116"/>
      <c r="C161" s="139"/>
      <c r="D161" s="116"/>
      <c r="E161" s="178"/>
      <c r="F161" s="302"/>
      <c r="G161" s="302"/>
      <c r="H161" s="136"/>
      <c r="I161" s="338"/>
    </row>
    <row r="162" spans="1:10" s="76" customFormat="1" ht="9.4" customHeight="1">
      <c r="A162" s="147"/>
      <c r="B162" s="146"/>
      <c r="C162" s="352" t="s">
        <v>271</v>
      </c>
      <c r="D162" s="117" t="s">
        <v>517</v>
      </c>
      <c r="E162" s="180" t="s">
        <v>508</v>
      </c>
      <c r="F162" s="303">
        <v>132</v>
      </c>
      <c r="G162" s="303"/>
      <c r="H162" s="304"/>
      <c r="I162" s="333"/>
    </row>
    <row r="163" spans="1:10" s="75" customFormat="1" ht="9.4" customHeight="1">
      <c r="A163" s="167"/>
      <c r="B163" s="115"/>
      <c r="C163" s="115"/>
      <c r="D163" s="115"/>
      <c r="E163" s="179"/>
      <c r="F163" s="301"/>
      <c r="G163" s="301"/>
      <c r="H163" s="135"/>
      <c r="I163" s="329"/>
    </row>
    <row r="164" spans="1:10" s="75" customFormat="1" ht="9" customHeight="1">
      <c r="A164" s="168"/>
      <c r="B164" s="116"/>
      <c r="C164" s="139"/>
      <c r="D164" s="116"/>
      <c r="E164" s="178"/>
      <c r="F164" s="302"/>
      <c r="G164" s="302"/>
      <c r="H164" s="136"/>
      <c r="I164" s="338"/>
    </row>
    <row r="165" spans="1:10" s="76" customFormat="1" ht="9.4" customHeight="1">
      <c r="A165" s="169"/>
      <c r="B165" s="117"/>
      <c r="C165" s="170" t="s">
        <v>271</v>
      </c>
      <c r="D165" s="117" t="s">
        <v>518</v>
      </c>
      <c r="E165" s="180" t="s">
        <v>508</v>
      </c>
      <c r="F165" s="383">
        <v>45.4</v>
      </c>
      <c r="G165" s="303"/>
      <c r="H165" s="304"/>
      <c r="I165" s="333"/>
    </row>
    <row r="166" spans="1:10" s="75" customFormat="1" ht="9.4" customHeight="1">
      <c r="A166" s="168"/>
      <c r="B166" s="116"/>
      <c r="C166" s="371"/>
      <c r="D166" s="371"/>
      <c r="E166" s="379"/>
      <c r="F166" s="301"/>
      <c r="G166" s="301"/>
      <c r="H166" s="301"/>
      <c r="I166" s="329"/>
    </row>
    <row r="167" spans="1:10" s="75" customFormat="1" ht="9" customHeight="1">
      <c r="A167" s="168"/>
      <c r="B167" s="116"/>
      <c r="C167" s="139"/>
      <c r="D167" s="372"/>
      <c r="E167" s="374"/>
      <c r="F167" s="302"/>
      <c r="G167" s="302"/>
      <c r="H167" s="302"/>
      <c r="I167" s="338"/>
    </row>
    <row r="168" spans="1:10" s="76" customFormat="1" ht="9.4" customHeight="1">
      <c r="A168" s="94"/>
      <c r="B168" s="161"/>
      <c r="C168" s="402" t="s">
        <v>271</v>
      </c>
      <c r="D168" s="161" t="s">
        <v>519</v>
      </c>
      <c r="E168" s="87" t="s">
        <v>508</v>
      </c>
      <c r="F168" s="403">
        <v>9.35</v>
      </c>
      <c r="G168" s="401"/>
      <c r="H168" s="340"/>
      <c r="I168" s="335"/>
    </row>
    <row r="169" spans="1:10" s="27" customFormat="1" ht="26.1" customHeight="1">
      <c r="A169" s="96"/>
      <c r="B169" s="172"/>
      <c r="C169" s="172"/>
      <c r="D169" s="172"/>
      <c r="E169" s="173"/>
      <c r="F169" s="90"/>
      <c r="G169" s="174"/>
      <c r="H169" s="175"/>
      <c r="I169" s="336"/>
    </row>
    <row r="170" spans="1:10" s="30" customFormat="1">
      <c r="A170" s="702" t="s">
        <v>1</v>
      </c>
      <c r="B170" s="704" t="s">
        <v>2</v>
      </c>
      <c r="C170" s="704" t="s">
        <v>3</v>
      </c>
      <c r="D170" s="704" t="s">
        <v>4</v>
      </c>
      <c r="E170" s="704" t="s">
        <v>224</v>
      </c>
      <c r="F170" s="706" t="s">
        <v>225</v>
      </c>
      <c r="G170" s="707"/>
      <c r="H170" s="708"/>
      <c r="I170" s="752" t="s">
        <v>7</v>
      </c>
    </row>
    <row r="171" spans="1:10" s="30" customFormat="1">
      <c r="A171" s="703"/>
      <c r="B171" s="705"/>
      <c r="C171" s="705"/>
      <c r="D171" s="705"/>
      <c r="E171" s="705"/>
      <c r="F171" s="294" t="s">
        <v>223</v>
      </c>
      <c r="G171" s="294" t="s">
        <v>5</v>
      </c>
      <c r="H171" s="292" t="s">
        <v>6</v>
      </c>
      <c r="I171" s="753"/>
    </row>
    <row r="172" spans="1:10" s="75" customFormat="1" ht="9.4" customHeight="1">
      <c r="A172" s="378"/>
      <c r="B172" s="379"/>
      <c r="C172" s="372"/>
      <c r="D172" s="372"/>
      <c r="E172" s="374"/>
      <c r="F172" s="302"/>
      <c r="G172" s="302"/>
      <c r="H172" s="302"/>
      <c r="I172" s="329"/>
    </row>
    <row r="173" spans="1:10" s="75" customFormat="1" ht="9" customHeight="1">
      <c r="A173" s="97" t="s">
        <v>466</v>
      </c>
      <c r="B173" s="374"/>
      <c r="C173" s="139"/>
      <c r="D173" s="372"/>
      <c r="E173" s="374"/>
      <c r="F173" s="302"/>
      <c r="G173" s="302"/>
      <c r="H173" s="302"/>
      <c r="I173" s="338"/>
      <c r="J173" s="77"/>
    </row>
    <row r="174" spans="1:10" s="76" customFormat="1" ht="9.4" customHeight="1">
      <c r="A174" s="299" t="s">
        <v>367</v>
      </c>
      <c r="B174" s="376" t="s">
        <v>506</v>
      </c>
      <c r="C174" s="170"/>
      <c r="D174" s="373"/>
      <c r="E174" s="377"/>
      <c r="F174" s="303"/>
      <c r="G174" s="303"/>
      <c r="H174" s="304"/>
      <c r="I174" s="333"/>
      <c r="J174" s="78"/>
    </row>
    <row r="175" spans="1:10" s="75" customFormat="1" ht="9.4" customHeight="1">
      <c r="A175" s="167"/>
      <c r="B175" s="115"/>
      <c r="C175" s="372"/>
      <c r="D175" s="372"/>
      <c r="E175" s="374"/>
      <c r="F175" s="302"/>
      <c r="G175" s="302"/>
      <c r="H175" s="302"/>
      <c r="I175" s="329"/>
    </row>
    <row r="176" spans="1:10" s="75" customFormat="1" ht="9" customHeight="1">
      <c r="A176" s="168"/>
      <c r="B176" s="116"/>
      <c r="C176" s="139"/>
      <c r="D176" s="116"/>
      <c r="E176" s="178"/>
      <c r="F176" s="302"/>
      <c r="G176" s="302"/>
      <c r="H176" s="302"/>
      <c r="I176" s="338"/>
    </row>
    <row r="177" spans="1:10" s="76" customFormat="1" ht="9.4" customHeight="1">
      <c r="A177" s="169"/>
      <c r="B177" s="373"/>
      <c r="C177" s="170" t="s">
        <v>271</v>
      </c>
      <c r="D177" s="373" t="s">
        <v>335</v>
      </c>
      <c r="E177" s="377" t="s">
        <v>508</v>
      </c>
      <c r="F177" s="303">
        <v>683</v>
      </c>
      <c r="G177" s="303"/>
      <c r="H177" s="304"/>
      <c r="I177" s="333"/>
    </row>
    <row r="178" spans="1:10" s="75" customFormat="1" ht="9.4" customHeight="1">
      <c r="A178" s="168"/>
      <c r="B178" s="374"/>
      <c r="C178" s="354"/>
      <c r="D178" s="372"/>
      <c r="E178" s="374"/>
      <c r="F178" s="302"/>
      <c r="G178" s="302"/>
      <c r="H178" s="136"/>
      <c r="I178" s="331"/>
      <c r="J178" s="77"/>
    </row>
    <row r="179" spans="1:10" s="75" customFormat="1" ht="9" customHeight="1">
      <c r="A179" s="168"/>
      <c r="B179" s="178"/>
      <c r="C179" s="353"/>
      <c r="D179" s="116"/>
      <c r="E179" s="178"/>
      <c r="F179" s="302"/>
      <c r="G179" s="302"/>
      <c r="H179" s="136"/>
      <c r="I179" s="338"/>
      <c r="J179" s="77"/>
    </row>
    <row r="180" spans="1:10" s="76" customFormat="1" ht="9.4" customHeight="1">
      <c r="A180" s="169"/>
      <c r="B180" s="373"/>
      <c r="C180" s="352" t="s">
        <v>271</v>
      </c>
      <c r="D180" s="117" t="s">
        <v>520</v>
      </c>
      <c r="E180" s="180" t="s">
        <v>508</v>
      </c>
      <c r="F180" s="383">
        <v>14.7</v>
      </c>
      <c r="G180" s="303"/>
      <c r="H180" s="304"/>
      <c r="I180" s="333"/>
      <c r="J180" s="78"/>
    </row>
    <row r="181" spans="1:10" s="75" customFormat="1" ht="9.4" customHeight="1">
      <c r="A181" s="167"/>
      <c r="B181" s="115"/>
      <c r="C181" s="351"/>
      <c r="D181" s="115"/>
      <c r="E181" s="179"/>
      <c r="F181" s="301"/>
      <c r="G181" s="301"/>
      <c r="H181" s="135"/>
      <c r="I181" s="329"/>
    </row>
    <row r="182" spans="1:10" s="75" customFormat="1" ht="9.4" customHeight="1">
      <c r="A182" s="168"/>
      <c r="B182" s="178"/>
      <c r="C182" s="353"/>
      <c r="D182" s="116"/>
      <c r="E182" s="178"/>
      <c r="F182" s="302"/>
      <c r="G182" s="302"/>
      <c r="H182" s="136"/>
      <c r="I182" s="338"/>
    </row>
    <row r="183" spans="1:10" s="76" customFormat="1" ht="9.4" customHeight="1">
      <c r="A183" s="169"/>
      <c r="B183" s="117"/>
      <c r="C183" s="352" t="s">
        <v>271</v>
      </c>
      <c r="D183" s="117" t="s">
        <v>521</v>
      </c>
      <c r="E183" s="180" t="s">
        <v>508</v>
      </c>
      <c r="F183" s="303">
        <v>210</v>
      </c>
      <c r="G183" s="303"/>
      <c r="H183" s="304"/>
      <c r="I183" s="333"/>
    </row>
    <row r="184" spans="1:10" s="75" customFormat="1" ht="9.4" customHeight="1">
      <c r="A184" s="147"/>
      <c r="B184" s="146"/>
      <c r="C184" s="115"/>
      <c r="D184" s="115"/>
      <c r="E184" s="179"/>
      <c r="F184" s="301"/>
      <c r="G184" s="301"/>
      <c r="H184" s="135"/>
      <c r="I184" s="329"/>
    </row>
    <row r="185" spans="1:10" s="75" customFormat="1" ht="9.4" customHeight="1">
      <c r="A185" s="147"/>
      <c r="B185" s="146"/>
      <c r="C185" s="139"/>
      <c r="D185" s="116"/>
      <c r="E185" s="178"/>
      <c r="F185" s="302"/>
      <c r="G185" s="302"/>
      <c r="H185" s="136"/>
      <c r="I185" s="338"/>
    </row>
    <row r="186" spans="1:10" s="76" customFormat="1" ht="9.4" customHeight="1">
      <c r="A186" s="147"/>
      <c r="B186" s="146"/>
      <c r="C186" s="170" t="s">
        <v>271</v>
      </c>
      <c r="D186" s="117" t="s">
        <v>507</v>
      </c>
      <c r="E186" s="180" t="s">
        <v>508</v>
      </c>
      <c r="F186" s="383">
        <v>58.7</v>
      </c>
      <c r="G186" s="303"/>
      <c r="H186" s="304"/>
      <c r="I186" s="333"/>
    </row>
    <row r="187" spans="1:10" s="75" customFormat="1" ht="9.4" customHeight="1">
      <c r="A187" s="167"/>
      <c r="B187" s="115"/>
      <c r="C187" s="115"/>
      <c r="D187" s="115"/>
      <c r="E187" s="179"/>
      <c r="F187" s="301"/>
      <c r="G187" s="301"/>
      <c r="H187" s="135"/>
      <c r="I187" s="329"/>
    </row>
    <row r="188" spans="1:10" s="75" customFormat="1" ht="9.4" customHeight="1">
      <c r="A188" s="168"/>
      <c r="B188" s="116"/>
      <c r="C188" s="139"/>
      <c r="D188" s="116"/>
      <c r="E188" s="178"/>
      <c r="F188" s="302"/>
      <c r="G188" s="302"/>
      <c r="H188" s="136"/>
      <c r="I188" s="338"/>
    </row>
    <row r="189" spans="1:10" s="76" customFormat="1" ht="9.4" customHeight="1">
      <c r="A189" s="169"/>
      <c r="B189" s="117"/>
      <c r="C189" s="170" t="s">
        <v>271</v>
      </c>
      <c r="D189" s="117" t="s">
        <v>336</v>
      </c>
      <c r="E189" s="180" t="s">
        <v>508</v>
      </c>
      <c r="F189" s="303">
        <v>223</v>
      </c>
      <c r="G189" s="303"/>
      <c r="H189" s="304"/>
      <c r="I189" s="333"/>
    </row>
    <row r="190" spans="1:10" s="75" customFormat="1" ht="9.4" customHeight="1">
      <c r="A190" s="167"/>
      <c r="B190" s="115"/>
      <c r="C190" s="115"/>
      <c r="D190" s="115"/>
      <c r="E190" s="179"/>
      <c r="F190" s="301"/>
      <c r="G190" s="301"/>
      <c r="H190" s="135"/>
      <c r="I190" s="329"/>
    </row>
    <row r="191" spans="1:10" s="75" customFormat="1" ht="9" customHeight="1">
      <c r="A191" s="168"/>
      <c r="B191" s="178"/>
      <c r="C191" s="139"/>
      <c r="D191" s="116"/>
      <c r="E191" s="178"/>
      <c r="F191" s="302"/>
      <c r="G191" s="302"/>
      <c r="H191" s="136"/>
      <c r="I191" s="338"/>
    </row>
    <row r="192" spans="1:10" s="76" customFormat="1" ht="9.4" customHeight="1">
      <c r="A192" s="169"/>
      <c r="B192" s="117"/>
      <c r="C192" s="170" t="s">
        <v>271</v>
      </c>
      <c r="D192" s="117" t="s">
        <v>337</v>
      </c>
      <c r="E192" s="180" t="s">
        <v>508</v>
      </c>
      <c r="F192" s="384">
        <v>7.48</v>
      </c>
      <c r="G192" s="303"/>
      <c r="H192" s="304"/>
      <c r="I192" s="333"/>
    </row>
    <row r="193" spans="1:10" s="75" customFormat="1" ht="9.4" customHeight="1">
      <c r="A193" s="167"/>
      <c r="B193" s="115"/>
      <c r="C193" s="115"/>
      <c r="D193" s="115"/>
      <c r="E193" s="179"/>
      <c r="F193" s="301"/>
      <c r="G193" s="301"/>
      <c r="H193" s="301"/>
      <c r="I193" s="329"/>
    </row>
    <row r="194" spans="1:10" s="75" customFormat="1" ht="9" customHeight="1">
      <c r="A194" s="168"/>
      <c r="B194" s="116"/>
      <c r="C194" s="139"/>
      <c r="D194" s="116"/>
      <c r="E194" s="178"/>
      <c r="F194" s="302"/>
      <c r="G194" s="302"/>
      <c r="H194" s="302"/>
      <c r="I194" s="338"/>
    </row>
    <row r="195" spans="1:10" s="76" customFormat="1" ht="9.4" customHeight="1">
      <c r="A195" s="169"/>
      <c r="B195" s="117"/>
      <c r="C195" s="170" t="s">
        <v>271</v>
      </c>
      <c r="D195" s="117" t="s">
        <v>338</v>
      </c>
      <c r="E195" s="180" t="s">
        <v>508</v>
      </c>
      <c r="F195" s="383">
        <v>11.2</v>
      </c>
      <c r="G195" s="303"/>
      <c r="H195" s="304"/>
      <c r="I195" s="333"/>
    </row>
    <row r="196" spans="1:10" s="76" customFormat="1" ht="9.4" customHeight="1">
      <c r="A196" s="167"/>
      <c r="B196" s="115"/>
      <c r="C196" s="115"/>
      <c r="D196" s="115"/>
      <c r="E196" s="179"/>
      <c r="F196" s="301"/>
      <c r="G196" s="301"/>
      <c r="H196" s="301"/>
      <c r="I196" s="329"/>
    </row>
    <row r="197" spans="1:10" s="76" customFormat="1" ht="9.4" customHeight="1">
      <c r="A197" s="168"/>
      <c r="B197" s="116"/>
      <c r="C197" s="139"/>
      <c r="D197" s="116"/>
      <c r="E197" s="178"/>
      <c r="F197" s="302"/>
      <c r="G197" s="302"/>
      <c r="H197" s="302"/>
      <c r="I197" s="338"/>
    </row>
    <row r="198" spans="1:10" s="76" customFormat="1" ht="9.4" customHeight="1">
      <c r="A198" s="169"/>
      <c r="B198" s="117"/>
      <c r="C198" s="170" t="s">
        <v>271</v>
      </c>
      <c r="D198" s="117" t="s">
        <v>339</v>
      </c>
      <c r="E198" s="180" t="s">
        <v>508</v>
      </c>
      <c r="F198" s="383">
        <v>3.3</v>
      </c>
      <c r="G198" s="303"/>
      <c r="H198" s="304"/>
      <c r="I198" s="333"/>
      <c r="J198" s="78"/>
    </row>
    <row r="199" spans="1:10" s="75" customFormat="1" ht="9.4" customHeight="1">
      <c r="A199" s="167"/>
      <c r="B199" s="115"/>
      <c r="C199" s="115"/>
      <c r="D199" s="115"/>
      <c r="E199" s="179"/>
      <c r="F199" s="301"/>
      <c r="G199" s="136"/>
      <c r="H199" s="135"/>
      <c r="I199" s="329"/>
      <c r="J199" s="77"/>
    </row>
    <row r="200" spans="1:10" s="75" customFormat="1" ht="9.4" customHeight="1">
      <c r="A200" s="168"/>
      <c r="B200" s="116"/>
      <c r="C200" s="139"/>
      <c r="D200" s="116"/>
      <c r="E200" s="178"/>
      <c r="F200" s="302"/>
      <c r="G200" s="136"/>
      <c r="H200" s="136"/>
      <c r="I200" s="338"/>
      <c r="J200" s="77"/>
    </row>
    <row r="201" spans="1:10" s="76" customFormat="1" ht="9.4" customHeight="1">
      <c r="A201" s="147"/>
      <c r="B201" s="146"/>
      <c r="C201" s="170" t="s">
        <v>271</v>
      </c>
      <c r="D201" s="117" t="s">
        <v>340</v>
      </c>
      <c r="E201" s="180" t="s">
        <v>508</v>
      </c>
      <c r="F201" s="383">
        <v>21.8</v>
      </c>
      <c r="G201" s="145"/>
      <c r="H201" s="304"/>
      <c r="I201" s="333"/>
      <c r="J201" s="78"/>
    </row>
    <row r="202" spans="1:10" s="75" customFormat="1" ht="9.4" customHeight="1">
      <c r="A202" s="167"/>
      <c r="B202" s="115"/>
      <c r="C202" s="115"/>
      <c r="D202" s="115"/>
      <c r="E202" s="179"/>
      <c r="F202" s="81"/>
      <c r="G202" s="135"/>
      <c r="H202" s="301"/>
      <c r="I202" s="329"/>
      <c r="J202" s="77"/>
    </row>
    <row r="203" spans="1:10" s="75" customFormat="1" ht="9" customHeight="1">
      <c r="A203" s="168"/>
      <c r="B203" s="116"/>
      <c r="C203" s="139"/>
      <c r="D203" s="116"/>
      <c r="E203" s="178"/>
      <c r="F203" s="82"/>
      <c r="G203" s="136"/>
      <c r="H203" s="302"/>
      <c r="I203" s="338"/>
      <c r="J203" s="77"/>
    </row>
    <row r="204" spans="1:10" s="76" customFormat="1" ht="9.4" customHeight="1">
      <c r="A204" s="169"/>
      <c r="B204" s="117"/>
      <c r="C204" s="170" t="s">
        <v>272</v>
      </c>
      <c r="D204" s="117"/>
      <c r="E204" s="180" t="s">
        <v>242</v>
      </c>
      <c r="F204" s="83">
        <v>1</v>
      </c>
      <c r="G204" s="134"/>
      <c r="H204" s="304"/>
      <c r="I204" s="333"/>
      <c r="J204" s="78"/>
    </row>
    <row r="205" spans="1:10" s="75" customFormat="1" ht="9.4" customHeight="1">
      <c r="A205" s="168"/>
      <c r="B205" s="116"/>
      <c r="C205" s="115"/>
      <c r="D205" s="115"/>
      <c r="E205" s="179"/>
      <c r="F205" s="81"/>
      <c r="G205" s="135"/>
      <c r="H205" s="301"/>
      <c r="I205" s="329"/>
      <c r="J205" s="77"/>
    </row>
    <row r="206" spans="1:10" s="75" customFormat="1" ht="9.4" customHeight="1">
      <c r="A206" s="168"/>
      <c r="B206" s="116"/>
      <c r="C206" s="139"/>
      <c r="D206" s="116" t="s">
        <v>341</v>
      </c>
      <c r="E206" s="178"/>
      <c r="F206" s="82"/>
      <c r="G206" s="136"/>
      <c r="H206" s="302"/>
      <c r="I206" s="338"/>
      <c r="J206" s="77"/>
    </row>
    <row r="207" spans="1:10" s="76" customFormat="1" ht="9.4" customHeight="1">
      <c r="A207" s="169"/>
      <c r="B207" s="117"/>
      <c r="C207" s="170" t="s">
        <v>273</v>
      </c>
      <c r="D207" s="117" t="s">
        <v>329</v>
      </c>
      <c r="E207" s="180" t="s">
        <v>274</v>
      </c>
      <c r="F207" s="83">
        <v>4</v>
      </c>
      <c r="G207" s="134"/>
      <c r="H207" s="304"/>
      <c r="I207" s="333"/>
      <c r="J207" s="78"/>
    </row>
    <row r="208" spans="1:10" s="75" customFormat="1" ht="9.4" customHeight="1">
      <c r="A208" s="167"/>
      <c r="B208" s="179"/>
      <c r="C208" s="115"/>
      <c r="D208" s="115"/>
      <c r="E208" s="179"/>
      <c r="F208" s="81"/>
      <c r="G208" s="135"/>
      <c r="H208" s="301"/>
      <c r="I208" s="329"/>
    </row>
    <row r="209" spans="1:10" s="75" customFormat="1" ht="9" customHeight="1">
      <c r="A209" s="97"/>
      <c r="B209" s="178"/>
      <c r="C209" s="139"/>
      <c r="D209" s="116" t="s">
        <v>341</v>
      </c>
      <c r="E209" s="178"/>
      <c r="F209" s="82"/>
      <c r="G209" s="136"/>
      <c r="H209" s="302"/>
      <c r="I209" s="338"/>
    </row>
    <row r="210" spans="1:10" s="76" customFormat="1" ht="9.4" customHeight="1">
      <c r="A210" s="299"/>
      <c r="B210" s="194"/>
      <c r="C210" s="170" t="s">
        <v>273</v>
      </c>
      <c r="D210" s="117" t="s">
        <v>330</v>
      </c>
      <c r="E210" s="180" t="s">
        <v>274</v>
      </c>
      <c r="F210" s="83">
        <v>2</v>
      </c>
      <c r="G210" s="134"/>
      <c r="H210" s="304"/>
      <c r="I210" s="333"/>
    </row>
    <row r="211" spans="1:10" s="27" customFormat="1" ht="26.1" customHeight="1">
      <c r="A211" s="96"/>
      <c r="B211" s="172"/>
      <c r="C211" s="172" t="s">
        <v>8</v>
      </c>
      <c r="D211" s="172"/>
      <c r="E211" s="173"/>
      <c r="F211" s="174" t="s">
        <v>11</v>
      </c>
      <c r="G211" s="174"/>
      <c r="H211" s="175"/>
      <c r="I211" s="336"/>
    </row>
    <row r="212" spans="1:10" s="30" customFormat="1">
      <c r="A212" s="702" t="s">
        <v>1</v>
      </c>
      <c r="B212" s="704" t="s">
        <v>2</v>
      </c>
      <c r="C212" s="704" t="s">
        <v>3</v>
      </c>
      <c r="D212" s="704" t="s">
        <v>4</v>
      </c>
      <c r="E212" s="704" t="s">
        <v>224</v>
      </c>
      <c r="F212" s="706" t="s">
        <v>225</v>
      </c>
      <c r="G212" s="707"/>
      <c r="H212" s="708"/>
      <c r="I212" s="752" t="s">
        <v>7</v>
      </c>
    </row>
    <row r="213" spans="1:10" s="30" customFormat="1">
      <c r="A213" s="703"/>
      <c r="B213" s="705"/>
      <c r="C213" s="705"/>
      <c r="D213" s="705"/>
      <c r="E213" s="705"/>
      <c r="F213" s="306" t="s">
        <v>223</v>
      </c>
      <c r="G213" s="306" t="s">
        <v>5</v>
      </c>
      <c r="H213" s="307" t="s">
        <v>6</v>
      </c>
      <c r="I213" s="753"/>
    </row>
    <row r="214" spans="1:10" s="75" customFormat="1" ht="9.4" customHeight="1">
      <c r="A214" s="167"/>
      <c r="B214" s="115"/>
      <c r="C214" s="351"/>
      <c r="D214" s="371"/>
      <c r="E214" s="379"/>
      <c r="F214" s="301"/>
      <c r="G214" s="301"/>
      <c r="H214" s="135"/>
      <c r="I214" s="329"/>
    </row>
    <row r="215" spans="1:10" s="75" customFormat="1" ht="9" customHeight="1">
      <c r="A215" s="168"/>
      <c r="B215" s="116"/>
      <c r="C215" s="353"/>
      <c r="D215" s="372"/>
      <c r="E215" s="374"/>
      <c r="F215" s="302"/>
      <c r="G215" s="302"/>
      <c r="H215" s="136"/>
      <c r="I215" s="331"/>
    </row>
    <row r="216" spans="1:10" s="76" customFormat="1" ht="9.4" customHeight="1">
      <c r="A216" s="169"/>
      <c r="B216" s="373"/>
      <c r="C216" s="352" t="s">
        <v>275</v>
      </c>
      <c r="D216" s="373" t="s">
        <v>391</v>
      </c>
      <c r="E216" s="377" t="s">
        <v>508</v>
      </c>
      <c r="F216" s="383">
        <v>11.7</v>
      </c>
      <c r="G216" s="303"/>
      <c r="H216" s="304"/>
      <c r="I216" s="333"/>
    </row>
    <row r="217" spans="1:10" s="75" customFormat="1" ht="9.4" customHeight="1">
      <c r="A217" s="168"/>
      <c r="B217" s="374"/>
      <c r="C217" s="354"/>
      <c r="D217" s="372"/>
      <c r="E217" s="374"/>
      <c r="F217" s="302"/>
      <c r="G217" s="302"/>
      <c r="H217" s="136"/>
      <c r="I217" s="331"/>
    </row>
    <row r="218" spans="1:10" s="75" customFormat="1" ht="9" customHeight="1">
      <c r="A218" s="168"/>
      <c r="B218" s="178"/>
      <c r="C218" s="353"/>
      <c r="D218" s="116"/>
      <c r="E218" s="178"/>
      <c r="F218" s="302"/>
      <c r="G218" s="302"/>
      <c r="H218" s="136"/>
      <c r="I218" s="338"/>
    </row>
    <row r="219" spans="1:10" s="76" customFormat="1" ht="9.4" customHeight="1">
      <c r="A219" s="169"/>
      <c r="B219" s="117"/>
      <c r="C219" s="355" t="s">
        <v>275</v>
      </c>
      <c r="D219" s="117" t="s">
        <v>392</v>
      </c>
      <c r="E219" s="180" t="s">
        <v>508</v>
      </c>
      <c r="F219" s="303">
        <v>53</v>
      </c>
      <c r="G219" s="303"/>
      <c r="H219" s="304"/>
      <c r="I219" s="333"/>
    </row>
    <row r="220" spans="1:10" s="75" customFormat="1" ht="9.4" customHeight="1">
      <c r="A220" s="147"/>
      <c r="B220" s="146"/>
      <c r="C220" s="371"/>
      <c r="D220" s="371"/>
      <c r="E220" s="379"/>
      <c r="F220" s="82"/>
      <c r="G220" s="136"/>
      <c r="H220" s="135"/>
      <c r="I220" s="330"/>
    </row>
    <row r="221" spans="1:10" s="75" customFormat="1" ht="9" customHeight="1">
      <c r="A221" s="147"/>
      <c r="B221" s="146"/>
      <c r="C221" s="139"/>
      <c r="D221" s="372"/>
      <c r="E221" s="374"/>
      <c r="F221" s="82"/>
      <c r="G221" s="136"/>
      <c r="H221" s="152"/>
      <c r="I221" s="338"/>
    </row>
    <row r="222" spans="1:10" s="76" customFormat="1" ht="9.4" customHeight="1">
      <c r="A222" s="147"/>
      <c r="B222" s="146"/>
      <c r="C222" s="170" t="s">
        <v>276</v>
      </c>
      <c r="D222" s="373"/>
      <c r="E222" s="377" t="s">
        <v>242</v>
      </c>
      <c r="F222" s="83">
        <v>1</v>
      </c>
      <c r="G222" s="134"/>
      <c r="H222" s="304"/>
      <c r="I222" s="333"/>
      <c r="J222" s="315"/>
    </row>
    <row r="223" spans="1:10" s="75" customFormat="1" ht="9.4" customHeight="1">
      <c r="A223" s="378"/>
      <c r="B223" s="371"/>
      <c r="C223" s="371"/>
      <c r="D223" s="371"/>
      <c r="E223" s="379"/>
      <c r="F223" s="81"/>
      <c r="G223" s="135"/>
      <c r="H223" s="135"/>
      <c r="I223" s="329"/>
    </row>
    <row r="224" spans="1:10" s="75" customFormat="1" ht="9.4" customHeight="1">
      <c r="A224" s="168"/>
      <c r="B224" s="372"/>
      <c r="C224" s="327"/>
      <c r="D224" s="372"/>
      <c r="E224" s="374"/>
      <c r="F224" s="82"/>
      <c r="G224" s="136"/>
      <c r="H224" s="136"/>
      <c r="I224" s="331"/>
    </row>
    <row r="225" spans="1:10" s="76" customFormat="1" ht="9.4" customHeight="1">
      <c r="A225" s="169"/>
      <c r="B225" s="373"/>
      <c r="C225" s="380" t="s">
        <v>275</v>
      </c>
      <c r="D225" s="189" t="s">
        <v>530</v>
      </c>
      <c r="E225" s="377" t="s">
        <v>508</v>
      </c>
      <c r="F225" s="83">
        <v>9.57</v>
      </c>
      <c r="G225" s="134"/>
      <c r="H225" s="304"/>
      <c r="I225" s="333"/>
    </row>
    <row r="226" spans="1:10" s="75" customFormat="1" ht="9.4" customHeight="1">
      <c r="A226" s="147"/>
      <c r="B226" s="146"/>
      <c r="C226" s="115"/>
      <c r="D226" s="115"/>
      <c r="E226" s="179"/>
      <c r="F226" s="81"/>
      <c r="G226" s="135"/>
      <c r="H226" s="301"/>
      <c r="I226" s="329"/>
    </row>
    <row r="227" spans="1:10" s="75" customFormat="1" ht="9.4" customHeight="1">
      <c r="A227" s="147"/>
      <c r="B227" s="146"/>
      <c r="C227" s="327"/>
      <c r="D227" s="116"/>
      <c r="E227" s="178"/>
      <c r="F227" s="82"/>
      <c r="G227" s="136"/>
      <c r="H227" s="302"/>
      <c r="I227" s="331"/>
    </row>
    <row r="228" spans="1:10" s="76" customFormat="1" ht="9.4" customHeight="1">
      <c r="A228" s="147"/>
      <c r="B228" s="146"/>
      <c r="C228" s="326" t="s">
        <v>275</v>
      </c>
      <c r="D228" s="117" t="s">
        <v>455</v>
      </c>
      <c r="E228" s="180" t="s">
        <v>508</v>
      </c>
      <c r="F228" s="92">
        <v>9.57</v>
      </c>
      <c r="G228" s="134"/>
      <c r="H228" s="304"/>
      <c r="I228" s="333"/>
    </row>
    <row r="229" spans="1:10" s="75" customFormat="1" ht="9.4" customHeight="1">
      <c r="A229" s="167"/>
      <c r="B229" s="115"/>
      <c r="C229" s="115"/>
      <c r="D229" s="115"/>
      <c r="E229" s="179"/>
      <c r="F229" s="81"/>
      <c r="G229" s="135"/>
      <c r="H229" s="135"/>
      <c r="I229" s="329"/>
    </row>
    <row r="230" spans="1:10" s="75" customFormat="1" ht="9" customHeight="1">
      <c r="A230" s="168"/>
      <c r="B230" s="116"/>
      <c r="C230" s="327"/>
      <c r="D230" s="116"/>
      <c r="E230" s="178"/>
      <c r="F230" s="82"/>
      <c r="G230" s="136"/>
      <c r="H230" s="136"/>
      <c r="I230" s="331"/>
    </row>
    <row r="231" spans="1:10" s="76" customFormat="1" ht="9.4" customHeight="1">
      <c r="A231" s="169"/>
      <c r="B231" s="117"/>
      <c r="C231" s="326" t="s">
        <v>275</v>
      </c>
      <c r="D231" s="189" t="s">
        <v>456</v>
      </c>
      <c r="E231" s="180" t="s">
        <v>508</v>
      </c>
      <c r="F231" s="83">
        <v>1.65</v>
      </c>
      <c r="G231" s="134"/>
      <c r="H231" s="304"/>
      <c r="I231" s="333"/>
    </row>
    <row r="232" spans="1:10" s="75" customFormat="1" ht="9.4" customHeight="1">
      <c r="A232" s="167"/>
      <c r="B232" s="115"/>
      <c r="C232" s="115"/>
      <c r="D232" s="115"/>
      <c r="E232" s="179"/>
      <c r="F232" s="82"/>
      <c r="G232" s="136"/>
      <c r="H232" s="135"/>
      <c r="I232" s="329"/>
    </row>
    <row r="233" spans="1:10" s="75" customFormat="1" ht="9" customHeight="1">
      <c r="A233" s="168"/>
      <c r="B233" s="116"/>
      <c r="C233" s="139"/>
      <c r="D233" s="116"/>
      <c r="E233" s="178"/>
      <c r="F233" s="82"/>
      <c r="G233" s="136"/>
      <c r="H233" s="136"/>
      <c r="I233" s="331"/>
    </row>
    <row r="234" spans="1:10" s="76" customFormat="1" ht="9.4" customHeight="1">
      <c r="A234" s="169"/>
      <c r="B234" s="117"/>
      <c r="C234" s="170" t="s">
        <v>275</v>
      </c>
      <c r="D234" s="117" t="s">
        <v>457</v>
      </c>
      <c r="E234" s="180" t="s">
        <v>508</v>
      </c>
      <c r="F234" s="83">
        <v>41.6</v>
      </c>
      <c r="G234" s="134"/>
      <c r="H234" s="304"/>
      <c r="I234" s="333"/>
    </row>
    <row r="235" spans="1:10" s="75" customFormat="1" ht="9.4" customHeight="1">
      <c r="A235" s="378"/>
      <c r="B235" s="116"/>
      <c r="C235" s="115"/>
      <c r="D235" s="115"/>
      <c r="E235" s="179"/>
      <c r="F235" s="82"/>
      <c r="G235" s="136"/>
      <c r="H235" s="135"/>
      <c r="I235" s="330"/>
    </row>
    <row r="236" spans="1:10" s="75" customFormat="1" ht="9" customHeight="1">
      <c r="A236" s="168"/>
      <c r="B236" s="116"/>
      <c r="C236" s="139"/>
      <c r="D236" s="116"/>
      <c r="E236" s="178"/>
      <c r="F236" s="82"/>
      <c r="G236" s="136"/>
      <c r="H236" s="152"/>
      <c r="I236" s="338"/>
    </row>
    <row r="237" spans="1:10" s="76" customFormat="1" ht="9.4" customHeight="1">
      <c r="A237" s="169"/>
      <c r="B237" s="117"/>
      <c r="C237" s="170" t="s">
        <v>276</v>
      </c>
      <c r="D237" s="373"/>
      <c r="E237" s="377" t="s">
        <v>242</v>
      </c>
      <c r="F237" s="83">
        <v>1</v>
      </c>
      <c r="G237" s="134"/>
      <c r="H237" s="304"/>
      <c r="I237" s="333"/>
      <c r="J237" s="315"/>
    </row>
    <row r="238" spans="1:10" s="76" customFormat="1" ht="9.4" customHeight="1">
      <c r="A238" s="378"/>
      <c r="B238" s="146"/>
      <c r="C238" s="115"/>
      <c r="D238" s="115"/>
      <c r="E238" s="179"/>
      <c r="F238" s="81"/>
      <c r="G238" s="135"/>
      <c r="H238" s="135"/>
      <c r="I238" s="329"/>
    </row>
    <row r="239" spans="1:10" s="76" customFormat="1" ht="9.4" customHeight="1">
      <c r="A239" s="168"/>
      <c r="B239" s="146"/>
      <c r="C239" s="139"/>
      <c r="D239" s="116"/>
      <c r="E239" s="178"/>
      <c r="F239" s="82"/>
      <c r="G239" s="136"/>
      <c r="H239" s="136"/>
      <c r="I239" s="338"/>
    </row>
    <row r="240" spans="1:10" s="76" customFormat="1" ht="9.4" customHeight="1">
      <c r="A240" s="169"/>
      <c r="B240" s="146"/>
      <c r="C240" s="170" t="s">
        <v>275</v>
      </c>
      <c r="D240" s="117" t="s">
        <v>351</v>
      </c>
      <c r="E240" s="180" t="s">
        <v>508</v>
      </c>
      <c r="F240" s="383">
        <v>26.8</v>
      </c>
      <c r="G240" s="134"/>
      <c r="H240" s="304"/>
      <c r="I240" s="333"/>
    </row>
    <row r="241" spans="1:9" s="75" customFormat="1" ht="9.4" customHeight="1">
      <c r="A241" s="167"/>
      <c r="B241" s="115"/>
      <c r="C241" s="116"/>
      <c r="D241" s="115"/>
      <c r="E241" s="179"/>
      <c r="F241" s="81"/>
      <c r="G241" s="136"/>
      <c r="H241" s="301"/>
      <c r="I241" s="329"/>
    </row>
    <row r="242" spans="1:9" s="75" customFormat="1" ht="9" customHeight="1">
      <c r="A242" s="168"/>
      <c r="B242" s="116"/>
      <c r="C242" s="139"/>
      <c r="D242" s="116"/>
      <c r="E242" s="178"/>
      <c r="F242" s="82"/>
      <c r="G242" s="136"/>
      <c r="H242" s="302"/>
      <c r="I242" s="338"/>
    </row>
    <row r="243" spans="1:9" s="76" customFormat="1" ht="9.4" customHeight="1">
      <c r="A243" s="169"/>
      <c r="B243" s="103"/>
      <c r="C243" s="177" t="s">
        <v>275</v>
      </c>
      <c r="D243" s="117" t="s">
        <v>352</v>
      </c>
      <c r="E243" s="180" t="s">
        <v>508</v>
      </c>
      <c r="F243" s="384">
        <v>0.44</v>
      </c>
      <c r="G243" s="134"/>
      <c r="H243" s="304"/>
      <c r="I243" s="333"/>
    </row>
    <row r="244" spans="1:9" s="75" customFormat="1" ht="9.4" customHeight="1">
      <c r="A244" s="167"/>
      <c r="B244" s="115"/>
      <c r="C244" s="116"/>
      <c r="D244" s="115"/>
      <c r="E244" s="179"/>
      <c r="F244" s="81"/>
      <c r="G244" s="136"/>
      <c r="H244" s="135"/>
      <c r="I244" s="329"/>
    </row>
    <row r="245" spans="1:9" s="75" customFormat="1" ht="9" customHeight="1">
      <c r="A245" s="168"/>
      <c r="B245" s="116"/>
      <c r="C245" s="139"/>
      <c r="D245" s="116"/>
      <c r="E245" s="178"/>
      <c r="F245" s="82"/>
      <c r="G245" s="136"/>
      <c r="H245" s="136"/>
      <c r="I245" s="338"/>
    </row>
    <row r="246" spans="1:9" s="76" customFormat="1" ht="9.4" customHeight="1">
      <c r="A246" s="169"/>
      <c r="B246" s="117"/>
      <c r="C246" s="177" t="s">
        <v>275</v>
      </c>
      <c r="D246" s="117" t="s">
        <v>353</v>
      </c>
      <c r="E246" s="180" t="s">
        <v>508</v>
      </c>
      <c r="F246" s="383">
        <v>12.8</v>
      </c>
      <c r="G246" s="134"/>
      <c r="H246" s="304"/>
      <c r="I246" s="333"/>
    </row>
    <row r="247" spans="1:9" s="75" customFormat="1" ht="9.4" customHeight="1">
      <c r="A247" s="167"/>
      <c r="B247" s="115"/>
      <c r="C247" s="116"/>
      <c r="D247" s="116"/>
      <c r="E247" s="178"/>
      <c r="F247" s="82"/>
      <c r="G247" s="136"/>
      <c r="H247" s="301"/>
      <c r="I247" s="329"/>
    </row>
    <row r="248" spans="1:9" s="75" customFormat="1" ht="9" customHeight="1">
      <c r="A248" s="168"/>
      <c r="B248" s="178"/>
      <c r="C248" s="327"/>
      <c r="D248" s="116"/>
      <c r="E248" s="178"/>
      <c r="F248" s="82"/>
      <c r="G248" s="136"/>
      <c r="H248" s="302"/>
      <c r="I248" s="338"/>
    </row>
    <row r="249" spans="1:9" s="76" customFormat="1" ht="9.4" customHeight="1">
      <c r="A249" s="169"/>
      <c r="B249" s="117"/>
      <c r="C249" s="328" t="s">
        <v>275</v>
      </c>
      <c r="D249" s="117" t="s">
        <v>349</v>
      </c>
      <c r="E249" s="180" t="s">
        <v>508</v>
      </c>
      <c r="F249" s="83">
        <v>2.64</v>
      </c>
      <c r="G249" s="134"/>
      <c r="H249" s="304"/>
      <c r="I249" s="333"/>
    </row>
    <row r="250" spans="1:9" s="75" customFormat="1" ht="9.4" customHeight="1">
      <c r="A250" s="167"/>
      <c r="B250" s="115"/>
      <c r="C250" s="115"/>
      <c r="D250" s="115"/>
      <c r="E250" s="179"/>
      <c r="F250" s="81"/>
      <c r="G250" s="136"/>
      <c r="H250" s="135"/>
      <c r="I250" s="329"/>
    </row>
    <row r="251" spans="1:9" s="75" customFormat="1" ht="9.4" customHeight="1">
      <c r="A251" s="168"/>
      <c r="B251" s="116"/>
      <c r="C251" s="327"/>
      <c r="D251" s="116"/>
      <c r="E251" s="178"/>
      <c r="F251" s="82"/>
      <c r="G251" s="136"/>
      <c r="H251" s="136"/>
      <c r="I251" s="338"/>
    </row>
    <row r="252" spans="1:9" s="76" customFormat="1" ht="9.4" customHeight="1">
      <c r="A252" s="147"/>
      <c r="B252" s="146"/>
      <c r="C252" s="326" t="s">
        <v>275</v>
      </c>
      <c r="D252" s="117" t="s">
        <v>350</v>
      </c>
      <c r="E252" s="180" t="s">
        <v>508</v>
      </c>
      <c r="F252" s="384">
        <v>5.28</v>
      </c>
      <c r="G252" s="134"/>
      <c r="H252" s="304"/>
      <c r="I252" s="333"/>
    </row>
    <row r="253" spans="1:9" s="75" customFormat="1" ht="9.4" customHeight="1">
      <c r="A253" s="378"/>
      <c r="B253" s="371"/>
      <c r="C253" s="371"/>
      <c r="D253" s="371"/>
      <c r="E253" s="379"/>
      <c r="F253" s="82"/>
      <c r="G253" s="136"/>
      <c r="H253" s="135"/>
      <c r="I253" s="330"/>
    </row>
    <row r="254" spans="1:9" s="75" customFormat="1" ht="9" customHeight="1">
      <c r="A254" s="168"/>
      <c r="B254" s="372"/>
      <c r="C254" s="139"/>
      <c r="D254" s="372"/>
      <c r="E254" s="374"/>
      <c r="F254" s="82"/>
      <c r="G254" s="136"/>
      <c r="H254" s="152"/>
      <c r="I254" s="338"/>
    </row>
    <row r="255" spans="1:9" s="76" customFormat="1" ht="9.4" customHeight="1">
      <c r="A255" s="94"/>
      <c r="B255" s="161"/>
      <c r="C255" s="102" t="s">
        <v>276</v>
      </c>
      <c r="D255" s="161"/>
      <c r="E255" s="87" t="s">
        <v>242</v>
      </c>
      <c r="F255" s="85">
        <v>1</v>
      </c>
      <c r="G255" s="151"/>
      <c r="H255" s="340"/>
      <c r="I255" s="335"/>
    </row>
    <row r="256" spans="1:9" s="27" customFormat="1" ht="26.1" customHeight="1">
      <c r="A256" s="96"/>
      <c r="B256" s="172"/>
      <c r="C256" s="172"/>
      <c r="D256" s="172"/>
      <c r="E256" s="173"/>
      <c r="F256" s="90"/>
      <c r="G256" s="174"/>
      <c r="H256" s="175"/>
      <c r="I256" s="336"/>
    </row>
    <row r="257" spans="1:10" s="30" customFormat="1">
      <c r="A257" s="702" t="s">
        <v>1</v>
      </c>
      <c r="B257" s="704" t="s">
        <v>2</v>
      </c>
      <c r="C257" s="704" t="s">
        <v>3</v>
      </c>
      <c r="D257" s="704" t="s">
        <v>4</v>
      </c>
      <c r="E257" s="704" t="s">
        <v>224</v>
      </c>
      <c r="F257" s="706" t="s">
        <v>225</v>
      </c>
      <c r="G257" s="707"/>
      <c r="H257" s="708"/>
      <c r="I257" s="752" t="s">
        <v>7</v>
      </c>
    </row>
    <row r="258" spans="1:10" s="30" customFormat="1">
      <c r="A258" s="703"/>
      <c r="B258" s="705"/>
      <c r="C258" s="705"/>
      <c r="D258" s="705"/>
      <c r="E258" s="705"/>
      <c r="F258" s="350" t="s">
        <v>223</v>
      </c>
      <c r="G258" s="350" t="s">
        <v>5</v>
      </c>
      <c r="H258" s="292" t="s">
        <v>6</v>
      </c>
      <c r="I258" s="753"/>
    </row>
    <row r="259" spans="1:10" s="75" customFormat="1" ht="9.4" customHeight="1">
      <c r="A259" s="167"/>
      <c r="B259" s="179"/>
      <c r="C259" s="115"/>
      <c r="D259" s="115"/>
      <c r="E259" s="179"/>
      <c r="F259" s="81"/>
      <c r="G259" s="135"/>
      <c r="H259" s="301"/>
      <c r="I259" s="329"/>
      <c r="J259" s="29"/>
    </row>
    <row r="260" spans="1:10" s="75" customFormat="1" ht="9" customHeight="1">
      <c r="A260" s="97" t="s">
        <v>466</v>
      </c>
      <c r="B260" s="178"/>
      <c r="C260" s="139"/>
      <c r="D260" s="116"/>
      <c r="E260" s="178"/>
      <c r="F260" s="82"/>
      <c r="G260" s="136"/>
      <c r="H260" s="302"/>
      <c r="I260" s="331"/>
      <c r="J260" s="29"/>
    </row>
    <row r="261" spans="1:10" s="76" customFormat="1" ht="9.4" customHeight="1">
      <c r="A261" s="299" t="s">
        <v>367</v>
      </c>
      <c r="B261" s="194"/>
      <c r="C261" s="170"/>
      <c r="D261" s="189"/>
      <c r="E261" s="180"/>
      <c r="F261" s="83"/>
      <c r="G261" s="134"/>
      <c r="H261" s="304"/>
      <c r="I261" s="333"/>
      <c r="J261" s="28"/>
    </row>
    <row r="262" spans="1:10" s="75" customFormat="1" ht="9.4" customHeight="1">
      <c r="A262" s="378"/>
      <c r="B262" s="372"/>
      <c r="C262" s="351"/>
      <c r="D262" s="371"/>
      <c r="E262" s="379"/>
      <c r="F262" s="81"/>
      <c r="G262" s="135"/>
      <c r="H262" s="135"/>
      <c r="I262" s="329"/>
    </row>
    <row r="263" spans="1:10" s="75" customFormat="1" ht="9" customHeight="1">
      <c r="A263" s="168"/>
      <c r="B263" s="372"/>
      <c r="C263" s="353" t="s">
        <v>361</v>
      </c>
      <c r="D263" s="372"/>
      <c r="E263" s="374"/>
      <c r="F263" s="82"/>
      <c r="G263" s="136"/>
      <c r="H263" s="152"/>
      <c r="I263" s="331"/>
    </row>
    <row r="264" spans="1:10" s="76" customFormat="1" ht="9.4" customHeight="1">
      <c r="A264" s="147"/>
      <c r="B264" s="373" t="s">
        <v>24</v>
      </c>
      <c r="C264" s="352" t="s">
        <v>360</v>
      </c>
      <c r="D264" s="189" t="s">
        <v>397</v>
      </c>
      <c r="E264" s="377" t="s">
        <v>395</v>
      </c>
      <c r="F264" s="83">
        <v>1.26</v>
      </c>
      <c r="G264" s="134"/>
      <c r="H264" s="356"/>
      <c r="I264" s="333"/>
      <c r="J264" s="315"/>
    </row>
    <row r="265" spans="1:10" s="75" customFormat="1" ht="9.4" customHeight="1">
      <c r="A265" s="167"/>
      <c r="B265" s="115"/>
      <c r="C265" s="371"/>
      <c r="D265" s="371"/>
      <c r="E265" s="379"/>
      <c r="F265" s="81"/>
      <c r="G265" s="135"/>
      <c r="H265" s="135"/>
      <c r="I265" s="329"/>
    </row>
    <row r="266" spans="1:10" s="75" customFormat="1" ht="9" customHeight="1">
      <c r="A266" s="168"/>
      <c r="B266" s="116"/>
      <c r="C266" s="139"/>
      <c r="D266" s="372"/>
      <c r="E266" s="374"/>
      <c r="F266" s="82"/>
      <c r="G266" s="136"/>
      <c r="H266" s="136"/>
      <c r="I266" s="338"/>
    </row>
    <row r="267" spans="1:10" s="76" customFormat="1" ht="9" customHeight="1">
      <c r="A267" s="169"/>
      <c r="B267" s="373"/>
      <c r="C267" s="141" t="s">
        <v>432</v>
      </c>
      <c r="D267" s="120"/>
      <c r="E267" s="377" t="s">
        <v>242</v>
      </c>
      <c r="F267" s="83">
        <v>1</v>
      </c>
      <c r="G267" s="101"/>
      <c r="H267" s="356"/>
      <c r="I267" s="333"/>
    </row>
    <row r="268" spans="1:10" s="75" customFormat="1" ht="9.4" customHeight="1">
      <c r="A268" s="168"/>
      <c r="B268" s="374"/>
      <c r="C268" s="372"/>
      <c r="D268" s="372"/>
      <c r="E268" s="374"/>
      <c r="F268" s="82"/>
      <c r="G268" s="136"/>
      <c r="H268" s="136"/>
      <c r="I268" s="331"/>
      <c r="J268" s="29"/>
    </row>
    <row r="269" spans="1:10" s="75" customFormat="1" ht="9" customHeight="1">
      <c r="A269" s="168"/>
      <c r="B269" s="178"/>
      <c r="C269" s="139"/>
      <c r="D269" s="116"/>
      <c r="E269" s="178"/>
      <c r="F269" s="82"/>
      <c r="G269" s="136"/>
      <c r="H269" s="136"/>
      <c r="I269" s="338"/>
      <c r="J269" s="29"/>
    </row>
    <row r="270" spans="1:10" s="76" customFormat="1" ht="9.4" customHeight="1">
      <c r="A270" s="169"/>
      <c r="B270" s="117"/>
      <c r="C270" s="326" t="s">
        <v>284</v>
      </c>
      <c r="D270" s="189" t="s">
        <v>387</v>
      </c>
      <c r="E270" s="180" t="s">
        <v>508</v>
      </c>
      <c r="F270" s="83">
        <v>1.76</v>
      </c>
      <c r="G270" s="134"/>
      <c r="H270" s="149"/>
      <c r="I270" s="333"/>
      <c r="J270" s="28"/>
    </row>
    <row r="271" spans="1:10" s="76" customFormat="1" ht="9.4" customHeight="1">
      <c r="A271" s="147"/>
      <c r="B271" s="115"/>
      <c r="C271" s="115"/>
      <c r="D271" s="115"/>
      <c r="E271" s="179"/>
      <c r="F271" s="81"/>
      <c r="G271" s="135"/>
      <c r="H271" s="135"/>
      <c r="I271" s="329"/>
      <c r="J271" s="29"/>
    </row>
    <row r="272" spans="1:10" s="76" customFormat="1" ht="9.4" customHeight="1">
      <c r="A272" s="147"/>
      <c r="B272" s="116"/>
      <c r="C272" s="327"/>
      <c r="D272" s="116"/>
      <c r="E272" s="178"/>
      <c r="F272" s="82"/>
      <c r="G272" s="136"/>
      <c r="H272" s="136"/>
      <c r="I272" s="338"/>
      <c r="J272" s="29"/>
    </row>
    <row r="273" spans="1:10" s="76" customFormat="1" ht="9.4" customHeight="1">
      <c r="A273" s="147"/>
      <c r="B273" s="117"/>
      <c r="C273" s="326" t="s">
        <v>284</v>
      </c>
      <c r="D273" s="117" t="s">
        <v>388</v>
      </c>
      <c r="E273" s="180" t="s">
        <v>508</v>
      </c>
      <c r="F273" s="83">
        <v>2.42</v>
      </c>
      <c r="G273" s="134"/>
      <c r="H273" s="149"/>
      <c r="I273" s="333"/>
      <c r="J273" s="28"/>
    </row>
    <row r="274" spans="1:10" s="75" customFormat="1" ht="9.4" customHeight="1">
      <c r="A274" s="167"/>
      <c r="B274" s="115"/>
      <c r="C274" s="115"/>
      <c r="D274" s="115"/>
      <c r="E274" s="179"/>
      <c r="F274" s="81"/>
      <c r="G274" s="135"/>
      <c r="H274" s="135"/>
      <c r="I274" s="329"/>
      <c r="J274" s="29"/>
    </row>
    <row r="275" spans="1:10" s="75" customFormat="1" ht="9.4" customHeight="1">
      <c r="A275" s="168"/>
      <c r="B275" s="178"/>
      <c r="C275" s="327"/>
      <c r="D275" s="116" t="s">
        <v>366</v>
      </c>
      <c r="E275" s="178"/>
      <c r="F275" s="82"/>
      <c r="G275" s="136"/>
      <c r="H275" s="136"/>
      <c r="I275" s="338"/>
      <c r="J275" s="29"/>
    </row>
    <row r="276" spans="1:10" s="76" customFormat="1" ht="9.4" customHeight="1">
      <c r="A276" s="169"/>
      <c r="B276" s="117"/>
      <c r="C276" s="326" t="s">
        <v>284</v>
      </c>
      <c r="D276" s="117" t="s">
        <v>321</v>
      </c>
      <c r="E276" s="180" t="s">
        <v>508</v>
      </c>
      <c r="F276" s="83">
        <v>2.2000000000000002</v>
      </c>
      <c r="G276" s="134"/>
      <c r="H276" s="149"/>
      <c r="I276" s="333"/>
      <c r="J276" s="28"/>
    </row>
    <row r="277" spans="1:10" s="75" customFormat="1" ht="9.4" customHeight="1">
      <c r="A277" s="167"/>
      <c r="B277" s="115"/>
      <c r="C277" s="115"/>
      <c r="D277" s="115"/>
      <c r="E277" s="179"/>
      <c r="F277" s="81"/>
      <c r="G277" s="135"/>
      <c r="H277" s="135"/>
      <c r="I277" s="329"/>
      <c r="J277" s="29"/>
    </row>
    <row r="278" spans="1:10" s="75" customFormat="1" ht="9.4" customHeight="1">
      <c r="A278" s="168"/>
      <c r="B278" s="116"/>
      <c r="C278" s="327"/>
      <c r="D278" s="116" t="s">
        <v>366</v>
      </c>
      <c r="E278" s="178"/>
      <c r="F278" s="82"/>
      <c r="G278" s="136"/>
      <c r="H278" s="136"/>
      <c r="I278" s="338"/>
      <c r="J278" s="29"/>
    </row>
    <row r="279" spans="1:10" s="76" customFormat="1" ht="9.4" customHeight="1">
      <c r="A279" s="169"/>
      <c r="B279" s="146"/>
      <c r="C279" s="326" t="s">
        <v>284</v>
      </c>
      <c r="D279" s="117" t="s">
        <v>389</v>
      </c>
      <c r="E279" s="180" t="s">
        <v>508</v>
      </c>
      <c r="F279" s="83">
        <v>1.98</v>
      </c>
      <c r="G279" s="134"/>
      <c r="H279" s="149"/>
      <c r="I279" s="333"/>
      <c r="J279" s="28"/>
    </row>
    <row r="280" spans="1:10" s="75" customFormat="1" ht="9.4" customHeight="1">
      <c r="A280" s="167"/>
      <c r="B280" s="115"/>
      <c r="C280" s="116"/>
      <c r="D280" s="116"/>
      <c r="E280" s="178"/>
      <c r="F280" s="82"/>
      <c r="G280" s="136"/>
      <c r="H280" s="136"/>
      <c r="I280" s="329"/>
      <c r="J280" s="29"/>
    </row>
    <row r="281" spans="1:10" s="75" customFormat="1" ht="9.4" customHeight="1">
      <c r="A281" s="168"/>
      <c r="B281" s="178"/>
      <c r="C281" s="327"/>
      <c r="D281" s="116"/>
      <c r="E281" s="178"/>
      <c r="F281" s="82"/>
      <c r="G281" s="136"/>
      <c r="H281" s="136"/>
      <c r="I281" s="338"/>
      <c r="J281" s="29"/>
    </row>
    <row r="282" spans="1:10" s="76" customFormat="1" ht="9.4" customHeight="1">
      <c r="A282" s="169"/>
      <c r="B282" s="163"/>
      <c r="C282" s="326" t="s">
        <v>431</v>
      </c>
      <c r="D282" s="117"/>
      <c r="E282" s="180" t="s">
        <v>242</v>
      </c>
      <c r="F282" s="83">
        <v>1</v>
      </c>
      <c r="G282" s="134"/>
      <c r="H282" s="149"/>
      <c r="I282" s="333"/>
      <c r="J282" s="28"/>
    </row>
    <row r="283" spans="1:10" s="75" customFormat="1" ht="9.4" customHeight="1">
      <c r="A283" s="167"/>
      <c r="B283" s="146"/>
      <c r="C283" s="115"/>
      <c r="D283" s="115"/>
      <c r="E283" s="179"/>
      <c r="F283" s="81"/>
      <c r="G283" s="135"/>
      <c r="H283" s="135"/>
      <c r="I283" s="329"/>
      <c r="J283" s="29"/>
    </row>
    <row r="284" spans="1:10" s="75" customFormat="1" ht="9" customHeight="1">
      <c r="A284" s="168"/>
      <c r="B284" s="146"/>
      <c r="C284" s="327"/>
      <c r="D284" s="116"/>
      <c r="E284" s="178"/>
      <c r="F284" s="82"/>
      <c r="G284" s="136"/>
      <c r="H284" s="150"/>
      <c r="I284" s="338"/>
      <c r="J284" s="29"/>
    </row>
    <row r="285" spans="1:10" s="76" customFormat="1" ht="9.4" customHeight="1">
      <c r="A285" s="147"/>
      <c r="B285" s="146"/>
      <c r="C285" s="326" t="s">
        <v>284</v>
      </c>
      <c r="D285" s="117" t="s">
        <v>535</v>
      </c>
      <c r="E285" s="180" t="s">
        <v>508</v>
      </c>
      <c r="F285" s="83">
        <v>5.94</v>
      </c>
      <c r="G285" s="134"/>
      <c r="H285" s="149"/>
      <c r="I285" s="333"/>
      <c r="J285" s="28"/>
    </row>
    <row r="286" spans="1:10" s="75" customFormat="1" ht="9.4" customHeight="1">
      <c r="A286" s="167"/>
      <c r="B286" s="115"/>
      <c r="C286" s="116"/>
      <c r="D286" s="116"/>
      <c r="E286" s="178"/>
      <c r="F286" s="82"/>
      <c r="G286" s="136"/>
      <c r="H286" s="136"/>
      <c r="I286" s="329"/>
      <c r="J286" s="29"/>
    </row>
    <row r="287" spans="1:10" s="75" customFormat="1" ht="9" customHeight="1">
      <c r="A287" s="168"/>
      <c r="B287" s="116"/>
      <c r="C287" s="327"/>
      <c r="D287" s="116"/>
      <c r="E287" s="178"/>
      <c r="F287" s="82"/>
      <c r="G287" s="136"/>
      <c r="H287" s="136"/>
      <c r="I287" s="331"/>
      <c r="J287" s="29"/>
    </row>
    <row r="288" spans="1:10" s="76" customFormat="1" ht="9.4" customHeight="1">
      <c r="A288" s="169"/>
      <c r="B288" s="117"/>
      <c r="C288" s="380" t="s">
        <v>431</v>
      </c>
      <c r="D288" s="117"/>
      <c r="E288" s="180" t="s">
        <v>242</v>
      </c>
      <c r="F288" s="83">
        <v>1</v>
      </c>
      <c r="G288" s="134"/>
      <c r="H288" s="149"/>
      <c r="I288" s="333"/>
      <c r="J288" s="28"/>
    </row>
    <row r="289" spans="1:10" s="76" customFormat="1" ht="9.4" customHeight="1">
      <c r="A289" s="147"/>
      <c r="B289" s="115"/>
      <c r="C289" s="115"/>
      <c r="D289" s="115"/>
      <c r="E289" s="179"/>
      <c r="F289" s="81"/>
      <c r="G289" s="135"/>
      <c r="H289" s="301"/>
      <c r="I289" s="329"/>
      <c r="J289" s="29"/>
    </row>
    <row r="290" spans="1:10" s="76" customFormat="1" ht="9.4" customHeight="1">
      <c r="A290" s="147"/>
      <c r="B290" s="116"/>
      <c r="C290" s="139" t="s">
        <v>459</v>
      </c>
      <c r="D290" s="116"/>
      <c r="E290" s="178"/>
      <c r="F290" s="82"/>
      <c r="G290" s="136"/>
      <c r="H290" s="302"/>
      <c r="I290" s="331"/>
      <c r="J290" s="29"/>
    </row>
    <row r="291" spans="1:10" s="76" customFormat="1" ht="9.4" customHeight="1">
      <c r="A291" s="147"/>
      <c r="B291" s="117"/>
      <c r="C291" s="170" t="s">
        <v>458</v>
      </c>
      <c r="D291" s="189" t="s">
        <v>354</v>
      </c>
      <c r="E291" s="180" t="s">
        <v>508</v>
      </c>
      <c r="F291" s="384">
        <v>6.93</v>
      </c>
      <c r="G291" s="134"/>
      <c r="H291" s="304"/>
      <c r="I291" s="333"/>
      <c r="J291" s="28"/>
    </row>
    <row r="292" spans="1:10" s="75" customFormat="1" ht="9.4" customHeight="1">
      <c r="A292" s="167"/>
      <c r="B292" s="116"/>
      <c r="C292" s="371"/>
      <c r="D292" s="115"/>
      <c r="E292" s="179"/>
      <c r="F292" s="81"/>
      <c r="G292" s="135"/>
      <c r="H292" s="135"/>
      <c r="I292" s="329"/>
      <c r="J292" s="29"/>
    </row>
    <row r="293" spans="1:10" s="75" customFormat="1" ht="9.4" customHeight="1">
      <c r="A293" s="168"/>
      <c r="B293" s="116"/>
      <c r="C293" s="139" t="s">
        <v>459</v>
      </c>
      <c r="D293" s="116"/>
      <c r="E293" s="178"/>
      <c r="F293" s="82"/>
      <c r="G293" s="136"/>
      <c r="H293" s="136"/>
      <c r="I293" s="331"/>
      <c r="J293" s="29"/>
    </row>
    <row r="294" spans="1:10" s="76" customFormat="1" ht="9.4" customHeight="1">
      <c r="A294" s="169"/>
      <c r="B294" s="117"/>
      <c r="C294" s="170" t="s">
        <v>458</v>
      </c>
      <c r="D294" s="117" t="s">
        <v>355</v>
      </c>
      <c r="E294" s="180" t="s">
        <v>508</v>
      </c>
      <c r="F294" s="383">
        <v>81.5</v>
      </c>
      <c r="G294" s="134"/>
      <c r="H294" s="304"/>
      <c r="I294" s="333"/>
      <c r="J294" s="28"/>
    </row>
    <row r="295" spans="1:10" s="75" customFormat="1" ht="9.4" customHeight="1">
      <c r="A295" s="167"/>
      <c r="B295" s="371"/>
      <c r="C295" s="371"/>
      <c r="D295" s="115"/>
      <c r="E295" s="179"/>
      <c r="F295" s="81"/>
      <c r="G295" s="135"/>
      <c r="H295" s="135"/>
      <c r="I295" s="329"/>
      <c r="J295" s="29"/>
    </row>
    <row r="296" spans="1:10" s="75" customFormat="1" ht="9" customHeight="1">
      <c r="A296" s="168"/>
      <c r="B296" s="372"/>
      <c r="C296" s="139" t="s">
        <v>459</v>
      </c>
      <c r="D296" s="116"/>
      <c r="E296" s="178"/>
      <c r="F296" s="82"/>
      <c r="G296" s="136"/>
      <c r="H296" s="136"/>
      <c r="I296" s="331"/>
      <c r="J296" s="29"/>
    </row>
    <row r="297" spans="1:10" s="76" customFormat="1" ht="9.4" customHeight="1">
      <c r="A297" s="169"/>
      <c r="B297" s="373"/>
      <c r="C297" s="170" t="s">
        <v>458</v>
      </c>
      <c r="D297" s="191" t="s">
        <v>343</v>
      </c>
      <c r="E297" s="180" t="s">
        <v>508</v>
      </c>
      <c r="F297" s="83">
        <v>121</v>
      </c>
      <c r="G297" s="134"/>
      <c r="H297" s="304"/>
      <c r="I297" s="333"/>
      <c r="J297" s="28"/>
    </row>
    <row r="298" spans="1:10" s="27" customFormat="1" ht="26.1" customHeight="1">
      <c r="A298" s="96"/>
      <c r="B298" s="172"/>
      <c r="C298" s="172" t="s">
        <v>8</v>
      </c>
      <c r="D298" s="172"/>
      <c r="E298" s="173"/>
      <c r="F298" s="174" t="s">
        <v>11</v>
      </c>
      <c r="G298" s="174"/>
      <c r="H298" s="175"/>
      <c r="I298" s="336"/>
    </row>
    <row r="299" spans="1:10" s="30" customFormat="1">
      <c r="A299" s="702" t="s">
        <v>1</v>
      </c>
      <c r="B299" s="704" t="s">
        <v>2</v>
      </c>
      <c r="C299" s="704" t="s">
        <v>3</v>
      </c>
      <c r="D299" s="704" t="s">
        <v>4</v>
      </c>
      <c r="E299" s="704" t="s">
        <v>224</v>
      </c>
      <c r="F299" s="706" t="s">
        <v>225</v>
      </c>
      <c r="G299" s="707"/>
      <c r="H299" s="708"/>
      <c r="I299" s="754" t="s">
        <v>7</v>
      </c>
    </row>
    <row r="300" spans="1:10" s="30" customFormat="1">
      <c r="A300" s="703"/>
      <c r="B300" s="705"/>
      <c r="C300" s="705"/>
      <c r="D300" s="705"/>
      <c r="E300" s="705"/>
      <c r="F300" s="350" t="s">
        <v>223</v>
      </c>
      <c r="G300" s="350" t="s">
        <v>5</v>
      </c>
      <c r="H300" s="292" t="s">
        <v>6</v>
      </c>
      <c r="I300" s="753"/>
    </row>
    <row r="301" spans="1:10" s="75" customFormat="1" ht="9.4" customHeight="1">
      <c r="A301" s="167"/>
      <c r="B301" s="372"/>
      <c r="C301" s="371"/>
      <c r="D301" s="115"/>
      <c r="E301" s="179"/>
      <c r="F301" s="81"/>
      <c r="G301" s="135"/>
      <c r="H301" s="135"/>
      <c r="I301" s="329"/>
      <c r="J301" s="29"/>
    </row>
    <row r="302" spans="1:10" s="75" customFormat="1" ht="9.4" customHeight="1">
      <c r="A302" s="168"/>
      <c r="B302" s="372"/>
      <c r="C302" s="139" t="s">
        <v>459</v>
      </c>
      <c r="D302" s="116"/>
      <c r="E302" s="178"/>
      <c r="F302" s="82"/>
      <c r="G302" s="136"/>
      <c r="H302" s="136"/>
      <c r="I302" s="338"/>
      <c r="J302" s="29"/>
    </row>
    <row r="303" spans="1:10" s="76" customFormat="1" ht="9.4" customHeight="1">
      <c r="A303" s="147"/>
      <c r="B303" s="373"/>
      <c r="C303" s="170" t="s">
        <v>458</v>
      </c>
      <c r="D303" s="117" t="s">
        <v>344</v>
      </c>
      <c r="E303" s="180" t="s">
        <v>508</v>
      </c>
      <c r="F303" s="83">
        <v>44</v>
      </c>
      <c r="G303" s="134"/>
      <c r="H303" s="304"/>
      <c r="I303" s="333"/>
      <c r="J303" s="28"/>
    </row>
    <row r="304" spans="1:10" s="75" customFormat="1" ht="9.4" customHeight="1">
      <c r="A304" s="167"/>
      <c r="B304" s="115"/>
      <c r="C304" s="371"/>
      <c r="D304" s="115"/>
      <c r="E304" s="179"/>
      <c r="F304" s="81"/>
      <c r="G304" s="135"/>
      <c r="H304" s="135"/>
      <c r="I304" s="329"/>
      <c r="J304" s="29"/>
    </row>
    <row r="305" spans="1:10" s="75" customFormat="1" ht="9" customHeight="1">
      <c r="A305" s="168"/>
      <c r="B305" s="116"/>
      <c r="C305" s="139" t="s">
        <v>459</v>
      </c>
      <c r="D305" s="116"/>
      <c r="E305" s="178"/>
      <c r="F305" s="82"/>
      <c r="G305" s="136"/>
      <c r="H305" s="136"/>
      <c r="I305" s="338"/>
      <c r="J305" s="29"/>
    </row>
    <row r="306" spans="1:10" s="76" customFormat="1" ht="9.4" customHeight="1">
      <c r="A306" s="169"/>
      <c r="B306" s="373"/>
      <c r="C306" s="170" t="s">
        <v>458</v>
      </c>
      <c r="D306" s="373" t="s">
        <v>345</v>
      </c>
      <c r="E306" s="377" t="s">
        <v>508</v>
      </c>
      <c r="F306" s="83">
        <v>3.19</v>
      </c>
      <c r="G306" s="134"/>
      <c r="H306" s="304"/>
      <c r="I306" s="333"/>
      <c r="J306" s="28"/>
    </row>
    <row r="307" spans="1:10" s="75" customFormat="1" ht="9.4" customHeight="1">
      <c r="A307" s="168"/>
      <c r="B307" s="372"/>
      <c r="C307" s="372"/>
      <c r="D307" s="372"/>
      <c r="E307" s="374"/>
      <c r="F307" s="82"/>
      <c r="G307" s="136"/>
      <c r="H307" s="302"/>
      <c r="I307" s="331"/>
    </row>
    <row r="308" spans="1:10" s="75" customFormat="1" ht="9" customHeight="1">
      <c r="A308" s="97"/>
      <c r="B308" s="116"/>
      <c r="C308" s="139" t="s">
        <v>459</v>
      </c>
      <c r="D308" s="116"/>
      <c r="E308" s="178"/>
      <c r="F308" s="82"/>
      <c r="G308" s="136"/>
      <c r="H308" s="302"/>
      <c r="I308" s="338"/>
    </row>
    <row r="309" spans="1:10" s="76" customFormat="1" ht="9.4" customHeight="1">
      <c r="A309" s="299"/>
      <c r="B309" s="117"/>
      <c r="C309" s="170" t="s">
        <v>458</v>
      </c>
      <c r="D309" s="117" t="s">
        <v>346</v>
      </c>
      <c r="E309" s="180" t="s">
        <v>508</v>
      </c>
      <c r="F309" s="83">
        <v>16.2</v>
      </c>
      <c r="G309" s="134"/>
      <c r="H309" s="304"/>
      <c r="I309" s="333"/>
    </row>
    <row r="310" spans="1:10" s="75" customFormat="1" ht="9.4" customHeight="1">
      <c r="A310" s="167"/>
      <c r="B310" s="115"/>
      <c r="C310" s="371"/>
      <c r="D310" s="116"/>
      <c r="E310" s="178"/>
      <c r="F310" s="82"/>
      <c r="G310" s="136"/>
      <c r="H310" s="135"/>
      <c r="I310" s="329"/>
    </row>
    <row r="311" spans="1:10" s="75" customFormat="1" ht="9" customHeight="1">
      <c r="A311" s="168"/>
      <c r="B311" s="178"/>
      <c r="C311" s="139" t="s">
        <v>459</v>
      </c>
      <c r="D311" s="116"/>
      <c r="E311" s="178"/>
      <c r="F311" s="82"/>
      <c r="G311" s="136"/>
      <c r="H311" s="136"/>
      <c r="I311" s="331"/>
    </row>
    <row r="312" spans="1:10" s="76" customFormat="1" ht="9.4" customHeight="1">
      <c r="A312" s="169"/>
      <c r="B312" s="117"/>
      <c r="C312" s="170" t="s">
        <v>458</v>
      </c>
      <c r="D312" s="117" t="s">
        <v>347</v>
      </c>
      <c r="E312" s="180" t="s">
        <v>508</v>
      </c>
      <c r="F312" s="83">
        <v>130</v>
      </c>
      <c r="G312" s="134"/>
      <c r="H312" s="304"/>
      <c r="I312" s="333"/>
    </row>
    <row r="313" spans="1:10" s="76" customFormat="1" ht="9.4" customHeight="1">
      <c r="A313" s="167"/>
      <c r="B313" s="115"/>
      <c r="C313" s="371"/>
      <c r="D313" s="115"/>
      <c r="E313" s="179"/>
      <c r="F313" s="81"/>
      <c r="G313" s="135"/>
      <c r="H313" s="135"/>
      <c r="I313" s="329"/>
      <c r="J313" s="75"/>
    </row>
    <row r="314" spans="1:10" s="76" customFormat="1" ht="9.4" customHeight="1">
      <c r="A314" s="168"/>
      <c r="B314" s="116"/>
      <c r="C314" s="139" t="s">
        <v>459</v>
      </c>
      <c r="D314" s="116"/>
      <c r="E314" s="178"/>
      <c r="F314" s="82"/>
      <c r="G314" s="136"/>
      <c r="H314" s="136"/>
      <c r="I314" s="331"/>
      <c r="J314" s="75"/>
    </row>
    <row r="315" spans="1:10" s="76" customFormat="1" ht="9.4" customHeight="1">
      <c r="A315" s="169"/>
      <c r="B315" s="117"/>
      <c r="C315" s="170" t="s">
        <v>458</v>
      </c>
      <c r="D315" s="117" t="s">
        <v>348</v>
      </c>
      <c r="E315" s="180" t="s">
        <v>508</v>
      </c>
      <c r="F315" s="83">
        <v>261</v>
      </c>
      <c r="G315" s="134"/>
      <c r="H315" s="304"/>
      <c r="I315" s="333"/>
    </row>
    <row r="316" spans="1:10" s="75" customFormat="1" ht="9.4" customHeight="1">
      <c r="A316" s="167"/>
      <c r="B316" s="146"/>
      <c r="C316" s="371"/>
      <c r="D316" s="371"/>
      <c r="E316" s="379"/>
      <c r="F316" s="81"/>
      <c r="G316" s="135"/>
      <c r="H316" s="135"/>
      <c r="I316" s="329"/>
    </row>
    <row r="317" spans="1:10" s="75" customFormat="1" ht="9" customHeight="1">
      <c r="A317" s="168"/>
      <c r="B317" s="146"/>
      <c r="C317" s="327"/>
      <c r="D317" s="372" t="s">
        <v>434</v>
      </c>
      <c r="E317" s="374"/>
      <c r="F317" s="82"/>
      <c r="G317" s="136"/>
      <c r="H317" s="136"/>
      <c r="I317" s="331"/>
    </row>
    <row r="318" spans="1:10" s="76" customFormat="1" ht="9.4" customHeight="1">
      <c r="A318" s="169"/>
      <c r="B318" s="146"/>
      <c r="C318" s="380" t="s">
        <v>433</v>
      </c>
      <c r="D318" s="382">
        <v>150</v>
      </c>
      <c r="E318" s="377" t="s">
        <v>435</v>
      </c>
      <c r="F318" s="83">
        <v>3</v>
      </c>
      <c r="G318" s="134"/>
      <c r="H318" s="304"/>
      <c r="I318" s="333"/>
    </row>
    <row r="319" spans="1:10" s="75" customFormat="1" ht="9.4" customHeight="1">
      <c r="A319" s="167"/>
      <c r="B319" s="115"/>
      <c r="C319" s="371"/>
      <c r="D319" s="371"/>
      <c r="E319" s="379"/>
      <c r="F319" s="81"/>
      <c r="G319" s="135"/>
      <c r="H319" s="135"/>
      <c r="I319" s="329"/>
    </row>
    <row r="320" spans="1:10" s="75" customFormat="1" ht="9" customHeight="1">
      <c r="A320" s="168"/>
      <c r="B320" s="116"/>
      <c r="C320" s="327"/>
      <c r="D320" s="372" t="s">
        <v>434</v>
      </c>
      <c r="E320" s="374"/>
      <c r="F320" s="82"/>
      <c r="G320" s="136"/>
      <c r="H320" s="136"/>
      <c r="I320" s="331"/>
    </row>
    <row r="321" spans="1:10" s="76" customFormat="1" ht="9.4" customHeight="1">
      <c r="A321" s="169"/>
      <c r="B321" s="117"/>
      <c r="C321" s="380" t="s">
        <v>433</v>
      </c>
      <c r="D321" s="382">
        <v>125</v>
      </c>
      <c r="E321" s="377" t="s">
        <v>435</v>
      </c>
      <c r="F321" s="83">
        <v>12</v>
      </c>
      <c r="G321" s="134"/>
      <c r="H321" s="304"/>
      <c r="I321" s="333"/>
    </row>
    <row r="322" spans="1:10" s="75" customFormat="1" ht="9.4" customHeight="1">
      <c r="A322" s="147"/>
      <c r="B322" s="115"/>
      <c r="C322" s="371"/>
      <c r="D322" s="371"/>
      <c r="E322" s="379"/>
      <c r="F322" s="81"/>
      <c r="G322" s="135"/>
      <c r="H322" s="135"/>
      <c r="I322" s="329"/>
      <c r="J322" s="76"/>
    </row>
    <row r="323" spans="1:10" s="75" customFormat="1" ht="9" customHeight="1">
      <c r="A323" s="147"/>
      <c r="B323" s="178"/>
      <c r="C323" s="327"/>
      <c r="D323" s="372" t="s">
        <v>434</v>
      </c>
      <c r="E323" s="374"/>
      <c r="F323" s="82"/>
      <c r="G323" s="136"/>
      <c r="H323" s="136"/>
      <c r="I323" s="331"/>
      <c r="J323" s="76"/>
    </row>
    <row r="324" spans="1:10" s="76" customFormat="1" ht="9.4" customHeight="1">
      <c r="A324" s="147"/>
      <c r="B324" s="117"/>
      <c r="C324" s="380" t="s">
        <v>433</v>
      </c>
      <c r="D324" s="382">
        <v>100</v>
      </c>
      <c r="E324" s="377" t="s">
        <v>435</v>
      </c>
      <c r="F324" s="83">
        <v>12</v>
      </c>
      <c r="G324" s="134"/>
      <c r="H324" s="304"/>
      <c r="I324" s="333"/>
    </row>
    <row r="325" spans="1:10" s="75" customFormat="1" ht="9.4" customHeight="1">
      <c r="A325" s="167"/>
      <c r="B325" s="115"/>
      <c r="C325" s="371"/>
      <c r="D325" s="371"/>
      <c r="E325" s="379"/>
      <c r="F325" s="81"/>
      <c r="G325" s="135"/>
      <c r="H325" s="135"/>
      <c r="I325" s="329"/>
    </row>
    <row r="326" spans="1:10" s="75" customFormat="1" ht="9.4" customHeight="1">
      <c r="A326" s="168"/>
      <c r="B326" s="116"/>
      <c r="C326" s="327"/>
      <c r="D326" s="372" t="s">
        <v>434</v>
      </c>
      <c r="E326" s="374"/>
      <c r="F326" s="82"/>
      <c r="G326" s="136"/>
      <c r="H326" s="136"/>
      <c r="I326" s="331"/>
    </row>
    <row r="327" spans="1:10" s="76" customFormat="1" ht="9.4" customHeight="1">
      <c r="A327" s="169"/>
      <c r="B327" s="117"/>
      <c r="C327" s="380" t="s">
        <v>433</v>
      </c>
      <c r="D327" s="382">
        <v>80</v>
      </c>
      <c r="E327" s="377" t="s">
        <v>435</v>
      </c>
      <c r="F327" s="83">
        <v>4</v>
      </c>
      <c r="G327" s="134"/>
      <c r="H327" s="304"/>
      <c r="I327" s="333"/>
    </row>
    <row r="328" spans="1:10" s="75" customFormat="1" ht="9.4" customHeight="1">
      <c r="A328" s="167"/>
      <c r="B328" s="115"/>
      <c r="C328" s="371"/>
      <c r="D328" s="371"/>
      <c r="E328" s="379"/>
      <c r="F328" s="81"/>
      <c r="G328" s="135"/>
      <c r="H328" s="135"/>
      <c r="I328" s="329"/>
    </row>
    <row r="329" spans="1:10" s="75" customFormat="1" ht="9.4" customHeight="1">
      <c r="A329" s="168"/>
      <c r="B329" s="116"/>
      <c r="C329" s="327"/>
      <c r="D329" s="372" t="s">
        <v>434</v>
      </c>
      <c r="E329" s="374"/>
      <c r="F329" s="82"/>
      <c r="G329" s="136"/>
      <c r="H329" s="136"/>
      <c r="I329" s="331"/>
    </row>
    <row r="330" spans="1:10" s="76" customFormat="1" ht="9.4" customHeight="1">
      <c r="A330" s="169"/>
      <c r="B330" s="146"/>
      <c r="C330" s="380" t="s">
        <v>433</v>
      </c>
      <c r="D330" s="382">
        <v>65</v>
      </c>
      <c r="E330" s="377" t="s">
        <v>435</v>
      </c>
      <c r="F330" s="83">
        <v>1</v>
      </c>
      <c r="G330" s="134"/>
      <c r="H330" s="304"/>
      <c r="I330" s="333"/>
    </row>
    <row r="331" spans="1:10" s="75" customFormat="1" ht="9.4" customHeight="1">
      <c r="A331" s="167"/>
      <c r="B331" s="115"/>
      <c r="C331" s="371"/>
      <c r="D331" s="371"/>
      <c r="E331" s="379"/>
      <c r="F331" s="81"/>
      <c r="G331" s="135"/>
      <c r="H331" s="135"/>
      <c r="I331" s="329"/>
    </row>
    <row r="332" spans="1:10" s="75" customFormat="1" ht="9.4" customHeight="1">
      <c r="A332" s="168"/>
      <c r="B332" s="116"/>
      <c r="C332" s="327"/>
      <c r="D332" s="372" t="s">
        <v>434</v>
      </c>
      <c r="E332" s="374"/>
      <c r="F332" s="82"/>
      <c r="G332" s="136"/>
      <c r="H332" s="136"/>
      <c r="I332" s="331"/>
    </row>
    <row r="333" spans="1:10" s="76" customFormat="1" ht="9.4" customHeight="1">
      <c r="A333" s="169"/>
      <c r="B333" s="117"/>
      <c r="C333" s="380" t="s">
        <v>433</v>
      </c>
      <c r="D333" s="382">
        <v>50</v>
      </c>
      <c r="E333" s="377" t="s">
        <v>435</v>
      </c>
      <c r="F333" s="83">
        <v>3</v>
      </c>
      <c r="G333" s="134"/>
      <c r="H333" s="304"/>
      <c r="I333" s="333"/>
    </row>
    <row r="334" spans="1:10" s="75" customFormat="1" ht="9.4" customHeight="1">
      <c r="A334" s="167"/>
      <c r="B334" s="116"/>
      <c r="C334" s="371"/>
      <c r="D334" s="371"/>
      <c r="E334" s="379"/>
      <c r="F334" s="81"/>
      <c r="G334" s="135"/>
      <c r="H334" s="135"/>
      <c r="I334" s="329"/>
    </row>
    <row r="335" spans="1:10" s="75" customFormat="1" ht="9" customHeight="1">
      <c r="A335" s="168"/>
      <c r="B335" s="116"/>
      <c r="C335" s="327"/>
      <c r="D335" s="372" t="s">
        <v>434</v>
      </c>
      <c r="E335" s="374"/>
      <c r="F335" s="82"/>
      <c r="G335" s="136"/>
      <c r="H335" s="136"/>
      <c r="I335" s="331"/>
    </row>
    <row r="336" spans="1:10" s="76" customFormat="1" ht="9.4" customHeight="1">
      <c r="A336" s="147"/>
      <c r="B336" s="117"/>
      <c r="C336" s="380" t="s">
        <v>433</v>
      </c>
      <c r="D336" s="382">
        <v>40</v>
      </c>
      <c r="E336" s="377" t="s">
        <v>435</v>
      </c>
      <c r="F336" s="83">
        <v>16</v>
      </c>
      <c r="G336" s="134"/>
      <c r="H336" s="304"/>
      <c r="I336" s="333"/>
    </row>
    <row r="337" spans="1:9" s="75" customFormat="1" ht="9.4" customHeight="1">
      <c r="A337" s="167"/>
      <c r="B337" s="372"/>
      <c r="C337" s="371"/>
      <c r="D337" s="371"/>
      <c r="E337" s="379"/>
      <c r="F337" s="81"/>
      <c r="G337" s="135"/>
      <c r="H337" s="135"/>
      <c r="I337" s="329"/>
    </row>
    <row r="338" spans="1:9" s="75" customFormat="1" ht="9" customHeight="1">
      <c r="A338" s="168"/>
      <c r="B338" s="372"/>
      <c r="C338" s="327"/>
      <c r="D338" s="372" t="s">
        <v>499</v>
      </c>
      <c r="E338" s="374"/>
      <c r="F338" s="82"/>
      <c r="G338" s="136"/>
      <c r="H338" s="136"/>
      <c r="I338" s="331"/>
    </row>
    <row r="339" spans="1:9" s="76" customFormat="1" ht="9.4" customHeight="1">
      <c r="A339" s="94"/>
      <c r="B339" s="404"/>
      <c r="C339" s="102" t="s">
        <v>433</v>
      </c>
      <c r="D339" s="349" t="s">
        <v>500</v>
      </c>
      <c r="E339" s="87" t="s">
        <v>395</v>
      </c>
      <c r="F339" s="85">
        <v>42</v>
      </c>
      <c r="G339" s="151"/>
      <c r="H339" s="340"/>
      <c r="I339" s="335"/>
    </row>
    <row r="340" spans="1:9" s="27" customFormat="1" ht="26.1" customHeight="1">
      <c r="A340" s="96"/>
      <c r="B340" s="172"/>
      <c r="C340" s="172"/>
      <c r="D340" s="172"/>
      <c r="E340" s="173"/>
      <c r="F340" s="90"/>
      <c r="G340" s="174"/>
      <c r="H340" s="175"/>
      <c r="I340" s="336"/>
    </row>
    <row r="341" spans="1:9" s="30" customFormat="1">
      <c r="A341" s="702" t="s">
        <v>1</v>
      </c>
      <c r="B341" s="704" t="s">
        <v>2</v>
      </c>
      <c r="C341" s="704" t="s">
        <v>3</v>
      </c>
      <c r="D341" s="704" t="s">
        <v>4</v>
      </c>
      <c r="E341" s="704" t="s">
        <v>224</v>
      </c>
      <c r="F341" s="706" t="s">
        <v>225</v>
      </c>
      <c r="G341" s="707"/>
      <c r="H341" s="708"/>
      <c r="I341" s="752" t="s">
        <v>7</v>
      </c>
    </row>
    <row r="342" spans="1:9" s="30" customFormat="1">
      <c r="A342" s="703"/>
      <c r="B342" s="705"/>
      <c r="C342" s="705"/>
      <c r="D342" s="705"/>
      <c r="E342" s="705"/>
      <c r="F342" s="294" t="s">
        <v>223</v>
      </c>
      <c r="G342" s="294" t="s">
        <v>5</v>
      </c>
      <c r="H342" s="292" t="s">
        <v>6</v>
      </c>
      <c r="I342" s="753"/>
    </row>
    <row r="343" spans="1:9" s="75" customFormat="1" ht="9.4" customHeight="1">
      <c r="A343" s="167"/>
      <c r="B343" s="115"/>
      <c r="C343" s="371"/>
      <c r="D343" s="371"/>
      <c r="E343" s="379"/>
      <c r="F343" s="82"/>
      <c r="G343" s="136"/>
      <c r="H343" s="135"/>
      <c r="I343" s="329"/>
    </row>
    <row r="344" spans="1:9" s="75" customFormat="1" ht="9" customHeight="1">
      <c r="A344" s="97" t="s">
        <v>466</v>
      </c>
      <c r="B344" s="116"/>
      <c r="C344" s="139"/>
      <c r="D344" s="372" t="s">
        <v>546</v>
      </c>
      <c r="E344" s="374"/>
      <c r="F344" s="82"/>
      <c r="G344" s="136"/>
      <c r="H344" s="152"/>
      <c r="I344" s="338"/>
    </row>
    <row r="345" spans="1:9" s="76" customFormat="1" ht="9.4" customHeight="1">
      <c r="A345" s="299" t="s">
        <v>367</v>
      </c>
      <c r="B345" s="194" t="s">
        <v>545</v>
      </c>
      <c r="C345" s="170" t="s">
        <v>277</v>
      </c>
      <c r="D345" s="373" t="s">
        <v>547</v>
      </c>
      <c r="E345" s="377" t="s">
        <v>246</v>
      </c>
      <c r="F345" s="83">
        <v>1</v>
      </c>
      <c r="G345" s="134"/>
      <c r="H345" s="304"/>
      <c r="I345" s="333"/>
    </row>
    <row r="346" spans="1:9" s="75" customFormat="1" ht="9.4" customHeight="1">
      <c r="A346" s="167"/>
      <c r="B346" s="115"/>
      <c r="C346" s="115"/>
      <c r="D346" s="115"/>
      <c r="E346" s="179"/>
      <c r="F346" s="82"/>
      <c r="G346" s="136"/>
      <c r="H346" s="135"/>
      <c r="I346" s="329"/>
    </row>
    <row r="347" spans="1:9" s="75" customFormat="1" ht="9" customHeight="1">
      <c r="A347" s="168"/>
      <c r="B347" s="116"/>
      <c r="C347" s="139"/>
      <c r="D347" s="116" t="s">
        <v>356</v>
      </c>
      <c r="E347" s="178"/>
      <c r="F347" s="82"/>
      <c r="G347" s="136"/>
      <c r="H347" s="152"/>
      <c r="I347" s="331"/>
    </row>
    <row r="348" spans="1:9" s="76" customFormat="1" ht="9.4" customHeight="1">
      <c r="A348" s="169"/>
      <c r="B348" s="163"/>
      <c r="C348" s="170" t="s">
        <v>277</v>
      </c>
      <c r="D348" s="117" t="s">
        <v>357</v>
      </c>
      <c r="E348" s="180" t="s">
        <v>246</v>
      </c>
      <c r="F348" s="83">
        <v>1</v>
      </c>
      <c r="G348" s="134"/>
      <c r="H348" s="304"/>
      <c r="I348" s="333"/>
    </row>
    <row r="349" spans="1:9" s="76" customFormat="1" ht="9.4" customHeight="1">
      <c r="A349" s="147"/>
      <c r="B349" s="146"/>
      <c r="C349" s="115"/>
      <c r="D349" s="115"/>
      <c r="E349" s="179"/>
      <c r="F349" s="82"/>
      <c r="G349" s="136"/>
      <c r="H349" s="301"/>
      <c r="I349" s="329"/>
    </row>
    <row r="350" spans="1:9" s="76" customFormat="1" ht="9.4" customHeight="1">
      <c r="A350" s="147"/>
      <c r="B350" s="146"/>
      <c r="C350" s="139"/>
      <c r="D350" s="116" t="s">
        <v>356</v>
      </c>
      <c r="E350" s="178"/>
      <c r="F350" s="82"/>
      <c r="G350" s="136"/>
      <c r="H350" s="302"/>
      <c r="I350" s="331"/>
    </row>
    <row r="351" spans="1:9" s="76" customFormat="1" ht="9.4" customHeight="1">
      <c r="A351" s="147"/>
      <c r="B351" s="146"/>
      <c r="C351" s="170" t="s">
        <v>277</v>
      </c>
      <c r="D351" s="117" t="s">
        <v>358</v>
      </c>
      <c r="E351" s="180" t="s">
        <v>246</v>
      </c>
      <c r="F351" s="83">
        <v>7</v>
      </c>
      <c r="G351" s="134"/>
      <c r="H351" s="304"/>
      <c r="I351" s="333"/>
    </row>
    <row r="352" spans="1:9" s="75" customFormat="1" ht="9.4" customHeight="1">
      <c r="A352" s="167"/>
      <c r="B352" s="115"/>
      <c r="C352" s="115"/>
      <c r="D352" s="115"/>
      <c r="E352" s="179"/>
      <c r="F352" s="81"/>
      <c r="G352" s="135"/>
      <c r="H352" s="135"/>
      <c r="I352" s="329"/>
    </row>
    <row r="353" spans="1:9" s="75" customFormat="1" ht="9.4" customHeight="1">
      <c r="A353" s="168"/>
      <c r="B353" s="116"/>
      <c r="C353" s="139"/>
      <c r="D353" s="116" t="s">
        <v>356</v>
      </c>
      <c r="E353" s="178"/>
      <c r="F353" s="82"/>
      <c r="G353" s="136"/>
      <c r="H353" s="136"/>
      <c r="I353" s="331"/>
    </row>
    <row r="354" spans="1:9" s="76" customFormat="1" ht="9.4" customHeight="1">
      <c r="A354" s="147"/>
      <c r="B354" s="163"/>
      <c r="C354" s="170" t="s">
        <v>277</v>
      </c>
      <c r="D354" s="117" t="s">
        <v>359</v>
      </c>
      <c r="E354" s="180" t="s">
        <v>246</v>
      </c>
      <c r="F354" s="83">
        <v>3</v>
      </c>
      <c r="G354" s="134"/>
      <c r="H354" s="304"/>
      <c r="I354" s="333"/>
    </row>
    <row r="355" spans="1:9" s="75" customFormat="1" ht="9.4" customHeight="1">
      <c r="A355" s="167"/>
      <c r="B355" s="142"/>
      <c r="C355" s="115"/>
      <c r="D355" s="115"/>
      <c r="E355" s="179"/>
      <c r="F355" s="82"/>
      <c r="G355" s="136"/>
      <c r="H355" s="135"/>
      <c r="I355" s="329"/>
    </row>
    <row r="356" spans="1:9" s="75" customFormat="1" ht="9.4" customHeight="1">
      <c r="A356" s="168"/>
      <c r="B356" s="143"/>
      <c r="C356" s="139"/>
      <c r="D356" s="116" t="s">
        <v>356</v>
      </c>
      <c r="E356" s="178"/>
      <c r="F356" s="82"/>
      <c r="G356" s="136"/>
      <c r="H356" s="152"/>
      <c r="I356" s="331"/>
    </row>
    <row r="357" spans="1:9" s="76" customFormat="1" ht="9.4" customHeight="1">
      <c r="A357" s="169"/>
      <c r="B357" s="144"/>
      <c r="C357" s="170" t="s">
        <v>277</v>
      </c>
      <c r="D357" s="80" t="s">
        <v>317</v>
      </c>
      <c r="E357" s="180" t="s">
        <v>246</v>
      </c>
      <c r="F357" s="83">
        <v>1</v>
      </c>
      <c r="G357" s="134"/>
      <c r="H357" s="304"/>
      <c r="I357" s="333"/>
    </row>
    <row r="358" spans="1:9" s="75" customFormat="1" ht="9.4" customHeight="1">
      <c r="A358" s="148"/>
      <c r="B358" s="118"/>
      <c r="C358" s="115"/>
      <c r="D358" s="115"/>
      <c r="E358" s="179"/>
      <c r="F358" s="84"/>
      <c r="G358" s="131"/>
      <c r="H358" s="135"/>
      <c r="I358" s="330"/>
    </row>
    <row r="359" spans="1:9" s="75" customFormat="1" ht="9.4" customHeight="1">
      <c r="A359" s="164"/>
      <c r="B359" s="137"/>
      <c r="C359" s="139"/>
      <c r="D359" s="116" t="s">
        <v>356</v>
      </c>
      <c r="E359" s="178"/>
      <c r="F359" s="84"/>
      <c r="G359" s="131"/>
      <c r="H359" s="136"/>
      <c r="I359" s="338"/>
    </row>
    <row r="360" spans="1:9" s="76" customFormat="1" ht="9.4" customHeight="1">
      <c r="A360" s="165"/>
      <c r="B360" s="120"/>
      <c r="C360" s="170" t="s">
        <v>277</v>
      </c>
      <c r="D360" s="117" t="s">
        <v>318</v>
      </c>
      <c r="E360" s="180" t="s">
        <v>246</v>
      </c>
      <c r="F360" s="83">
        <v>1</v>
      </c>
      <c r="G360" s="134"/>
      <c r="H360" s="304"/>
      <c r="I360" s="333"/>
    </row>
    <row r="361" spans="1:9" s="75" customFormat="1" ht="9.4" customHeight="1">
      <c r="A361" s="148"/>
      <c r="B361" s="118"/>
      <c r="C361" s="351"/>
      <c r="D361" s="115"/>
      <c r="E361" s="179"/>
      <c r="F361" s="81"/>
      <c r="G361" s="135"/>
      <c r="H361" s="135"/>
      <c r="I361" s="329"/>
    </row>
    <row r="362" spans="1:9" s="75" customFormat="1" ht="9" customHeight="1">
      <c r="A362" s="164"/>
      <c r="B362" s="119"/>
      <c r="C362" s="353"/>
      <c r="D362" s="116"/>
      <c r="E362" s="178"/>
      <c r="F362" s="82"/>
      <c r="G362" s="136"/>
      <c r="H362" s="150"/>
      <c r="I362" s="331"/>
    </row>
    <row r="363" spans="1:9" s="76" customFormat="1" ht="9.4" customHeight="1">
      <c r="A363" s="165"/>
      <c r="B363" s="120"/>
      <c r="C363" s="352" t="s">
        <v>278</v>
      </c>
      <c r="D363" s="117" t="s">
        <v>319</v>
      </c>
      <c r="E363" s="180" t="s">
        <v>279</v>
      </c>
      <c r="F363" s="83">
        <v>1</v>
      </c>
      <c r="G363" s="134"/>
      <c r="H363" s="304"/>
      <c r="I363" s="333"/>
    </row>
    <row r="364" spans="1:9" s="75" customFormat="1" ht="9.4" customHeight="1">
      <c r="A364" s="167"/>
      <c r="B364" s="115"/>
      <c r="C364" s="115"/>
      <c r="D364" s="115" t="s">
        <v>280</v>
      </c>
      <c r="E364" s="179"/>
      <c r="F364" s="81"/>
      <c r="G364" s="135"/>
      <c r="H364" s="301"/>
      <c r="I364" s="329"/>
    </row>
    <row r="365" spans="1:9" s="75" customFormat="1" ht="9" customHeight="1">
      <c r="A365" s="168"/>
      <c r="B365" s="116"/>
      <c r="C365" s="139"/>
      <c r="D365" s="116"/>
      <c r="E365" s="178"/>
      <c r="F365" s="82"/>
      <c r="G365" s="136"/>
      <c r="H365" s="302"/>
      <c r="I365" s="331"/>
    </row>
    <row r="366" spans="1:9" s="76" customFormat="1" ht="9.4" customHeight="1">
      <c r="A366" s="147"/>
      <c r="B366" s="146"/>
      <c r="C366" s="170" t="s">
        <v>393</v>
      </c>
      <c r="D366" s="117" t="s">
        <v>320</v>
      </c>
      <c r="E366" s="180" t="s">
        <v>281</v>
      </c>
      <c r="F366" s="83">
        <v>2</v>
      </c>
      <c r="G366" s="134"/>
      <c r="H366" s="304"/>
      <c r="I366" s="333"/>
    </row>
    <row r="367" spans="1:9" s="76" customFormat="1" ht="9.4" customHeight="1">
      <c r="A367" s="167"/>
      <c r="B367" s="115"/>
      <c r="C367" s="115"/>
      <c r="D367" s="115"/>
      <c r="E367" s="179"/>
      <c r="F367" s="81"/>
      <c r="G367" s="135"/>
      <c r="H367" s="135"/>
      <c r="I367" s="329"/>
    </row>
    <row r="368" spans="1:9" s="76" customFormat="1" ht="9.4" customHeight="1">
      <c r="A368" s="168"/>
      <c r="B368" s="116"/>
      <c r="C368" s="139"/>
      <c r="D368" s="116" t="s">
        <v>386</v>
      </c>
      <c r="E368" s="178"/>
      <c r="F368" s="82"/>
      <c r="G368" s="136"/>
      <c r="H368" s="136"/>
      <c r="I368" s="331"/>
    </row>
    <row r="369" spans="1:9" s="76" customFormat="1" ht="9.4" customHeight="1">
      <c r="A369" s="169"/>
      <c r="B369" s="163"/>
      <c r="C369" s="170" t="s">
        <v>282</v>
      </c>
      <c r="D369" s="117" t="s">
        <v>283</v>
      </c>
      <c r="E369" s="180" t="s">
        <v>281</v>
      </c>
      <c r="F369" s="83">
        <v>2</v>
      </c>
      <c r="G369" s="134"/>
      <c r="H369" s="304"/>
      <c r="I369" s="333"/>
    </row>
    <row r="370" spans="1:9" s="75" customFormat="1" ht="9.4" customHeight="1">
      <c r="A370" s="167"/>
      <c r="B370" s="142"/>
      <c r="C370" s="115"/>
      <c r="D370" s="115"/>
      <c r="E370" s="179"/>
      <c r="F370" s="81"/>
      <c r="G370" s="135"/>
      <c r="H370" s="135"/>
      <c r="I370" s="329"/>
    </row>
    <row r="371" spans="1:9" s="75" customFormat="1" ht="9.4" customHeight="1">
      <c r="A371" s="168"/>
      <c r="B371" s="143"/>
      <c r="C371" s="327"/>
      <c r="D371" s="116"/>
      <c r="E371" s="178"/>
      <c r="F371" s="82"/>
      <c r="G371" s="136"/>
      <c r="H371" s="152"/>
      <c r="I371" s="338"/>
    </row>
    <row r="372" spans="1:9" s="76" customFormat="1" ht="9.4" customHeight="1">
      <c r="A372" s="169"/>
      <c r="B372" s="144"/>
      <c r="C372" s="326" t="s">
        <v>284</v>
      </c>
      <c r="D372" s="117" t="s">
        <v>285</v>
      </c>
      <c r="E372" s="180" t="s">
        <v>286</v>
      </c>
      <c r="F372" s="92">
        <v>3</v>
      </c>
      <c r="G372" s="145"/>
      <c r="H372" s="166"/>
      <c r="I372" s="333"/>
    </row>
    <row r="373" spans="1:9" s="75" customFormat="1" ht="9.4" customHeight="1">
      <c r="A373" s="167"/>
      <c r="B373" s="142"/>
      <c r="C373" s="115"/>
      <c r="D373" s="115"/>
      <c r="E373" s="179"/>
      <c r="F373" s="81"/>
      <c r="G373" s="135"/>
      <c r="H373" s="135"/>
      <c r="I373" s="329"/>
    </row>
    <row r="374" spans="1:9" s="75" customFormat="1" ht="9" customHeight="1">
      <c r="A374" s="168"/>
      <c r="B374" s="143"/>
      <c r="C374" s="327"/>
      <c r="D374" s="116"/>
      <c r="E374" s="178"/>
      <c r="F374" s="82"/>
      <c r="G374" s="136"/>
      <c r="H374" s="152"/>
      <c r="I374" s="338"/>
    </row>
    <row r="375" spans="1:9" s="76" customFormat="1" ht="9.4" customHeight="1">
      <c r="A375" s="169"/>
      <c r="B375" s="144"/>
      <c r="C375" s="326" t="s">
        <v>284</v>
      </c>
      <c r="D375" s="117" t="s">
        <v>287</v>
      </c>
      <c r="E375" s="180" t="s">
        <v>286</v>
      </c>
      <c r="F375" s="92">
        <v>3</v>
      </c>
      <c r="G375" s="145"/>
      <c r="H375" s="166"/>
      <c r="I375" s="333"/>
    </row>
    <row r="376" spans="1:9" s="75" customFormat="1" ht="9.4" customHeight="1">
      <c r="A376" s="167"/>
      <c r="B376" s="116"/>
      <c r="C376" s="115"/>
      <c r="D376" s="115"/>
      <c r="E376" s="179"/>
      <c r="F376" s="81"/>
      <c r="G376" s="135"/>
      <c r="H376" s="135"/>
      <c r="I376" s="329"/>
    </row>
    <row r="377" spans="1:9" s="75" customFormat="1" ht="9.4" customHeight="1">
      <c r="A377" s="168"/>
      <c r="B377" s="116"/>
      <c r="C377" s="327"/>
      <c r="D377" s="116"/>
      <c r="E377" s="178"/>
      <c r="F377" s="82"/>
      <c r="G377" s="136"/>
      <c r="H377" s="152"/>
      <c r="I377" s="338"/>
    </row>
    <row r="378" spans="1:9" s="76" customFormat="1" ht="9.4" customHeight="1">
      <c r="A378" s="147"/>
      <c r="B378" s="117"/>
      <c r="C378" s="326" t="s">
        <v>284</v>
      </c>
      <c r="D378" s="117" t="s">
        <v>288</v>
      </c>
      <c r="E378" s="180" t="s">
        <v>286</v>
      </c>
      <c r="F378" s="83">
        <v>1</v>
      </c>
      <c r="G378" s="134"/>
      <c r="H378" s="166"/>
      <c r="I378" s="333"/>
    </row>
    <row r="379" spans="1:9" s="75" customFormat="1" ht="9.4" customHeight="1">
      <c r="A379" s="167"/>
      <c r="B379" s="115"/>
      <c r="C379" s="115"/>
      <c r="D379" s="115"/>
      <c r="E379" s="179"/>
      <c r="F379" s="81"/>
      <c r="G379" s="135"/>
      <c r="H379" s="135"/>
      <c r="I379" s="329"/>
    </row>
    <row r="380" spans="1:9" s="75" customFormat="1" ht="9" customHeight="1">
      <c r="A380" s="168"/>
      <c r="B380" s="116"/>
      <c r="C380" s="327"/>
      <c r="D380" s="116"/>
      <c r="E380" s="178"/>
      <c r="F380" s="82"/>
      <c r="G380" s="136"/>
      <c r="H380" s="152"/>
      <c r="I380" s="331"/>
    </row>
    <row r="381" spans="1:9" s="76" customFormat="1" ht="9.4" customHeight="1">
      <c r="A381" s="169"/>
      <c r="B381" s="146"/>
      <c r="C381" s="326" t="s">
        <v>284</v>
      </c>
      <c r="D381" s="189" t="s">
        <v>289</v>
      </c>
      <c r="E381" s="180" t="s">
        <v>286</v>
      </c>
      <c r="F381" s="83">
        <v>6</v>
      </c>
      <c r="G381" s="134"/>
      <c r="H381" s="166"/>
      <c r="I381" s="333"/>
    </row>
    <row r="382" spans="1:9" s="27" customFormat="1" ht="26.1" customHeight="1">
      <c r="A382" s="96"/>
      <c r="B382" s="172"/>
      <c r="C382" s="172" t="s">
        <v>8</v>
      </c>
      <c r="D382" s="172"/>
      <c r="E382" s="173"/>
      <c r="F382" s="174" t="s">
        <v>11</v>
      </c>
      <c r="G382" s="174"/>
      <c r="H382" s="175"/>
      <c r="I382" s="336"/>
    </row>
    <row r="383" spans="1:9" s="30" customFormat="1">
      <c r="A383" s="702" t="s">
        <v>1</v>
      </c>
      <c r="B383" s="704" t="s">
        <v>2</v>
      </c>
      <c r="C383" s="704" t="s">
        <v>3</v>
      </c>
      <c r="D383" s="704" t="s">
        <v>4</v>
      </c>
      <c r="E383" s="704" t="s">
        <v>224</v>
      </c>
      <c r="F383" s="706" t="s">
        <v>225</v>
      </c>
      <c r="G383" s="707"/>
      <c r="H383" s="708"/>
      <c r="I383" s="752" t="s">
        <v>7</v>
      </c>
    </row>
    <row r="384" spans="1:9" s="30" customFormat="1">
      <c r="A384" s="703"/>
      <c r="B384" s="705"/>
      <c r="C384" s="705"/>
      <c r="D384" s="705"/>
      <c r="E384" s="705"/>
      <c r="F384" s="294" t="s">
        <v>223</v>
      </c>
      <c r="G384" s="294" t="s">
        <v>5</v>
      </c>
      <c r="H384" s="292" t="s">
        <v>6</v>
      </c>
      <c r="I384" s="753"/>
    </row>
    <row r="385" spans="1:10" s="75" customFormat="1" ht="9.4" customHeight="1">
      <c r="A385" s="167"/>
      <c r="B385" s="115"/>
      <c r="C385" s="115"/>
      <c r="D385" s="115"/>
      <c r="E385" s="179"/>
      <c r="F385" s="82"/>
      <c r="G385" s="136"/>
      <c r="H385" s="135"/>
      <c r="I385" s="329"/>
    </row>
    <row r="386" spans="1:10" s="75" customFormat="1" ht="9" customHeight="1">
      <c r="A386" s="97"/>
      <c r="B386" s="116"/>
      <c r="C386" s="139"/>
      <c r="D386" s="116" t="s">
        <v>290</v>
      </c>
      <c r="E386" s="178"/>
      <c r="F386" s="82"/>
      <c r="G386" s="136"/>
      <c r="H386" s="136"/>
      <c r="I386" s="338"/>
      <c r="J386" s="341"/>
    </row>
    <row r="387" spans="1:10" s="76" customFormat="1" ht="9.4" customHeight="1">
      <c r="A387" s="299"/>
      <c r="B387" s="194"/>
      <c r="C387" s="170" t="s">
        <v>291</v>
      </c>
      <c r="D387" s="117" t="s">
        <v>513</v>
      </c>
      <c r="E387" s="180" t="s">
        <v>508</v>
      </c>
      <c r="F387" s="83">
        <v>109</v>
      </c>
      <c r="G387" s="134"/>
      <c r="H387" s="149"/>
      <c r="I387" s="333"/>
      <c r="J387" s="314"/>
    </row>
    <row r="388" spans="1:10" s="75" customFormat="1" ht="9.4" customHeight="1">
      <c r="A388" s="167"/>
      <c r="B388" s="115"/>
      <c r="C388" s="115"/>
      <c r="D388" s="115"/>
      <c r="E388" s="179"/>
      <c r="F388" s="82"/>
      <c r="G388" s="136"/>
      <c r="H388" s="135"/>
      <c r="I388" s="330"/>
      <c r="J388" s="342"/>
    </row>
    <row r="389" spans="1:10" s="75" customFormat="1" ht="9" customHeight="1">
      <c r="A389" s="168"/>
      <c r="B389" s="116"/>
      <c r="C389" s="139"/>
      <c r="D389" s="116"/>
      <c r="E389" s="178"/>
      <c r="F389" s="82"/>
      <c r="G389" s="136"/>
      <c r="H389" s="136"/>
      <c r="I389" s="338"/>
      <c r="J389" s="343"/>
    </row>
    <row r="390" spans="1:10" s="76" customFormat="1" ht="9.4" customHeight="1">
      <c r="A390" s="169"/>
      <c r="B390" s="163"/>
      <c r="C390" s="170" t="s">
        <v>291</v>
      </c>
      <c r="D390" s="117" t="s">
        <v>292</v>
      </c>
      <c r="E390" s="180" t="s">
        <v>286</v>
      </c>
      <c r="F390" s="83">
        <v>5</v>
      </c>
      <c r="G390" s="134"/>
      <c r="H390" s="149"/>
      <c r="I390" s="333"/>
    </row>
    <row r="391" spans="1:10" s="76" customFormat="1" ht="9.4" customHeight="1">
      <c r="A391" s="147"/>
      <c r="B391" s="146"/>
      <c r="C391" s="115"/>
      <c r="D391" s="115"/>
      <c r="E391" s="179"/>
      <c r="F391" s="82"/>
      <c r="G391" s="136"/>
      <c r="H391" s="135"/>
      <c r="I391" s="329"/>
    </row>
    <row r="392" spans="1:10" s="76" customFormat="1" ht="9.4" customHeight="1">
      <c r="A392" s="147"/>
      <c r="B392" s="146"/>
      <c r="C392" s="139"/>
      <c r="D392" s="116"/>
      <c r="E392" s="178"/>
      <c r="F392" s="82"/>
      <c r="G392" s="136"/>
      <c r="H392" s="136"/>
      <c r="I392" s="338"/>
    </row>
    <row r="393" spans="1:10" s="76" customFormat="1" ht="9.4" customHeight="1">
      <c r="A393" s="147"/>
      <c r="B393" s="146"/>
      <c r="C393" s="170" t="s">
        <v>291</v>
      </c>
      <c r="D393" s="117" t="s">
        <v>293</v>
      </c>
      <c r="E393" s="180" t="s">
        <v>508</v>
      </c>
      <c r="F393" s="83">
        <v>20</v>
      </c>
      <c r="G393" s="134"/>
      <c r="H393" s="149"/>
      <c r="I393" s="333"/>
    </row>
    <row r="394" spans="1:10" s="75" customFormat="1" ht="9.4" customHeight="1">
      <c r="A394" s="167"/>
      <c r="B394" s="115"/>
      <c r="C394" s="115"/>
      <c r="D394" s="115"/>
      <c r="E394" s="179"/>
      <c r="F394" s="82"/>
      <c r="G394" s="136"/>
      <c r="H394" s="135"/>
      <c r="I394" s="329"/>
    </row>
    <row r="395" spans="1:10" s="75" customFormat="1" ht="9" customHeight="1">
      <c r="A395" s="168"/>
      <c r="B395" s="116"/>
      <c r="C395" s="139"/>
      <c r="D395" s="116"/>
      <c r="E395" s="178"/>
      <c r="F395" s="82"/>
      <c r="G395" s="136"/>
      <c r="H395" s="136"/>
      <c r="I395" s="338"/>
    </row>
    <row r="396" spans="1:10" s="76" customFormat="1" ht="9.4" customHeight="1">
      <c r="A396" s="147"/>
      <c r="B396" s="163"/>
      <c r="C396" s="170" t="s">
        <v>291</v>
      </c>
      <c r="D396" s="117" t="s">
        <v>310</v>
      </c>
      <c r="E396" s="180" t="s">
        <v>286</v>
      </c>
      <c r="F396" s="83">
        <v>17</v>
      </c>
      <c r="G396" s="134"/>
      <c r="H396" s="149"/>
      <c r="I396" s="333"/>
    </row>
    <row r="397" spans="1:10" s="75" customFormat="1" ht="9.4" customHeight="1">
      <c r="A397" s="167"/>
      <c r="B397" s="142"/>
      <c r="C397" s="115"/>
      <c r="D397" s="115"/>
      <c r="E397" s="179"/>
      <c r="F397" s="81"/>
      <c r="G397" s="135"/>
      <c r="H397" s="135"/>
      <c r="I397" s="329"/>
    </row>
    <row r="398" spans="1:10" s="75" customFormat="1" ht="9" customHeight="1">
      <c r="A398" s="168"/>
      <c r="B398" s="143"/>
      <c r="C398" s="139"/>
      <c r="D398" s="116" t="s">
        <v>460</v>
      </c>
      <c r="E398" s="178"/>
      <c r="F398" s="82"/>
      <c r="G398" s="136"/>
      <c r="H398" s="136"/>
      <c r="I398" s="338"/>
    </row>
    <row r="399" spans="1:10" s="76" customFormat="1" ht="9.4" customHeight="1">
      <c r="A399" s="169"/>
      <c r="B399" s="144"/>
      <c r="C399" s="141" t="s">
        <v>291</v>
      </c>
      <c r="D399" s="117" t="s">
        <v>322</v>
      </c>
      <c r="E399" s="180" t="s">
        <v>274</v>
      </c>
      <c r="F399" s="83">
        <v>2</v>
      </c>
      <c r="G399" s="134"/>
      <c r="H399" s="149"/>
      <c r="I399" s="333"/>
      <c r="J399" s="78"/>
    </row>
    <row r="400" spans="1:10" s="75" customFormat="1" ht="9.4" customHeight="1">
      <c r="A400" s="167"/>
      <c r="B400" s="142"/>
      <c r="C400" s="115"/>
      <c r="D400" s="116"/>
      <c r="E400" s="179"/>
      <c r="F400" s="82"/>
      <c r="G400" s="136"/>
      <c r="H400" s="135"/>
      <c r="I400" s="329"/>
      <c r="J400" s="77"/>
    </row>
    <row r="401" spans="1:10" s="75" customFormat="1" ht="9" customHeight="1">
      <c r="A401" s="168"/>
      <c r="B401" s="143"/>
      <c r="C401" s="139"/>
      <c r="D401" s="116" t="s">
        <v>460</v>
      </c>
      <c r="E401" s="178"/>
      <c r="F401" s="82"/>
      <c r="G401" s="136"/>
      <c r="H401" s="136"/>
      <c r="I401" s="338"/>
      <c r="J401" s="77"/>
    </row>
    <row r="402" spans="1:10" s="76" customFormat="1" ht="9.4" customHeight="1">
      <c r="A402" s="169"/>
      <c r="B402" s="144"/>
      <c r="C402" s="141" t="s">
        <v>291</v>
      </c>
      <c r="D402" s="80" t="s">
        <v>323</v>
      </c>
      <c r="E402" s="180" t="s">
        <v>274</v>
      </c>
      <c r="F402" s="83">
        <v>8</v>
      </c>
      <c r="G402" s="134"/>
      <c r="H402" s="149"/>
      <c r="I402" s="333"/>
      <c r="J402" s="78"/>
    </row>
    <row r="403" spans="1:10" s="75" customFormat="1" ht="9.4" customHeight="1">
      <c r="A403" s="167"/>
      <c r="B403" s="142"/>
      <c r="C403" s="115"/>
      <c r="D403" s="137"/>
      <c r="E403" s="179"/>
      <c r="F403" s="84"/>
      <c r="G403" s="131"/>
      <c r="H403" s="135"/>
      <c r="I403" s="329"/>
      <c r="J403" s="77"/>
    </row>
    <row r="404" spans="1:10" s="75" customFormat="1" ht="9.4" customHeight="1">
      <c r="A404" s="168"/>
      <c r="B404" s="143"/>
      <c r="C404" s="139"/>
      <c r="D404" s="137"/>
      <c r="E404" s="178"/>
      <c r="F404" s="84"/>
      <c r="G404" s="131"/>
      <c r="H404" s="136"/>
      <c r="I404" s="338"/>
      <c r="J404" s="77"/>
    </row>
    <row r="405" spans="1:10" s="76" customFormat="1" ht="9.4" customHeight="1">
      <c r="A405" s="169"/>
      <c r="B405" s="176"/>
      <c r="C405" s="141" t="s">
        <v>291</v>
      </c>
      <c r="D405" s="117" t="s">
        <v>294</v>
      </c>
      <c r="E405" s="180" t="s">
        <v>286</v>
      </c>
      <c r="F405" s="83">
        <v>9</v>
      </c>
      <c r="G405" s="134"/>
      <c r="H405" s="149"/>
      <c r="I405" s="333"/>
      <c r="J405" s="78"/>
    </row>
    <row r="406" spans="1:10" s="75" customFormat="1" ht="9.4" customHeight="1">
      <c r="A406" s="167"/>
      <c r="B406" s="115"/>
      <c r="C406" s="115"/>
      <c r="D406" s="115"/>
      <c r="E406" s="179"/>
      <c r="F406" s="81"/>
      <c r="G406" s="135"/>
      <c r="H406" s="135"/>
      <c r="I406" s="330"/>
      <c r="J406" s="344"/>
    </row>
    <row r="407" spans="1:10" s="75" customFormat="1" ht="9.4" customHeight="1">
      <c r="A407" s="168"/>
      <c r="B407" s="116"/>
      <c r="C407" s="139"/>
      <c r="D407" s="116"/>
      <c r="E407" s="178"/>
      <c r="F407" s="82"/>
      <c r="G407" s="136"/>
      <c r="H407" s="136"/>
      <c r="I407" s="338"/>
      <c r="J407" s="77"/>
    </row>
    <row r="408" spans="1:10" s="76" customFormat="1" ht="9.4" customHeight="1">
      <c r="A408" s="147"/>
      <c r="B408" s="146"/>
      <c r="C408" s="141" t="s">
        <v>401</v>
      </c>
      <c r="D408" s="117" t="s">
        <v>509</v>
      </c>
      <c r="E408" s="180" t="s">
        <v>396</v>
      </c>
      <c r="F408" s="83">
        <v>15</v>
      </c>
      <c r="G408" s="134"/>
      <c r="H408" s="149"/>
      <c r="I408" s="333"/>
      <c r="J408" s="78"/>
    </row>
    <row r="409" spans="1:10" s="75" customFormat="1" ht="9.4" customHeight="1">
      <c r="A409" s="167"/>
      <c r="B409" s="142"/>
      <c r="C409" s="115"/>
      <c r="D409" s="115"/>
      <c r="E409" s="179"/>
      <c r="F409" s="81"/>
      <c r="G409" s="365"/>
      <c r="H409" s="135"/>
      <c r="I409" s="329"/>
    </row>
    <row r="410" spans="1:10" s="75" customFormat="1" ht="9.4" customHeight="1">
      <c r="A410" s="168"/>
      <c r="B410" s="100"/>
      <c r="C410" s="139"/>
      <c r="D410" s="116"/>
      <c r="E410" s="178"/>
      <c r="F410" s="82"/>
      <c r="G410" s="366"/>
      <c r="H410" s="136"/>
      <c r="I410" s="331"/>
    </row>
    <row r="411" spans="1:10" s="76" customFormat="1" ht="9.4" customHeight="1">
      <c r="A411" s="169"/>
      <c r="B411" s="163"/>
      <c r="C411" s="141" t="s">
        <v>401</v>
      </c>
      <c r="D411" s="117" t="s">
        <v>399</v>
      </c>
      <c r="E411" s="180" t="s">
        <v>396</v>
      </c>
      <c r="F411" s="83">
        <v>1</v>
      </c>
      <c r="G411" s="367"/>
      <c r="H411" s="149"/>
      <c r="I411" s="333"/>
    </row>
    <row r="412" spans="1:10" s="75" customFormat="1" ht="9.4" customHeight="1">
      <c r="A412" s="167"/>
      <c r="B412" s="146"/>
      <c r="C412" s="115"/>
      <c r="D412" s="115"/>
      <c r="E412" s="179"/>
      <c r="F412" s="81"/>
      <c r="G412" s="365"/>
      <c r="H412" s="135"/>
      <c r="I412" s="329"/>
    </row>
    <row r="413" spans="1:10" s="75" customFormat="1" ht="9" customHeight="1">
      <c r="A413" s="168"/>
      <c r="B413" s="146"/>
      <c r="C413" s="139"/>
      <c r="D413" s="116"/>
      <c r="E413" s="178"/>
      <c r="F413" s="82"/>
      <c r="G413" s="366"/>
      <c r="H413" s="136"/>
      <c r="I413" s="338"/>
    </row>
    <row r="414" spans="1:10" s="76" customFormat="1" ht="9.4" customHeight="1">
      <c r="A414" s="169"/>
      <c r="B414" s="146"/>
      <c r="C414" s="141" t="s">
        <v>401</v>
      </c>
      <c r="D414" s="117" t="s">
        <v>400</v>
      </c>
      <c r="E414" s="180" t="s">
        <v>395</v>
      </c>
      <c r="F414" s="83">
        <v>1</v>
      </c>
      <c r="G414" s="367"/>
      <c r="H414" s="149"/>
      <c r="I414" s="333"/>
    </row>
    <row r="415" spans="1:10" s="75" customFormat="1" ht="9.4" customHeight="1">
      <c r="A415" s="167"/>
      <c r="B415" s="115"/>
      <c r="C415" s="115"/>
      <c r="D415" s="115"/>
      <c r="E415" s="179"/>
      <c r="F415" s="81"/>
      <c r="G415" s="135"/>
      <c r="H415" s="135"/>
      <c r="I415" s="329"/>
    </row>
    <row r="416" spans="1:10" s="75" customFormat="1" ht="9" customHeight="1">
      <c r="A416" s="168"/>
      <c r="B416" s="116"/>
      <c r="C416" s="139"/>
      <c r="D416" s="116"/>
      <c r="E416" s="178"/>
      <c r="F416" s="82"/>
      <c r="G416" s="136"/>
      <c r="H416" s="136"/>
      <c r="I416" s="337"/>
    </row>
    <row r="417" spans="1:10" s="76" customFormat="1" ht="9.4" customHeight="1">
      <c r="A417" s="169"/>
      <c r="B417" s="117"/>
      <c r="C417" s="141" t="s">
        <v>401</v>
      </c>
      <c r="D417" s="117" t="s">
        <v>394</v>
      </c>
      <c r="E417" s="180" t="s">
        <v>396</v>
      </c>
      <c r="F417" s="83">
        <v>6</v>
      </c>
      <c r="G417" s="134"/>
      <c r="H417" s="149"/>
      <c r="I417" s="337"/>
    </row>
    <row r="418" spans="1:10" s="75" customFormat="1" ht="9.4" customHeight="1">
      <c r="A418" s="167"/>
      <c r="B418" s="116"/>
      <c r="C418" s="351"/>
      <c r="D418" s="115"/>
      <c r="E418" s="179"/>
      <c r="F418" s="81"/>
      <c r="G418" s="135"/>
      <c r="H418" s="135"/>
      <c r="I418" s="330"/>
    </row>
    <row r="419" spans="1:10" s="75" customFormat="1" ht="9" customHeight="1">
      <c r="A419" s="168"/>
      <c r="B419" s="116"/>
      <c r="C419" s="353"/>
      <c r="D419" s="116"/>
      <c r="E419" s="178"/>
      <c r="F419" s="82"/>
      <c r="G419" s="136"/>
      <c r="H419" s="136"/>
      <c r="I419" s="338"/>
    </row>
    <row r="420" spans="1:10" s="76" customFormat="1" ht="9.4" customHeight="1">
      <c r="A420" s="147"/>
      <c r="B420" s="117"/>
      <c r="C420" s="352" t="s">
        <v>402</v>
      </c>
      <c r="D420" s="117" t="s">
        <v>405</v>
      </c>
      <c r="E420" s="180" t="s">
        <v>425</v>
      </c>
      <c r="F420" s="83">
        <v>1</v>
      </c>
      <c r="G420" s="134"/>
      <c r="H420" s="149"/>
      <c r="I420" s="333"/>
      <c r="J420" s="315"/>
    </row>
    <row r="421" spans="1:10" s="75" customFormat="1" ht="9.4" customHeight="1">
      <c r="A421" s="167"/>
      <c r="B421" s="142"/>
      <c r="C421" s="351"/>
      <c r="D421" s="115"/>
      <c r="E421" s="179"/>
      <c r="F421" s="81"/>
      <c r="G421" s="135"/>
      <c r="H421" s="135"/>
      <c r="I421" s="329"/>
    </row>
    <row r="422" spans="1:10" s="75" customFormat="1" ht="9" customHeight="1">
      <c r="A422" s="168"/>
      <c r="B422" s="143"/>
      <c r="C422" s="353"/>
      <c r="D422" s="116"/>
      <c r="E422" s="178"/>
      <c r="F422" s="82"/>
      <c r="G422" s="136"/>
      <c r="H422" s="136"/>
      <c r="I422" s="338"/>
    </row>
    <row r="423" spans="1:10" s="76" customFormat="1" ht="9" customHeight="1">
      <c r="A423" s="94"/>
      <c r="B423" s="162"/>
      <c r="C423" s="402" t="s">
        <v>402</v>
      </c>
      <c r="D423" s="161" t="s">
        <v>403</v>
      </c>
      <c r="E423" s="87" t="s">
        <v>425</v>
      </c>
      <c r="F423" s="85">
        <v>1</v>
      </c>
      <c r="G423" s="151"/>
      <c r="H423" s="183"/>
      <c r="I423" s="335"/>
    </row>
    <row r="424" spans="1:10" s="27" customFormat="1" ht="26.1" customHeight="1">
      <c r="A424" s="96"/>
      <c r="B424" s="172"/>
      <c r="C424" s="172"/>
      <c r="D424" s="172"/>
      <c r="E424" s="173"/>
      <c r="F424" s="90"/>
      <c r="G424" s="174"/>
      <c r="H424" s="175"/>
      <c r="I424" s="336"/>
    </row>
    <row r="425" spans="1:10" s="30" customFormat="1">
      <c r="A425" s="702" t="s">
        <v>1</v>
      </c>
      <c r="B425" s="704" t="s">
        <v>2</v>
      </c>
      <c r="C425" s="704" t="s">
        <v>3</v>
      </c>
      <c r="D425" s="704" t="s">
        <v>4</v>
      </c>
      <c r="E425" s="704" t="s">
        <v>224</v>
      </c>
      <c r="F425" s="706" t="s">
        <v>225</v>
      </c>
      <c r="G425" s="707"/>
      <c r="H425" s="708"/>
      <c r="I425" s="752" t="s">
        <v>7</v>
      </c>
    </row>
    <row r="426" spans="1:10" s="30" customFormat="1">
      <c r="A426" s="703"/>
      <c r="B426" s="705"/>
      <c r="C426" s="705"/>
      <c r="D426" s="705"/>
      <c r="E426" s="705"/>
      <c r="F426" s="364" t="s">
        <v>223</v>
      </c>
      <c r="G426" s="364" t="s">
        <v>5</v>
      </c>
      <c r="H426" s="292" t="s">
        <v>6</v>
      </c>
      <c r="I426" s="753"/>
    </row>
    <row r="427" spans="1:10" s="75" customFormat="1" ht="9.4" customHeight="1">
      <c r="A427" s="167"/>
      <c r="B427" s="115"/>
      <c r="C427" s="115"/>
      <c r="D427" s="115"/>
      <c r="E427" s="179"/>
      <c r="F427" s="81"/>
      <c r="G427" s="135"/>
      <c r="H427" s="135"/>
      <c r="I427" s="329"/>
    </row>
    <row r="428" spans="1:10" s="75" customFormat="1" ht="9" customHeight="1">
      <c r="A428" s="97" t="s">
        <v>466</v>
      </c>
      <c r="B428" s="116"/>
      <c r="C428" s="139"/>
      <c r="D428" s="116"/>
      <c r="E428" s="178"/>
      <c r="F428" s="82"/>
      <c r="G428" s="136"/>
      <c r="H428" s="136"/>
      <c r="I428" s="338"/>
    </row>
    <row r="429" spans="1:10" s="76" customFormat="1" ht="9.4" customHeight="1">
      <c r="A429" s="299" t="s">
        <v>367</v>
      </c>
      <c r="B429" s="194"/>
      <c r="C429" s="170"/>
      <c r="D429" s="191"/>
      <c r="E429" s="180"/>
      <c r="F429" s="83"/>
      <c r="G429" s="134"/>
      <c r="H429" s="149"/>
      <c r="I429" s="333"/>
    </row>
    <row r="430" spans="1:10" s="75" customFormat="1" ht="9.4" customHeight="1">
      <c r="A430" s="167"/>
      <c r="B430" s="115"/>
      <c r="C430" s="351"/>
      <c r="D430" s="115"/>
      <c r="E430" s="179"/>
      <c r="F430" s="81"/>
      <c r="G430" s="135"/>
      <c r="H430" s="135"/>
      <c r="I430" s="329"/>
    </row>
    <row r="431" spans="1:10" s="75" customFormat="1" ht="9" customHeight="1">
      <c r="A431" s="168"/>
      <c r="B431" s="116"/>
      <c r="C431" s="353"/>
      <c r="D431" s="116"/>
      <c r="E431" s="178"/>
      <c r="F431" s="82"/>
      <c r="G431" s="136"/>
      <c r="H431" s="136"/>
      <c r="I431" s="338"/>
    </row>
    <row r="432" spans="1:10" s="76" customFormat="1" ht="9.4" customHeight="1">
      <c r="A432" s="169"/>
      <c r="B432" s="163" t="s">
        <v>342</v>
      </c>
      <c r="C432" s="352" t="s">
        <v>402</v>
      </c>
      <c r="D432" s="117" t="s">
        <v>404</v>
      </c>
      <c r="E432" s="180" t="s">
        <v>425</v>
      </c>
      <c r="F432" s="83">
        <v>1</v>
      </c>
      <c r="G432" s="369"/>
      <c r="H432" s="368"/>
      <c r="I432" s="333"/>
    </row>
    <row r="433" spans="1:9" s="76" customFormat="1" ht="9.4" customHeight="1">
      <c r="A433" s="147"/>
      <c r="B433" s="146"/>
      <c r="C433" s="351"/>
      <c r="D433" s="115"/>
      <c r="E433" s="179"/>
      <c r="F433" s="81"/>
      <c r="G433" s="135"/>
      <c r="H433" s="135"/>
      <c r="I433" s="329"/>
    </row>
    <row r="434" spans="1:9" s="76" customFormat="1" ht="9.4" customHeight="1">
      <c r="A434" s="147"/>
      <c r="B434" s="146"/>
      <c r="C434" s="353"/>
      <c r="D434" s="116"/>
      <c r="E434" s="178"/>
      <c r="F434" s="82"/>
      <c r="G434" s="136"/>
      <c r="H434" s="136"/>
      <c r="I434" s="338"/>
    </row>
    <row r="435" spans="1:9" s="76" customFormat="1" ht="9.4" customHeight="1">
      <c r="A435" s="147"/>
      <c r="B435" s="146"/>
      <c r="C435" s="352" t="s">
        <v>402</v>
      </c>
      <c r="D435" s="117" t="s">
        <v>406</v>
      </c>
      <c r="E435" s="180" t="s">
        <v>425</v>
      </c>
      <c r="F435" s="83">
        <v>1</v>
      </c>
      <c r="G435" s="134"/>
      <c r="H435" s="368"/>
      <c r="I435" s="333"/>
    </row>
    <row r="436" spans="1:9" s="75" customFormat="1" ht="9.4" customHeight="1">
      <c r="A436" s="167"/>
      <c r="B436" s="115"/>
      <c r="C436" s="351"/>
      <c r="D436" s="115"/>
      <c r="E436" s="179"/>
      <c r="F436" s="81"/>
      <c r="G436" s="135"/>
      <c r="H436" s="135"/>
      <c r="I436" s="329"/>
    </row>
    <row r="437" spans="1:9" s="75" customFormat="1" ht="9.4" customHeight="1">
      <c r="A437" s="168"/>
      <c r="B437" s="116"/>
      <c r="C437" s="353"/>
      <c r="D437" s="116"/>
      <c r="E437" s="178"/>
      <c r="F437" s="82"/>
      <c r="G437" s="136"/>
      <c r="H437" s="136"/>
      <c r="I437" s="338"/>
    </row>
    <row r="438" spans="1:9" s="76" customFormat="1" ht="9.4" customHeight="1">
      <c r="A438" s="147"/>
      <c r="B438" s="163"/>
      <c r="C438" s="352" t="s">
        <v>402</v>
      </c>
      <c r="D438" s="117" t="s">
        <v>407</v>
      </c>
      <c r="E438" s="180" t="s">
        <v>425</v>
      </c>
      <c r="F438" s="83">
        <v>1</v>
      </c>
      <c r="G438" s="134"/>
      <c r="H438" s="368"/>
      <c r="I438" s="333"/>
    </row>
    <row r="439" spans="1:9" s="75" customFormat="1" ht="9.4" customHeight="1">
      <c r="A439" s="167"/>
      <c r="B439" s="142"/>
      <c r="C439" s="351"/>
      <c r="D439" s="115"/>
      <c r="E439" s="179"/>
      <c r="F439" s="81"/>
      <c r="G439" s="135"/>
      <c r="H439" s="135"/>
      <c r="I439" s="329"/>
    </row>
    <row r="440" spans="1:9" s="75" customFormat="1" ht="9.4" customHeight="1">
      <c r="A440" s="168"/>
      <c r="B440" s="143"/>
      <c r="C440" s="353"/>
      <c r="D440" s="116"/>
      <c r="E440" s="178"/>
      <c r="F440" s="82"/>
      <c r="G440" s="136"/>
      <c r="H440" s="136"/>
      <c r="I440" s="338"/>
    </row>
    <row r="441" spans="1:9" s="76" customFormat="1" ht="9.4" customHeight="1">
      <c r="A441" s="169"/>
      <c r="B441" s="144"/>
      <c r="C441" s="352" t="s">
        <v>402</v>
      </c>
      <c r="D441" s="117" t="s">
        <v>408</v>
      </c>
      <c r="E441" s="180" t="s">
        <v>425</v>
      </c>
      <c r="F441" s="83">
        <v>1</v>
      </c>
      <c r="G441" s="134"/>
      <c r="H441" s="368"/>
      <c r="I441" s="333"/>
    </row>
    <row r="442" spans="1:9" s="75" customFormat="1" ht="9.4" customHeight="1">
      <c r="A442" s="148"/>
      <c r="B442" s="118"/>
      <c r="C442" s="351"/>
      <c r="D442" s="116"/>
      <c r="E442" s="179"/>
      <c r="F442" s="82"/>
      <c r="G442" s="136"/>
      <c r="H442" s="135"/>
      <c r="I442" s="329"/>
    </row>
    <row r="443" spans="1:9" s="75" customFormat="1" ht="9.4" customHeight="1">
      <c r="A443" s="164"/>
      <c r="B443" s="137"/>
      <c r="C443" s="353"/>
      <c r="D443" s="116"/>
      <c r="E443" s="178"/>
      <c r="F443" s="82"/>
      <c r="G443" s="136"/>
      <c r="H443" s="136"/>
      <c r="I443" s="338"/>
    </row>
    <row r="444" spans="1:9" s="76" customFormat="1" ht="9.4" customHeight="1">
      <c r="A444" s="165"/>
      <c r="B444" s="120"/>
      <c r="C444" s="352" t="s">
        <v>402</v>
      </c>
      <c r="D444" s="117" t="s">
        <v>409</v>
      </c>
      <c r="E444" s="180" t="s">
        <v>425</v>
      </c>
      <c r="F444" s="83">
        <v>2</v>
      </c>
      <c r="G444" s="134"/>
      <c r="H444" s="368"/>
      <c r="I444" s="333"/>
    </row>
    <row r="445" spans="1:9" s="75" customFormat="1" ht="9.4" customHeight="1">
      <c r="A445" s="148"/>
      <c r="B445" s="118"/>
      <c r="C445" s="351"/>
      <c r="D445" s="115"/>
      <c r="E445" s="179"/>
      <c r="F445" s="81"/>
      <c r="G445" s="135"/>
      <c r="H445" s="135"/>
      <c r="I445" s="329"/>
    </row>
    <row r="446" spans="1:9" s="75" customFormat="1" ht="9" customHeight="1">
      <c r="A446" s="164"/>
      <c r="B446" s="119"/>
      <c r="C446" s="353"/>
      <c r="D446" s="116"/>
      <c r="E446" s="178"/>
      <c r="F446" s="82"/>
      <c r="G446" s="136"/>
      <c r="H446" s="136"/>
      <c r="I446" s="338"/>
    </row>
    <row r="447" spans="1:9" s="76" customFormat="1" ht="9.4" customHeight="1">
      <c r="A447" s="165"/>
      <c r="B447" s="120"/>
      <c r="C447" s="352" t="s">
        <v>402</v>
      </c>
      <c r="D447" s="117" t="s">
        <v>512</v>
      </c>
      <c r="E447" s="180" t="s">
        <v>425</v>
      </c>
      <c r="F447" s="83">
        <v>1</v>
      </c>
      <c r="G447" s="134"/>
      <c r="H447" s="368"/>
      <c r="I447" s="333"/>
    </row>
    <row r="448" spans="1:9" s="75" customFormat="1" ht="9.4" customHeight="1">
      <c r="A448" s="167"/>
      <c r="B448" s="115"/>
      <c r="C448" s="351"/>
      <c r="D448" s="116"/>
      <c r="E448" s="179"/>
      <c r="F448" s="82"/>
      <c r="G448" s="136"/>
      <c r="H448" s="135"/>
      <c r="I448" s="329"/>
    </row>
    <row r="449" spans="1:9" s="75" customFormat="1" ht="9" customHeight="1">
      <c r="A449" s="168"/>
      <c r="B449" s="116"/>
      <c r="C449" s="353"/>
      <c r="D449" s="116"/>
      <c r="E449" s="178"/>
      <c r="F449" s="82"/>
      <c r="G449" s="136"/>
      <c r="H449" s="136"/>
      <c r="I449" s="331"/>
    </row>
    <row r="450" spans="1:9" s="76" customFormat="1" ht="9.4" customHeight="1">
      <c r="A450" s="147"/>
      <c r="B450" s="146"/>
      <c r="C450" s="352" t="s">
        <v>402</v>
      </c>
      <c r="D450" s="117" t="s">
        <v>430</v>
      </c>
      <c r="E450" s="180" t="s">
        <v>425</v>
      </c>
      <c r="F450" s="83">
        <v>1</v>
      </c>
      <c r="G450" s="134"/>
      <c r="H450" s="368"/>
      <c r="I450" s="333"/>
    </row>
    <row r="451" spans="1:9" s="76" customFormat="1" ht="9.4" customHeight="1">
      <c r="A451" s="167"/>
      <c r="B451" s="115"/>
      <c r="C451" s="351"/>
      <c r="D451" s="115"/>
      <c r="E451" s="179"/>
      <c r="F451" s="81"/>
      <c r="G451" s="135"/>
      <c r="H451" s="135"/>
      <c r="I451" s="329"/>
    </row>
    <row r="452" spans="1:9" s="76" customFormat="1" ht="9.4" customHeight="1">
      <c r="A452" s="168"/>
      <c r="B452" s="116"/>
      <c r="C452" s="353"/>
      <c r="D452" s="116"/>
      <c r="E452" s="178"/>
      <c r="F452" s="82"/>
      <c r="G452" s="136"/>
      <c r="H452" s="136"/>
      <c r="I452" s="338"/>
    </row>
    <row r="453" spans="1:9" s="76" customFormat="1" ht="9.4" customHeight="1">
      <c r="A453" s="169"/>
      <c r="B453" s="163"/>
      <c r="C453" s="352" t="s">
        <v>402</v>
      </c>
      <c r="D453" s="117" t="s">
        <v>410</v>
      </c>
      <c r="E453" s="180" t="s">
        <v>426</v>
      </c>
      <c r="F453" s="92">
        <v>8</v>
      </c>
      <c r="G453" s="145"/>
      <c r="H453" s="368"/>
      <c r="I453" s="333"/>
    </row>
    <row r="454" spans="1:9" s="75" customFormat="1" ht="9.4" customHeight="1">
      <c r="A454" s="167"/>
      <c r="B454" s="142"/>
      <c r="C454" s="351"/>
      <c r="D454" s="115"/>
      <c r="E454" s="179"/>
      <c r="F454" s="81"/>
      <c r="G454" s="135"/>
      <c r="H454" s="135"/>
      <c r="I454" s="329"/>
    </row>
    <row r="455" spans="1:9" s="75" customFormat="1" ht="9.4" customHeight="1">
      <c r="A455" s="168"/>
      <c r="B455" s="143"/>
      <c r="C455" s="353"/>
      <c r="D455" s="116"/>
      <c r="E455" s="178"/>
      <c r="F455" s="82"/>
      <c r="G455" s="136"/>
      <c r="H455" s="136"/>
      <c r="I455" s="338"/>
    </row>
    <row r="456" spans="1:9" s="76" customFormat="1" ht="9.4" customHeight="1">
      <c r="A456" s="169"/>
      <c r="B456" s="144"/>
      <c r="C456" s="352" t="s">
        <v>402</v>
      </c>
      <c r="D456" s="117" t="s">
        <v>411</v>
      </c>
      <c r="E456" s="180" t="s">
        <v>426</v>
      </c>
      <c r="F456" s="92">
        <v>2</v>
      </c>
      <c r="G456" s="145"/>
      <c r="H456" s="368"/>
      <c r="I456" s="333"/>
    </row>
    <row r="457" spans="1:9" s="75" customFormat="1" ht="9.4" customHeight="1">
      <c r="A457" s="167"/>
      <c r="B457" s="142"/>
      <c r="C457" s="351"/>
      <c r="D457" s="115"/>
      <c r="E457" s="179"/>
      <c r="F457" s="81"/>
      <c r="G457" s="135"/>
      <c r="H457" s="135"/>
      <c r="I457" s="329"/>
    </row>
    <row r="458" spans="1:9" s="75" customFormat="1" ht="9" customHeight="1">
      <c r="A458" s="168"/>
      <c r="B458" s="143"/>
      <c r="C458" s="353"/>
      <c r="D458" s="116"/>
      <c r="E458" s="178"/>
      <c r="F458" s="82"/>
      <c r="G458" s="136"/>
      <c r="H458" s="136"/>
      <c r="I458" s="338"/>
    </row>
    <row r="459" spans="1:9" s="76" customFormat="1" ht="9.4" customHeight="1">
      <c r="A459" s="169"/>
      <c r="B459" s="144"/>
      <c r="C459" s="352" t="s">
        <v>402</v>
      </c>
      <c r="D459" s="189" t="s">
        <v>412</v>
      </c>
      <c r="E459" s="180" t="s">
        <v>427</v>
      </c>
      <c r="F459" s="83">
        <v>7</v>
      </c>
      <c r="G459" s="134"/>
      <c r="H459" s="368"/>
      <c r="I459" s="333"/>
    </row>
    <row r="460" spans="1:9" s="75" customFormat="1" ht="9.4" customHeight="1">
      <c r="A460" s="167"/>
      <c r="B460" s="116"/>
      <c r="C460" s="351"/>
      <c r="D460" s="115"/>
      <c r="E460" s="179"/>
      <c r="F460" s="81"/>
      <c r="G460" s="135"/>
      <c r="H460" s="135"/>
      <c r="I460" s="329"/>
    </row>
    <row r="461" spans="1:9" s="75" customFormat="1" ht="9.4" customHeight="1">
      <c r="A461" s="168"/>
      <c r="B461" s="116"/>
      <c r="C461" s="353"/>
      <c r="D461" s="116"/>
      <c r="E461" s="178"/>
      <c r="F461" s="82"/>
      <c r="G461" s="136"/>
      <c r="H461" s="136"/>
      <c r="I461" s="331"/>
    </row>
    <row r="462" spans="1:9" s="76" customFormat="1" ht="9.4" customHeight="1">
      <c r="A462" s="147"/>
      <c r="B462" s="117"/>
      <c r="C462" s="352" t="s">
        <v>402</v>
      </c>
      <c r="D462" s="117" t="s">
        <v>413</v>
      </c>
      <c r="E462" s="180" t="s">
        <v>425</v>
      </c>
      <c r="F462" s="83">
        <v>10</v>
      </c>
      <c r="G462" s="134"/>
      <c r="H462" s="368"/>
      <c r="I462" s="333"/>
    </row>
    <row r="463" spans="1:9" s="75" customFormat="1" ht="9.4" customHeight="1">
      <c r="A463" s="167"/>
      <c r="B463" s="115"/>
      <c r="C463" s="351"/>
      <c r="D463" s="115"/>
      <c r="E463" s="179"/>
      <c r="F463" s="82"/>
      <c r="G463" s="136"/>
      <c r="H463" s="135"/>
      <c r="I463" s="329"/>
    </row>
    <row r="464" spans="1:9" s="75" customFormat="1" ht="9" customHeight="1">
      <c r="A464" s="168"/>
      <c r="B464" s="116"/>
      <c r="C464" s="353"/>
      <c r="D464" s="116" t="s">
        <v>414</v>
      </c>
      <c r="E464" s="178"/>
      <c r="F464" s="82"/>
      <c r="G464" s="136"/>
      <c r="H464" s="136"/>
      <c r="I464" s="338"/>
    </row>
    <row r="465" spans="1:9" s="76" customFormat="1" ht="9.4" customHeight="1">
      <c r="A465" s="169"/>
      <c r="B465" s="146"/>
      <c r="C465" s="352" t="s">
        <v>402</v>
      </c>
      <c r="D465" s="117" t="s">
        <v>415</v>
      </c>
      <c r="E465" s="180" t="s">
        <v>428</v>
      </c>
      <c r="F465" s="83">
        <v>7</v>
      </c>
      <c r="G465" s="134"/>
      <c r="H465" s="368"/>
      <c r="I465" s="333"/>
    </row>
    <row r="466" spans="1:9" s="27" customFormat="1" ht="26.1" customHeight="1">
      <c r="A466" s="96"/>
      <c r="B466" s="172"/>
      <c r="C466" s="172" t="s">
        <v>8</v>
      </c>
      <c r="D466" s="172"/>
      <c r="E466" s="173"/>
      <c r="F466" s="174" t="s">
        <v>11</v>
      </c>
      <c r="G466" s="174"/>
      <c r="H466" s="175"/>
      <c r="I466" s="336"/>
    </row>
    <row r="467" spans="1:9" s="30" customFormat="1">
      <c r="A467" s="702" t="s">
        <v>1</v>
      </c>
      <c r="B467" s="704" t="s">
        <v>2</v>
      </c>
      <c r="C467" s="704" t="s">
        <v>3</v>
      </c>
      <c r="D467" s="704" t="s">
        <v>4</v>
      </c>
      <c r="E467" s="704" t="s">
        <v>224</v>
      </c>
      <c r="F467" s="706" t="s">
        <v>225</v>
      </c>
      <c r="G467" s="707"/>
      <c r="H467" s="708"/>
      <c r="I467" s="752" t="s">
        <v>7</v>
      </c>
    </row>
    <row r="468" spans="1:9" s="30" customFormat="1">
      <c r="A468" s="703"/>
      <c r="B468" s="705"/>
      <c r="C468" s="705"/>
      <c r="D468" s="705"/>
      <c r="E468" s="705"/>
      <c r="F468" s="364" t="s">
        <v>223</v>
      </c>
      <c r="G468" s="364" t="s">
        <v>5</v>
      </c>
      <c r="H468" s="292" t="s">
        <v>6</v>
      </c>
      <c r="I468" s="753"/>
    </row>
    <row r="469" spans="1:9" s="75" customFormat="1" ht="9.4" customHeight="1">
      <c r="A469" s="167"/>
      <c r="B469" s="115"/>
      <c r="C469" s="351"/>
      <c r="D469" s="115"/>
      <c r="E469" s="179"/>
      <c r="F469" s="82"/>
      <c r="G469" s="136"/>
      <c r="H469" s="135"/>
      <c r="I469" s="329"/>
    </row>
    <row r="470" spans="1:9" s="75" customFormat="1" ht="9" customHeight="1">
      <c r="A470" s="97"/>
      <c r="B470" s="116"/>
      <c r="C470" s="353"/>
      <c r="D470" s="116"/>
      <c r="E470" s="178"/>
      <c r="F470" s="82"/>
      <c r="G470" s="136"/>
      <c r="H470" s="150"/>
      <c r="I470" s="338"/>
    </row>
    <row r="471" spans="1:9" s="76" customFormat="1" ht="9.4" customHeight="1">
      <c r="A471" s="299"/>
      <c r="B471" s="194"/>
      <c r="C471" s="352"/>
      <c r="D471" s="117"/>
      <c r="E471" s="180"/>
      <c r="F471" s="83"/>
      <c r="G471" s="134"/>
      <c r="H471" s="149"/>
      <c r="I471" s="333"/>
    </row>
    <row r="472" spans="1:9" s="75" customFormat="1" ht="9.4" customHeight="1">
      <c r="A472" s="167"/>
      <c r="B472" s="115"/>
      <c r="C472" s="351"/>
      <c r="D472" s="115"/>
      <c r="E472" s="179"/>
      <c r="F472" s="82"/>
      <c r="G472" s="136"/>
      <c r="H472" s="135"/>
      <c r="I472" s="330"/>
    </row>
    <row r="473" spans="1:9" s="75" customFormat="1" ht="9" customHeight="1">
      <c r="A473" s="168"/>
      <c r="B473" s="116"/>
      <c r="C473" s="353"/>
      <c r="D473" s="116"/>
      <c r="E473" s="178"/>
      <c r="F473" s="82"/>
      <c r="G473" s="136"/>
      <c r="H473" s="150"/>
      <c r="I473" s="338"/>
    </row>
    <row r="474" spans="1:9" s="76" customFormat="1" ht="9.4" customHeight="1">
      <c r="A474" s="169"/>
      <c r="B474" s="163"/>
      <c r="C474" s="352" t="s">
        <v>402</v>
      </c>
      <c r="D474" s="117" t="s">
        <v>416</v>
      </c>
      <c r="E474" s="180" t="s">
        <v>428</v>
      </c>
      <c r="F474" s="83">
        <v>1</v>
      </c>
      <c r="G474" s="134"/>
      <c r="H474" s="149"/>
      <c r="I474" s="333"/>
    </row>
    <row r="475" spans="1:9" s="76" customFormat="1" ht="9.4" customHeight="1">
      <c r="A475" s="147"/>
      <c r="B475" s="146"/>
      <c r="C475" s="351"/>
      <c r="D475" s="115"/>
      <c r="E475" s="179"/>
      <c r="F475" s="82"/>
      <c r="G475" s="136"/>
      <c r="H475" s="135"/>
      <c r="I475" s="329"/>
    </row>
    <row r="476" spans="1:9" s="76" customFormat="1" ht="9.4" customHeight="1">
      <c r="A476" s="147"/>
      <c r="B476" s="146"/>
      <c r="C476" s="353"/>
      <c r="D476" s="116"/>
      <c r="E476" s="178"/>
      <c r="F476" s="82"/>
      <c r="G476" s="136"/>
      <c r="H476" s="150"/>
      <c r="I476" s="338"/>
    </row>
    <row r="477" spans="1:9" s="76" customFormat="1" ht="9.4" customHeight="1">
      <c r="A477" s="147"/>
      <c r="B477" s="146"/>
      <c r="C477" s="352" t="s">
        <v>402</v>
      </c>
      <c r="D477" s="117" t="s">
        <v>418</v>
      </c>
      <c r="E477" s="180" t="s">
        <v>428</v>
      </c>
      <c r="F477" s="83">
        <v>5</v>
      </c>
      <c r="G477" s="134"/>
      <c r="H477" s="149"/>
      <c r="I477" s="333"/>
    </row>
    <row r="478" spans="1:9" s="75" customFormat="1" ht="9.4" customHeight="1">
      <c r="A478" s="167"/>
      <c r="B478" s="115"/>
      <c r="C478" s="351"/>
      <c r="D478" s="116"/>
      <c r="E478" s="179"/>
      <c r="F478" s="81"/>
      <c r="G478" s="135"/>
      <c r="H478" s="135"/>
      <c r="I478" s="329"/>
    </row>
    <row r="479" spans="1:9" s="75" customFormat="1" ht="9" customHeight="1">
      <c r="A479" s="168"/>
      <c r="B479" s="116"/>
      <c r="C479" s="353"/>
      <c r="D479" s="116"/>
      <c r="E479" s="178"/>
      <c r="F479" s="82"/>
      <c r="G479" s="136"/>
      <c r="H479" s="150"/>
      <c r="I479" s="338"/>
    </row>
    <row r="480" spans="1:9" s="76" customFormat="1" ht="9.4" customHeight="1">
      <c r="A480" s="147"/>
      <c r="B480" s="163"/>
      <c r="C480" s="352" t="s">
        <v>402</v>
      </c>
      <c r="D480" s="117" t="s">
        <v>417</v>
      </c>
      <c r="E480" s="180" t="s">
        <v>428</v>
      </c>
      <c r="F480" s="83">
        <v>3</v>
      </c>
      <c r="G480" s="134"/>
      <c r="H480" s="149"/>
      <c r="I480" s="333"/>
    </row>
    <row r="481" spans="1:10" s="75" customFormat="1" ht="9.4" customHeight="1">
      <c r="A481" s="167"/>
      <c r="B481" s="142"/>
      <c r="C481" s="351"/>
      <c r="D481" s="115"/>
      <c r="E481" s="179"/>
      <c r="F481" s="82"/>
      <c r="G481" s="136"/>
      <c r="H481" s="135"/>
      <c r="I481" s="329"/>
    </row>
    <row r="482" spans="1:10" s="75" customFormat="1" ht="9" customHeight="1">
      <c r="A482" s="168"/>
      <c r="B482" s="143"/>
      <c r="C482" s="353"/>
      <c r="D482" s="116"/>
      <c r="E482" s="178"/>
      <c r="F482" s="82"/>
      <c r="G482" s="136"/>
      <c r="H482" s="150"/>
      <c r="I482" s="338"/>
    </row>
    <row r="483" spans="1:10" s="76" customFormat="1" ht="9.4" customHeight="1">
      <c r="A483" s="169"/>
      <c r="B483" s="144"/>
      <c r="C483" s="352" t="s">
        <v>402</v>
      </c>
      <c r="D483" s="117" t="s">
        <v>419</v>
      </c>
      <c r="E483" s="180" t="s">
        <v>429</v>
      </c>
      <c r="F483" s="83">
        <v>1</v>
      </c>
      <c r="G483" s="134"/>
      <c r="H483" s="149"/>
      <c r="I483" s="333"/>
      <c r="J483" s="78"/>
    </row>
    <row r="484" spans="1:10" s="75" customFormat="1" ht="9.4" customHeight="1">
      <c r="A484" s="167"/>
      <c r="B484" s="142"/>
      <c r="C484" s="351"/>
      <c r="D484" s="116"/>
      <c r="E484" s="179"/>
      <c r="F484" s="84"/>
      <c r="G484" s="131"/>
      <c r="H484" s="135"/>
      <c r="I484" s="329"/>
      <c r="J484" s="77"/>
    </row>
    <row r="485" spans="1:10" s="75" customFormat="1" ht="9" customHeight="1">
      <c r="A485" s="168"/>
      <c r="B485" s="143"/>
      <c r="C485" s="353"/>
      <c r="D485" s="116"/>
      <c r="E485" s="178"/>
      <c r="F485" s="84"/>
      <c r="G485" s="131"/>
      <c r="H485" s="150"/>
      <c r="I485" s="338"/>
      <c r="J485" s="77"/>
    </row>
    <row r="486" spans="1:10" s="76" customFormat="1" ht="9.4" customHeight="1">
      <c r="A486" s="169"/>
      <c r="B486" s="144"/>
      <c r="C486" s="352" t="s">
        <v>402</v>
      </c>
      <c r="D486" s="117" t="s">
        <v>420</v>
      </c>
      <c r="E486" s="180" t="s">
        <v>428</v>
      </c>
      <c r="F486" s="83">
        <v>1</v>
      </c>
      <c r="G486" s="134"/>
      <c r="H486" s="149"/>
      <c r="I486" s="333"/>
      <c r="J486" s="78"/>
    </row>
    <row r="487" spans="1:10" s="75" customFormat="1" ht="9.4" customHeight="1">
      <c r="A487" s="167"/>
      <c r="B487" s="142"/>
      <c r="C487" s="351"/>
      <c r="D487" s="115"/>
      <c r="E487" s="179"/>
      <c r="F487" s="84"/>
      <c r="G487" s="131"/>
      <c r="H487" s="135"/>
      <c r="I487" s="329"/>
      <c r="J487" s="77"/>
    </row>
    <row r="488" spans="1:10" s="75" customFormat="1" ht="9.4" customHeight="1">
      <c r="A488" s="168"/>
      <c r="B488" s="143"/>
      <c r="C488" s="353"/>
      <c r="D488" s="116"/>
      <c r="E488" s="178"/>
      <c r="F488" s="84"/>
      <c r="G488" s="131"/>
      <c r="H488" s="150"/>
      <c r="I488" s="338"/>
      <c r="J488" s="77"/>
    </row>
    <row r="489" spans="1:10" s="76" customFormat="1" ht="9.4" customHeight="1">
      <c r="A489" s="169"/>
      <c r="B489" s="176"/>
      <c r="C489" s="352" t="s">
        <v>402</v>
      </c>
      <c r="D489" s="117" t="s">
        <v>421</v>
      </c>
      <c r="E489" s="180" t="s">
        <v>428</v>
      </c>
      <c r="F489" s="83">
        <v>1</v>
      </c>
      <c r="G489" s="134"/>
      <c r="H489" s="149"/>
      <c r="I489" s="333"/>
      <c r="J489" s="78"/>
    </row>
    <row r="490" spans="1:10" s="75" customFormat="1" ht="9.4" customHeight="1">
      <c r="A490" s="167"/>
      <c r="B490" s="115"/>
      <c r="C490" s="351"/>
      <c r="D490" s="115"/>
      <c r="E490" s="179"/>
      <c r="F490" s="81"/>
      <c r="G490" s="135"/>
      <c r="H490" s="135"/>
      <c r="I490" s="330"/>
      <c r="J490" s="77"/>
    </row>
    <row r="491" spans="1:10" s="75" customFormat="1" ht="9.4" customHeight="1">
      <c r="A491" s="168"/>
      <c r="B491" s="116"/>
      <c r="C491" s="353"/>
      <c r="D491" s="116"/>
      <c r="E491" s="178"/>
      <c r="F491" s="82"/>
      <c r="G491" s="136"/>
      <c r="H491" s="150"/>
      <c r="I491" s="338"/>
      <c r="J491" s="77"/>
    </row>
    <row r="492" spans="1:10" s="76" customFormat="1" ht="9.4" customHeight="1">
      <c r="A492" s="147"/>
      <c r="B492" s="146"/>
      <c r="C492" s="352" t="s">
        <v>402</v>
      </c>
      <c r="D492" s="117" t="s">
        <v>422</v>
      </c>
      <c r="E492" s="180" t="s">
        <v>428</v>
      </c>
      <c r="F492" s="83">
        <v>2</v>
      </c>
      <c r="G492" s="134"/>
      <c r="H492" s="149"/>
      <c r="I492" s="333"/>
      <c r="J492" s="78"/>
    </row>
    <row r="493" spans="1:10" s="75" customFormat="1" ht="9.4" customHeight="1">
      <c r="A493" s="167"/>
      <c r="B493" s="142"/>
      <c r="C493" s="351"/>
      <c r="D493" s="115"/>
      <c r="E493" s="179"/>
      <c r="F493" s="81"/>
      <c r="G493" s="135"/>
      <c r="H493" s="135"/>
      <c r="I493" s="329"/>
    </row>
    <row r="494" spans="1:10" s="75" customFormat="1" ht="9.4" customHeight="1">
      <c r="A494" s="168"/>
      <c r="B494" s="100"/>
      <c r="C494" s="353"/>
      <c r="D494" s="116"/>
      <c r="E494" s="178"/>
      <c r="F494" s="82"/>
      <c r="G494" s="136"/>
      <c r="H494" s="150"/>
      <c r="I494" s="331"/>
    </row>
    <row r="495" spans="1:10" s="76" customFormat="1" ht="9.4" customHeight="1">
      <c r="A495" s="169"/>
      <c r="B495" s="163"/>
      <c r="C495" s="352" t="s">
        <v>402</v>
      </c>
      <c r="D495" s="117" t="s">
        <v>423</v>
      </c>
      <c r="E495" s="180" t="s">
        <v>425</v>
      </c>
      <c r="F495" s="83">
        <v>1</v>
      </c>
      <c r="G495" s="134"/>
      <c r="H495" s="149"/>
      <c r="I495" s="333"/>
    </row>
    <row r="496" spans="1:10" s="75" customFormat="1" ht="9.4" customHeight="1">
      <c r="A496" s="167"/>
      <c r="B496" s="146"/>
      <c r="C496" s="351"/>
      <c r="D496" s="115"/>
      <c r="E496" s="179"/>
      <c r="F496" s="81"/>
      <c r="G496" s="135"/>
      <c r="H496" s="135"/>
      <c r="I496" s="329"/>
    </row>
    <row r="497" spans="1:10" s="75" customFormat="1" ht="9" customHeight="1">
      <c r="A497" s="168"/>
      <c r="B497" s="146"/>
      <c r="C497" s="353"/>
      <c r="D497" s="116"/>
      <c r="E497" s="178"/>
      <c r="F497" s="82"/>
      <c r="G497" s="136"/>
      <c r="H497" s="150"/>
      <c r="I497" s="338"/>
    </row>
    <row r="498" spans="1:10" s="76" customFormat="1" ht="9.4" customHeight="1">
      <c r="A498" s="169"/>
      <c r="B498" s="146"/>
      <c r="C498" s="352" t="s">
        <v>402</v>
      </c>
      <c r="D498" s="189" t="s">
        <v>424</v>
      </c>
      <c r="E498" s="180" t="s">
        <v>428</v>
      </c>
      <c r="F498" s="83">
        <v>1</v>
      </c>
      <c r="G498" s="134"/>
      <c r="H498" s="149"/>
      <c r="I498" s="333"/>
    </row>
    <row r="499" spans="1:10" s="76" customFormat="1" ht="9.4" customHeight="1">
      <c r="A499" s="167"/>
      <c r="B499" s="115"/>
      <c r="C499" s="115"/>
      <c r="D499" s="115"/>
      <c r="E499" s="179"/>
      <c r="F499" s="301"/>
      <c r="G499" s="301"/>
      <c r="H499" s="135"/>
      <c r="I499" s="329"/>
      <c r="J499" s="78"/>
    </row>
    <row r="500" spans="1:10" s="76" customFormat="1" ht="9.4" customHeight="1">
      <c r="A500" s="168"/>
      <c r="B500" s="116"/>
      <c r="C500" s="139"/>
      <c r="D500" s="116"/>
      <c r="E500" s="178"/>
      <c r="F500" s="302"/>
      <c r="G500" s="302"/>
      <c r="H500" s="136"/>
      <c r="I500" s="338"/>
      <c r="J500" s="78"/>
    </row>
    <row r="501" spans="1:10" s="76" customFormat="1" ht="9.4" customHeight="1">
      <c r="A501" s="169"/>
      <c r="B501" s="117"/>
      <c r="C501" s="380" t="s">
        <v>625</v>
      </c>
      <c r="D501" s="191" t="s">
        <v>623</v>
      </c>
      <c r="E501" s="377" t="s">
        <v>624</v>
      </c>
      <c r="F501" s="83">
        <v>4</v>
      </c>
      <c r="G501" s="303"/>
      <c r="H501" s="149"/>
      <c r="I501" s="333"/>
      <c r="J501" s="78"/>
    </row>
    <row r="502" spans="1:10" s="75" customFormat="1" ht="9.4" customHeight="1">
      <c r="A502" s="168"/>
      <c r="B502" s="116"/>
      <c r="C502" s="351"/>
      <c r="D502" s="115"/>
      <c r="E502" s="179"/>
      <c r="F502" s="81"/>
      <c r="G502" s="135"/>
      <c r="H502" s="135"/>
      <c r="I502" s="329"/>
    </row>
    <row r="503" spans="1:10" s="75" customFormat="1" ht="9" customHeight="1">
      <c r="A503" s="168"/>
      <c r="B503" s="116"/>
      <c r="C503" s="353"/>
      <c r="D503" s="116"/>
      <c r="E503" s="178"/>
      <c r="F503" s="82"/>
      <c r="G503" s="136"/>
      <c r="H503" s="136"/>
      <c r="I503" s="331"/>
    </row>
    <row r="504" spans="1:10" s="76" customFormat="1" ht="9.4" customHeight="1">
      <c r="A504" s="169"/>
      <c r="B504" s="117"/>
      <c r="C504" s="352"/>
      <c r="D504" s="117"/>
      <c r="E504" s="180"/>
      <c r="F504" s="83"/>
      <c r="G504" s="134"/>
      <c r="H504" s="149"/>
      <c r="I504" s="333"/>
    </row>
    <row r="505" spans="1:10" s="75" customFormat="1" ht="9.4" customHeight="1">
      <c r="A505" s="167"/>
      <c r="B505" s="142"/>
      <c r="C505" s="115"/>
      <c r="D505" s="115"/>
      <c r="E505" s="179"/>
      <c r="F505" s="81"/>
      <c r="G505" s="135"/>
      <c r="H505" s="135"/>
      <c r="I505" s="329"/>
    </row>
    <row r="506" spans="1:10" s="75" customFormat="1" ht="9" customHeight="1">
      <c r="A506" s="168"/>
      <c r="B506" s="143"/>
      <c r="C506" s="139"/>
      <c r="D506" s="116"/>
      <c r="E506" s="178"/>
      <c r="F506" s="82"/>
      <c r="G506" s="136"/>
      <c r="H506" s="136"/>
      <c r="I506" s="338"/>
    </row>
    <row r="507" spans="1:10" s="76" customFormat="1" ht="9" customHeight="1">
      <c r="A507" s="94"/>
      <c r="B507" s="162"/>
      <c r="C507" s="102" t="s">
        <v>10</v>
      </c>
      <c r="D507" s="349"/>
      <c r="E507" s="87"/>
      <c r="F507" s="85"/>
      <c r="G507" s="151"/>
      <c r="H507" s="183"/>
      <c r="I507" s="335"/>
    </row>
    <row r="508" spans="1:10" ht="18.75">
      <c r="A508" s="96"/>
      <c r="B508" s="172"/>
      <c r="C508" s="172"/>
      <c r="D508" s="172"/>
      <c r="E508" s="173"/>
      <c r="F508" s="90"/>
      <c r="G508" s="174"/>
      <c r="H508" s="175"/>
      <c r="I508" s="336"/>
      <c r="J508" s="27"/>
    </row>
    <row r="509" spans="1:10">
      <c r="A509" s="702" t="s">
        <v>1</v>
      </c>
      <c r="B509" s="704" t="s">
        <v>2</v>
      </c>
      <c r="C509" s="704" t="s">
        <v>3</v>
      </c>
      <c r="D509" s="704" t="s">
        <v>4</v>
      </c>
      <c r="E509" s="704" t="s">
        <v>224</v>
      </c>
      <c r="F509" s="706" t="s">
        <v>225</v>
      </c>
      <c r="G509" s="707"/>
      <c r="H509" s="708"/>
      <c r="I509" s="752" t="s">
        <v>7</v>
      </c>
      <c r="J509" s="30"/>
    </row>
    <row r="510" spans="1:10">
      <c r="A510" s="703"/>
      <c r="B510" s="705"/>
      <c r="C510" s="705"/>
      <c r="D510" s="705"/>
      <c r="E510" s="705"/>
      <c r="F510" s="364" t="s">
        <v>223</v>
      </c>
      <c r="G510" s="364" t="s">
        <v>5</v>
      </c>
      <c r="H510" s="292" t="s">
        <v>6</v>
      </c>
      <c r="I510" s="753"/>
      <c r="J510" s="30"/>
    </row>
    <row r="511" spans="1:10" ht="9.6" customHeight="1">
      <c r="A511" s="167"/>
      <c r="B511" s="115"/>
      <c r="C511" s="115"/>
      <c r="D511" s="115"/>
      <c r="E511" s="179"/>
      <c r="F511" s="81"/>
      <c r="G511" s="135"/>
      <c r="H511" s="135"/>
      <c r="I511" s="329"/>
      <c r="J511" s="75"/>
    </row>
    <row r="512" spans="1:10" ht="9.6" customHeight="1">
      <c r="A512" s="97" t="s">
        <v>466</v>
      </c>
      <c r="B512" s="116"/>
      <c r="C512" s="139"/>
      <c r="D512" s="116"/>
      <c r="E512" s="178"/>
      <c r="F512" s="82"/>
      <c r="G512" s="136"/>
      <c r="H512" s="136"/>
      <c r="I512" s="338"/>
      <c r="J512" s="75"/>
    </row>
    <row r="513" spans="1:10" ht="9.6" customHeight="1">
      <c r="A513" s="299" t="s">
        <v>367</v>
      </c>
      <c r="B513" s="194" t="s">
        <v>622</v>
      </c>
      <c r="C513" s="170"/>
      <c r="D513" s="191"/>
      <c r="E513" s="180"/>
      <c r="F513" s="83"/>
      <c r="G513" s="134"/>
      <c r="H513" s="149"/>
      <c r="I513" s="333"/>
      <c r="J513" s="76"/>
    </row>
    <row r="514" spans="1:10" ht="9.6" customHeight="1">
      <c r="A514" s="167"/>
      <c r="B514" s="116"/>
      <c r="C514" s="115"/>
      <c r="D514" s="115"/>
      <c r="E514" s="179"/>
      <c r="F514" s="81"/>
      <c r="G514" s="135"/>
      <c r="H514" s="135"/>
      <c r="I514" s="329"/>
      <c r="J514" s="75"/>
    </row>
    <row r="515" spans="1:10" ht="9.6" customHeight="1">
      <c r="A515" s="168"/>
      <c r="B515" s="116"/>
      <c r="C515" s="139"/>
      <c r="D515" s="116"/>
      <c r="E515" s="178"/>
      <c r="F515" s="82"/>
      <c r="G515" s="136"/>
      <c r="H515" s="136"/>
      <c r="I515" s="338"/>
      <c r="J515" s="75"/>
    </row>
    <row r="516" spans="1:10" ht="9.6" customHeight="1">
      <c r="A516" s="169"/>
      <c r="B516" s="117"/>
      <c r="C516" s="326" t="s">
        <v>626</v>
      </c>
      <c r="D516" s="191" t="s">
        <v>623</v>
      </c>
      <c r="E516" s="180" t="s">
        <v>624</v>
      </c>
      <c r="F516" s="83">
        <v>4</v>
      </c>
      <c r="G516" s="419"/>
      <c r="H516" s="149"/>
      <c r="I516" s="333"/>
      <c r="J516" s="76"/>
    </row>
    <row r="517" spans="1:10" ht="9.6" customHeight="1">
      <c r="A517" s="167"/>
      <c r="B517" s="115"/>
      <c r="C517" s="115"/>
      <c r="D517" s="115"/>
      <c r="E517" s="179"/>
      <c r="F517" s="81"/>
      <c r="G517" s="135"/>
      <c r="H517" s="135"/>
      <c r="I517" s="329"/>
      <c r="J517" s="75"/>
    </row>
    <row r="518" spans="1:10" ht="9.6" customHeight="1">
      <c r="A518" s="168"/>
      <c r="B518" s="116"/>
      <c r="C518" s="327"/>
      <c r="D518" s="116"/>
      <c r="E518" s="178"/>
      <c r="F518" s="82"/>
      <c r="G518" s="136"/>
      <c r="H518" s="136"/>
      <c r="I518" s="338"/>
      <c r="J518" s="75"/>
    </row>
    <row r="519" spans="1:10" ht="9.6" customHeight="1">
      <c r="A519" s="147"/>
      <c r="B519" s="163"/>
      <c r="C519" s="326" t="s">
        <v>298</v>
      </c>
      <c r="D519" s="117"/>
      <c r="E519" s="180" t="s">
        <v>194</v>
      </c>
      <c r="F519" s="83">
        <v>17.600000000000001</v>
      </c>
      <c r="G519" s="134"/>
      <c r="H519" s="149"/>
      <c r="I519" s="333"/>
      <c r="J519" s="76"/>
    </row>
    <row r="520" spans="1:10" ht="9.6" customHeight="1">
      <c r="A520" s="167"/>
      <c r="B520" s="142"/>
      <c r="C520" s="115"/>
      <c r="D520" s="115"/>
      <c r="E520" s="179"/>
      <c r="F520" s="81"/>
      <c r="G520" s="135"/>
      <c r="H520" s="135"/>
      <c r="I520" s="329"/>
      <c r="J520" s="75"/>
    </row>
    <row r="521" spans="1:10" ht="9.6" customHeight="1">
      <c r="A521" s="168"/>
      <c r="B521" s="143"/>
      <c r="C521" s="327"/>
      <c r="D521" s="116"/>
      <c r="E521" s="178"/>
      <c r="F521" s="82"/>
      <c r="G521" s="136"/>
      <c r="H521" s="136"/>
      <c r="I521" s="338"/>
      <c r="J521" s="75"/>
    </row>
    <row r="522" spans="1:10" ht="9.6" customHeight="1">
      <c r="A522" s="169"/>
      <c r="B522" s="144"/>
      <c r="C522" s="326" t="s">
        <v>325</v>
      </c>
      <c r="D522" s="117" t="s">
        <v>311</v>
      </c>
      <c r="E522" s="180" t="s">
        <v>193</v>
      </c>
      <c r="F522" s="83">
        <v>1.44</v>
      </c>
      <c r="G522" s="134"/>
      <c r="H522" s="149"/>
      <c r="I522" s="333"/>
      <c r="J522" s="76"/>
    </row>
    <row r="523" spans="1:10" ht="9.6" customHeight="1">
      <c r="A523" s="148"/>
      <c r="B523" s="118"/>
      <c r="C523" s="116"/>
      <c r="D523" s="116"/>
      <c r="E523" s="178"/>
      <c r="F523" s="82"/>
      <c r="G523" s="136"/>
      <c r="H523" s="135"/>
      <c r="I523" s="329"/>
      <c r="J523" s="75"/>
    </row>
    <row r="524" spans="1:10" ht="9.6" customHeight="1">
      <c r="A524" s="164"/>
      <c r="B524" s="137"/>
      <c r="C524" s="327"/>
      <c r="D524" s="116"/>
      <c r="E524" s="178"/>
      <c r="F524" s="82"/>
      <c r="G524" s="136"/>
      <c r="H524" s="136"/>
      <c r="I524" s="338"/>
      <c r="J524" s="75"/>
    </row>
    <row r="525" spans="1:10" ht="9.6" customHeight="1">
      <c r="A525" s="165"/>
      <c r="B525" s="120"/>
      <c r="C525" s="326"/>
      <c r="D525" s="117" t="s">
        <v>299</v>
      </c>
      <c r="E525" s="180" t="s">
        <v>193</v>
      </c>
      <c r="F525" s="83">
        <v>1.44</v>
      </c>
      <c r="G525" s="134"/>
      <c r="H525" s="149"/>
      <c r="I525" s="333"/>
      <c r="J525" s="76"/>
    </row>
    <row r="526" spans="1:10" ht="9.6" customHeight="1">
      <c r="A526" s="148"/>
      <c r="B526" s="118"/>
      <c r="C526" s="115"/>
      <c r="D526" s="115"/>
      <c r="E526" s="179"/>
      <c r="F526" s="81"/>
      <c r="G526" s="135"/>
      <c r="H526" s="135"/>
      <c r="I526" s="329"/>
      <c r="J526" s="75"/>
    </row>
    <row r="527" spans="1:10" ht="9.6" customHeight="1">
      <c r="A527" s="164"/>
      <c r="B527" s="119"/>
      <c r="C527" s="327"/>
      <c r="D527" s="116"/>
      <c r="E527" s="178"/>
      <c r="F527" s="82"/>
      <c r="G527" s="136"/>
      <c r="H527" s="136"/>
      <c r="I527" s="338"/>
      <c r="J527" s="75"/>
    </row>
    <row r="528" spans="1:10" ht="9.6" customHeight="1">
      <c r="A528" s="165"/>
      <c r="B528" s="120"/>
      <c r="C528" s="326" t="s">
        <v>325</v>
      </c>
      <c r="D528" s="117" t="s">
        <v>510</v>
      </c>
      <c r="E528" s="180" t="s">
        <v>193</v>
      </c>
      <c r="F528" s="83">
        <v>17.8</v>
      </c>
      <c r="G528" s="134"/>
      <c r="H528" s="149"/>
      <c r="I528" s="333"/>
      <c r="J528" s="76"/>
    </row>
    <row r="529" spans="1:10" ht="9.6" customHeight="1">
      <c r="A529" s="167"/>
      <c r="B529" s="115"/>
      <c r="C529" s="116"/>
      <c r="D529" s="116"/>
      <c r="E529" s="178"/>
      <c r="F529" s="82"/>
      <c r="G529" s="136"/>
      <c r="H529" s="135"/>
      <c r="I529" s="329"/>
      <c r="J529" s="75"/>
    </row>
    <row r="530" spans="1:10" ht="9.6" customHeight="1">
      <c r="A530" s="168"/>
      <c r="B530" s="116"/>
      <c r="C530" s="327"/>
      <c r="D530" s="116"/>
      <c r="E530" s="178"/>
      <c r="F530" s="82"/>
      <c r="G530" s="136"/>
      <c r="H530" s="136"/>
      <c r="I530" s="331"/>
      <c r="J530" s="75"/>
    </row>
    <row r="531" spans="1:10" ht="9.6" customHeight="1">
      <c r="A531" s="147"/>
      <c r="B531" s="146"/>
      <c r="C531" s="328"/>
      <c r="D531" s="117" t="s">
        <v>299</v>
      </c>
      <c r="E531" s="180" t="s">
        <v>193</v>
      </c>
      <c r="F531" s="83">
        <v>17.8</v>
      </c>
      <c r="G531" s="134"/>
      <c r="H531" s="149"/>
      <c r="I531" s="333"/>
      <c r="J531" s="76"/>
    </row>
    <row r="532" spans="1:10" ht="9.6" customHeight="1">
      <c r="A532" s="167"/>
      <c r="B532" s="115"/>
      <c r="C532" s="115"/>
      <c r="D532" s="115"/>
      <c r="E532" s="179"/>
      <c r="F532" s="81"/>
      <c r="G532" s="135"/>
      <c r="H532" s="135"/>
      <c r="I532" s="329"/>
      <c r="J532" s="76"/>
    </row>
    <row r="533" spans="1:10" ht="9.6" customHeight="1">
      <c r="A533" s="168"/>
      <c r="B533" s="116"/>
      <c r="C533" s="327"/>
      <c r="D533" s="116"/>
      <c r="E533" s="178"/>
      <c r="F533" s="82"/>
      <c r="G533" s="136"/>
      <c r="H533" s="136"/>
      <c r="I533" s="338"/>
      <c r="J533" s="76"/>
    </row>
    <row r="534" spans="1:10" ht="9.6" customHeight="1">
      <c r="A534" s="169"/>
      <c r="B534" s="163"/>
      <c r="C534" s="326" t="s">
        <v>300</v>
      </c>
      <c r="D534" s="117" t="s">
        <v>511</v>
      </c>
      <c r="E534" s="180" t="s">
        <v>194</v>
      </c>
      <c r="F534" s="92">
        <v>13.6</v>
      </c>
      <c r="G534" s="145"/>
      <c r="H534" s="149"/>
      <c r="I534" s="333"/>
      <c r="J534" s="76"/>
    </row>
    <row r="535" spans="1:10" ht="9.6" customHeight="1">
      <c r="A535" s="167"/>
      <c r="B535" s="142"/>
      <c r="C535" s="115"/>
      <c r="D535" s="115"/>
      <c r="E535" s="179"/>
      <c r="F535" s="81"/>
      <c r="G535" s="135"/>
      <c r="H535" s="135"/>
      <c r="I535" s="329"/>
      <c r="J535" s="75"/>
    </row>
    <row r="536" spans="1:10" ht="9.6" customHeight="1">
      <c r="A536" s="168"/>
      <c r="B536" s="143"/>
      <c r="C536" s="327"/>
      <c r="D536" s="116"/>
      <c r="E536" s="178"/>
      <c r="F536" s="82"/>
      <c r="G536" s="136"/>
      <c r="H536" s="136"/>
      <c r="I536" s="338"/>
      <c r="J536" s="75"/>
    </row>
    <row r="537" spans="1:10" ht="9.6" customHeight="1">
      <c r="A537" s="169"/>
      <c r="B537" s="144"/>
      <c r="C537" s="326" t="s">
        <v>301</v>
      </c>
      <c r="D537" s="117"/>
      <c r="E537" s="180" t="s">
        <v>193</v>
      </c>
      <c r="F537" s="92">
        <v>137</v>
      </c>
      <c r="G537" s="145"/>
      <c r="H537" s="149"/>
      <c r="I537" s="333"/>
      <c r="J537" s="76"/>
    </row>
    <row r="538" spans="1:10" ht="9.6" customHeight="1">
      <c r="A538" s="167"/>
      <c r="B538" s="142"/>
      <c r="C538" s="115"/>
      <c r="D538" s="115"/>
      <c r="E538" s="179"/>
      <c r="F538" s="81"/>
      <c r="G538" s="135"/>
      <c r="H538" s="135"/>
      <c r="I538" s="329"/>
      <c r="J538" s="75"/>
    </row>
    <row r="539" spans="1:10" ht="9.6" customHeight="1">
      <c r="A539" s="168"/>
      <c r="B539" s="143"/>
      <c r="C539" s="327"/>
      <c r="D539" s="116"/>
      <c r="E539" s="178"/>
      <c r="F539" s="82"/>
      <c r="G539" s="136"/>
      <c r="H539" s="136"/>
      <c r="I539" s="338"/>
      <c r="J539" s="75"/>
    </row>
    <row r="540" spans="1:10" ht="9.6" customHeight="1">
      <c r="A540" s="169"/>
      <c r="B540" s="144"/>
      <c r="C540" s="326" t="s">
        <v>302</v>
      </c>
      <c r="D540" s="117" t="s">
        <v>303</v>
      </c>
      <c r="E540" s="180" t="s">
        <v>193</v>
      </c>
      <c r="F540" s="83">
        <v>68.5</v>
      </c>
      <c r="G540" s="134"/>
      <c r="H540" s="149"/>
      <c r="I540" s="333"/>
      <c r="J540" s="76"/>
    </row>
    <row r="541" spans="1:10" ht="9.6" customHeight="1">
      <c r="A541" s="167"/>
      <c r="B541" s="116"/>
      <c r="C541" s="115"/>
      <c r="D541" s="115"/>
      <c r="E541" s="179"/>
      <c r="F541" s="81"/>
      <c r="G541" s="135"/>
      <c r="H541" s="135"/>
      <c r="I541" s="329"/>
      <c r="J541" s="75"/>
    </row>
    <row r="542" spans="1:10" ht="9.6" customHeight="1">
      <c r="A542" s="168"/>
      <c r="B542" s="116"/>
      <c r="C542" s="327"/>
      <c r="D542" s="116"/>
      <c r="E542" s="178"/>
      <c r="F542" s="82"/>
      <c r="G542" s="136"/>
      <c r="H542" s="136"/>
      <c r="I542" s="331"/>
      <c r="J542" s="75"/>
    </row>
    <row r="543" spans="1:10" ht="9.6" customHeight="1">
      <c r="A543" s="147"/>
      <c r="B543" s="117"/>
      <c r="C543" s="326" t="s">
        <v>302</v>
      </c>
      <c r="D543" s="189" t="s">
        <v>304</v>
      </c>
      <c r="E543" s="180" t="s">
        <v>193</v>
      </c>
      <c r="F543" s="83">
        <v>29.4</v>
      </c>
      <c r="G543" s="134"/>
      <c r="H543" s="149"/>
      <c r="I543" s="333"/>
      <c r="J543" s="76"/>
    </row>
    <row r="544" spans="1:10" ht="9.6" customHeight="1">
      <c r="A544" s="167"/>
      <c r="B544" s="115"/>
      <c r="C544" s="115"/>
      <c r="D544" s="115"/>
      <c r="E544" s="179"/>
      <c r="F544" s="82"/>
      <c r="G544" s="136"/>
      <c r="H544" s="135"/>
      <c r="I544" s="329"/>
      <c r="J544" s="75"/>
    </row>
    <row r="545" spans="1:10" ht="9.6" customHeight="1">
      <c r="A545" s="168"/>
      <c r="B545" s="116"/>
      <c r="C545" s="139"/>
      <c r="D545" s="116"/>
      <c r="E545" s="178"/>
      <c r="F545" s="82"/>
      <c r="G545" s="136"/>
      <c r="H545" s="150"/>
      <c r="I545" s="338"/>
      <c r="J545" s="75"/>
    </row>
    <row r="546" spans="1:10" ht="9.6" customHeight="1">
      <c r="A546" s="169"/>
      <c r="B546" s="146"/>
      <c r="C546" s="170" t="s">
        <v>305</v>
      </c>
      <c r="D546" s="117"/>
      <c r="E546" s="180" t="s">
        <v>193</v>
      </c>
      <c r="F546" s="83">
        <v>51.1</v>
      </c>
      <c r="G546" s="134"/>
      <c r="H546" s="149"/>
      <c r="I546" s="333"/>
      <c r="J546" s="76"/>
    </row>
    <row r="547" spans="1:10" ht="9.6" customHeight="1">
      <c r="A547" s="167"/>
      <c r="B547" s="142"/>
      <c r="C547" s="115"/>
      <c r="D547" s="115"/>
      <c r="E547" s="179"/>
      <c r="F547" s="81"/>
      <c r="G547" s="135"/>
      <c r="H547" s="135"/>
      <c r="I547" s="329"/>
      <c r="J547" s="75"/>
    </row>
    <row r="548" spans="1:10" ht="9.6" customHeight="1">
      <c r="A548" s="168"/>
      <c r="B548" s="143"/>
      <c r="C548" s="139"/>
      <c r="D548" s="116"/>
      <c r="E548" s="178"/>
      <c r="F548" s="82"/>
      <c r="G548" s="136"/>
      <c r="H548" s="136"/>
      <c r="I548" s="338"/>
      <c r="J548" s="75"/>
    </row>
    <row r="549" spans="1:10" ht="9.6" customHeight="1">
      <c r="A549" s="94"/>
      <c r="B549" s="162"/>
      <c r="C549" s="187" t="s">
        <v>534</v>
      </c>
      <c r="D549" s="155"/>
      <c r="E549" s="377" t="s">
        <v>532</v>
      </c>
      <c r="F549" s="418">
        <v>2.2400000000000002</v>
      </c>
      <c r="G549" s="303"/>
      <c r="H549" s="304"/>
      <c r="I549" s="335"/>
      <c r="J549" s="76"/>
    </row>
    <row r="550" spans="1:10" s="27" customFormat="1" ht="26.1" customHeight="1">
      <c r="A550" s="96"/>
      <c r="B550" s="172"/>
      <c r="C550" s="172" t="s">
        <v>8</v>
      </c>
      <c r="D550" s="172"/>
      <c r="E550" s="173"/>
      <c r="F550" s="174" t="s">
        <v>11</v>
      </c>
      <c r="G550" s="174"/>
      <c r="H550" s="175"/>
      <c r="I550" s="336"/>
    </row>
    <row r="551" spans="1:10">
      <c r="A551" s="702" t="s">
        <v>1</v>
      </c>
      <c r="B551" s="704" t="s">
        <v>2</v>
      </c>
      <c r="C551" s="704" t="s">
        <v>3</v>
      </c>
      <c r="D551" s="704" t="s">
        <v>4</v>
      </c>
      <c r="E551" s="704" t="s">
        <v>224</v>
      </c>
      <c r="F551" s="706" t="s">
        <v>225</v>
      </c>
      <c r="G551" s="707"/>
      <c r="H551" s="708"/>
      <c r="I551" s="752" t="s">
        <v>7</v>
      </c>
      <c r="J551" s="30"/>
    </row>
    <row r="552" spans="1:10">
      <c r="A552" s="703"/>
      <c r="B552" s="705"/>
      <c r="C552" s="705"/>
      <c r="D552" s="705"/>
      <c r="E552" s="705"/>
      <c r="F552" s="364" t="s">
        <v>223</v>
      </c>
      <c r="G552" s="364" t="s">
        <v>5</v>
      </c>
      <c r="H552" s="292" t="s">
        <v>6</v>
      </c>
      <c r="I552" s="753"/>
      <c r="J552" s="30"/>
    </row>
    <row r="553" spans="1:10" ht="9.6" customHeight="1">
      <c r="A553" s="167"/>
      <c r="B553" s="115"/>
      <c r="C553" s="371"/>
      <c r="D553" s="371"/>
      <c r="E553" s="379"/>
      <c r="F553" s="82"/>
      <c r="G553" s="136"/>
      <c r="H553" s="135"/>
      <c r="I553" s="330"/>
      <c r="J553" s="75"/>
    </row>
    <row r="554" spans="1:10" ht="9.6" customHeight="1">
      <c r="A554" s="97" t="s">
        <v>466</v>
      </c>
      <c r="B554" s="116"/>
      <c r="C554" s="139"/>
      <c r="D554" s="372"/>
      <c r="E554" s="374"/>
      <c r="F554" s="82"/>
      <c r="G554" s="136"/>
      <c r="H554" s="150"/>
      <c r="I554" s="338"/>
      <c r="J554" s="75"/>
    </row>
    <row r="555" spans="1:10" ht="9.6" customHeight="1">
      <c r="A555" s="299" t="s">
        <v>367</v>
      </c>
      <c r="B555" s="194"/>
      <c r="C555" s="170"/>
      <c r="D555" s="373"/>
      <c r="E555" s="377"/>
      <c r="F555" s="83"/>
      <c r="G555" s="134"/>
      <c r="H555" s="149"/>
      <c r="I555" s="333"/>
      <c r="J555" s="76"/>
    </row>
    <row r="556" spans="1:10" ht="9.6" customHeight="1">
      <c r="A556" s="167"/>
      <c r="B556" s="115"/>
      <c r="C556" s="115"/>
      <c r="D556" s="115"/>
      <c r="E556" s="179"/>
      <c r="F556" s="82"/>
      <c r="G556" s="136"/>
      <c r="H556" s="135"/>
      <c r="I556" s="330"/>
      <c r="J556" s="75"/>
    </row>
    <row r="557" spans="1:10" ht="9.6" customHeight="1">
      <c r="A557" s="168"/>
      <c r="B557" s="116"/>
      <c r="C557" s="139"/>
      <c r="D557" s="116"/>
      <c r="E557" s="178"/>
      <c r="F557" s="82"/>
      <c r="G557" s="136"/>
      <c r="H557" s="150"/>
      <c r="I557" s="338"/>
      <c r="J557" s="75"/>
    </row>
    <row r="558" spans="1:10" ht="9.6" customHeight="1">
      <c r="A558" s="169"/>
      <c r="B558" s="163"/>
      <c r="C558" s="170" t="s">
        <v>306</v>
      </c>
      <c r="D558" s="117"/>
      <c r="E558" s="180" t="s">
        <v>193</v>
      </c>
      <c r="F558" s="83">
        <v>6.2</v>
      </c>
      <c r="G558" s="134"/>
      <c r="H558" s="149"/>
      <c r="I558" s="333"/>
      <c r="J558" s="76"/>
    </row>
    <row r="559" spans="1:10" ht="9.6" customHeight="1">
      <c r="A559" s="147"/>
      <c r="B559" s="146"/>
      <c r="C559" s="115"/>
      <c r="D559" s="115"/>
      <c r="E559" s="179"/>
      <c r="F559" s="82"/>
      <c r="G559" s="136"/>
      <c r="H559" s="135"/>
      <c r="I559" s="329"/>
      <c r="J559" s="76"/>
    </row>
    <row r="560" spans="1:10" ht="9.6" customHeight="1">
      <c r="A560" s="147"/>
      <c r="B560" s="146"/>
      <c r="C560" s="139"/>
      <c r="D560" s="116"/>
      <c r="E560" s="178"/>
      <c r="F560" s="82"/>
      <c r="G560" s="136"/>
      <c r="H560" s="150"/>
      <c r="I560" s="338"/>
      <c r="J560" s="76"/>
    </row>
    <row r="561" spans="1:10" ht="9.6" customHeight="1">
      <c r="A561" s="147"/>
      <c r="B561" s="146"/>
      <c r="C561" s="170" t="s">
        <v>307</v>
      </c>
      <c r="D561" s="117"/>
      <c r="E561" s="180" t="s">
        <v>194</v>
      </c>
      <c r="F561" s="83">
        <v>0.56000000000000005</v>
      </c>
      <c r="G561" s="134"/>
      <c r="H561" s="149"/>
      <c r="I561" s="333"/>
      <c r="J561" s="76"/>
    </row>
    <row r="562" spans="1:10" ht="9.6" customHeight="1">
      <c r="A562" s="167"/>
      <c r="B562" s="115"/>
      <c r="C562" s="351"/>
      <c r="D562" s="115"/>
      <c r="E562" s="179"/>
      <c r="F562" s="81"/>
      <c r="G562" s="135"/>
      <c r="H562" s="135"/>
      <c r="I562" s="329"/>
      <c r="J562" s="75"/>
    </row>
    <row r="563" spans="1:10" ht="9.6" customHeight="1">
      <c r="A563" s="168"/>
      <c r="B563" s="116"/>
      <c r="C563" s="353"/>
      <c r="D563" s="116"/>
      <c r="E563" s="178"/>
      <c r="F563" s="82"/>
      <c r="G563" s="136"/>
      <c r="H563" s="150"/>
      <c r="I563" s="338"/>
      <c r="J563" s="75"/>
    </row>
    <row r="564" spans="1:10" ht="9.6" customHeight="1">
      <c r="A564" s="147"/>
      <c r="B564" s="163"/>
      <c r="C564" s="360" t="s">
        <v>390</v>
      </c>
      <c r="D564" s="117"/>
      <c r="E564" s="180" t="s">
        <v>508</v>
      </c>
      <c r="F564" s="83">
        <v>9.1</v>
      </c>
      <c r="G564" s="134"/>
      <c r="H564" s="149"/>
      <c r="I564" s="333"/>
      <c r="J564" s="76"/>
    </row>
    <row r="565" spans="1:10" ht="9.6" customHeight="1">
      <c r="A565" s="167"/>
      <c r="B565" s="142"/>
      <c r="C565" s="115"/>
      <c r="D565" s="116"/>
      <c r="E565" s="179"/>
      <c r="F565" s="82"/>
      <c r="G565" s="136"/>
      <c r="H565" s="135"/>
      <c r="I565" s="329"/>
      <c r="J565" s="75"/>
    </row>
    <row r="566" spans="1:10" ht="9.6" customHeight="1">
      <c r="A566" s="168"/>
      <c r="B566" s="143"/>
      <c r="C566" s="139"/>
      <c r="D566" s="116"/>
      <c r="E566" s="178"/>
      <c r="F566" s="82"/>
      <c r="G566" s="136"/>
      <c r="H566" s="150"/>
      <c r="I566" s="338"/>
      <c r="J566" s="75"/>
    </row>
    <row r="567" spans="1:10" ht="9.6" customHeight="1">
      <c r="A567" s="169"/>
      <c r="B567" s="144"/>
      <c r="C567" s="141" t="s">
        <v>312</v>
      </c>
      <c r="D567" s="80"/>
      <c r="E567" s="180" t="s">
        <v>193</v>
      </c>
      <c r="F567" s="83">
        <v>1.75</v>
      </c>
      <c r="G567" s="134"/>
      <c r="H567" s="149"/>
      <c r="I567" s="333"/>
      <c r="J567" s="78"/>
    </row>
    <row r="568" spans="1:10" ht="9.6" customHeight="1">
      <c r="A568" s="167"/>
      <c r="B568" s="142"/>
      <c r="C568" s="115"/>
      <c r="D568" s="137"/>
      <c r="E568" s="179"/>
      <c r="F568" s="84"/>
      <c r="G568" s="131"/>
      <c r="H568" s="135"/>
      <c r="I568" s="329"/>
      <c r="J568" s="77"/>
    </row>
    <row r="569" spans="1:10" ht="9.6" customHeight="1">
      <c r="A569" s="168"/>
      <c r="B569" s="143"/>
      <c r="C569" s="139"/>
      <c r="D569" s="137"/>
      <c r="E569" s="178"/>
      <c r="F569" s="84"/>
      <c r="G569" s="131"/>
      <c r="H569" s="150"/>
      <c r="I569" s="338"/>
      <c r="J569" s="77"/>
    </row>
    <row r="570" spans="1:10" ht="9.6" customHeight="1">
      <c r="A570" s="169"/>
      <c r="B570" s="144"/>
      <c r="C570" s="141" t="s">
        <v>308</v>
      </c>
      <c r="D570" s="117"/>
      <c r="E570" s="180" t="s">
        <v>193</v>
      </c>
      <c r="F570" s="83">
        <v>1.75</v>
      </c>
      <c r="G570" s="134"/>
      <c r="H570" s="149"/>
      <c r="I570" s="333"/>
      <c r="J570" s="78"/>
    </row>
    <row r="571" spans="1:10" ht="9.6" customHeight="1">
      <c r="A571" s="378"/>
      <c r="B571" s="142"/>
      <c r="C571" s="361"/>
      <c r="D571" s="115"/>
      <c r="E571" s="179"/>
      <c r="F571" s="81"/>
      <c r="G571" s="135"/>
      <c r="H571" s="135"/>
      <c r="I571" s="330"/>
      <c r="J571" s="77"/>
    </row>
    <row r="572" spans="1:10" ht="9.6" customHeight="1">
      <c r="A572" s="168"/>
      <c r="B572" s="143"/>
      <c r="C572" s="362"/>
      <c r="D572" s="116"/>
      <c r="E572" s="178"/>
      <c r="F572" s="82"/>
      <c r="G572" s="136"/>
      <c r="H572" s="150"/>
      <c r="I572" s="338"/>
      <c r="J572" s="77"/>
    </row>
    <row r="573" spans="1:10" ht="9.6" customHeight="1">
      <c r="A573" s="169"/>
      <c r="B573" s="176"/>
      <c r="C573" s="363" t="s">
        <v>628</v>
      </c>
      <c r="D573" s="117"/>
      <c r="E573" s="180" t="s">
        <v>193</v>
      </c>
      <c r="F573" s="83">
        <v>1.75</v>
      </c>
      <c r="G573" s="134"/>
      <c r="H573" s="149"/>
      <c r="I573" s="333"/>
      <c r="J573" s="78"/>
    </row>
    <row r="574" spans="1:10" ht="9.6" customHeight="1">
      <c r="A574" s="378"/>
      <c r="B574" s="146"/>
      <c r="C574" s="115"/>
      <c r="D574" s="115"/>
      <c r="E574" s="179"/>
      <c r="F574" s="81"/>
      <c r="G574" s="135"/>
      <c r="H574" s="135"/>
      <c r="I574" s="329"/>
      <c r="J574" s="76"/>
    </row>
    <row r="575" spans="1:10" ht="9.6" customHeight="1">
      <c r="A575" s="168"/>
      <c r="B575" s="146"/>
      <c r="C575" s="327"/>
      <c r="D575" s="116"/>
      <c r="E575" s="178"/>
      <c r="F575" s="82"/>
      <c r="G575" s="136"/>
      <c r="H575" s="136"/>
      <c r="I575" s="338"/>
      <c r="J575" s="76"/>
    </row>
    <row r="576" spans="1:10" ht="9.6" customHeight="1">
      <c r="A576" s="169"/>
      <c r="B576" s="146"/>
      <c r="C576" s="326" t="s">
        <v>297</v>
      </c>
      <c r="D576" s="117" t="s">
        <v>324</v>
      </c>
      <c r="E576" s="180" t="s">
        <v>314</v>
      </c>
      <c r="F576" s="83">
        <v>203</v>
      </c>
      <c r="G576" s="101"/>
      <c r="H576" s="149"/>
      <c r="I576" s="333"/>
      <c r="J576" s="76"/>
    </row>
    <row r="577" spans="1:10" ht="9.6" customHeight="1">
      <c r="A577" s="167"/>
      <c r="B577" s="142"/>
      <c r="C577" s="115"/>
      <c r="D577" s="115"/>
      <c r="E577" s="179"/>
      <c r="F577" s="81"/>
      <c r="G577" s="135"/>
      <c r="H577" s="135"/>
      <c r="I577" s="329"/>
      <c r="J577" s="75"/>
    </row>
    <row r="578" spans="1:10" ht="9.6" customHeight="1">
      <c r="A578" s="168"/>
      <c r="B578" s="100"/>
      <c r="C578" s="139"/>
      <c r="D578" s="116"/>
      <c r="E578" s="178"/>
      <c r="F578" s="82"/>
      <c r="G578" s="136"/>
      <c r="H578" s="136"/>
      <c r="I578" s="338"/>
      <c r="J578" s="75"/>
    </row>
    <row r="579" spans="1:10" ht="9.6" customHeight="1">
      <c r="A579" s="169"/>
      <c r="B579" s="163"/>
      <c r="C579" s="380" t="s">
        <v>297</v>
      </c>
      <c r="D579" s="373" t="s">
        <v>522</v>
      </c>
      <c r="E579" s="377" t="s">
        <v>314</v>
      </c>
      <c r="F579" s="83">
        <v>773</v>
      </c>
      <c r="G579" s="101"/>
      <c r="H579" s="149"/>
      <c r="I579" s="333"/>
      <c r="J579" s="76"/>
    </row>
    <row r="580" spans="1:10" ht="9.6" customHeight="1">
      <c r="A580" s="167"/>
      <c r="B580" s="115"/>
      <c r="C580" s="115"/>
      <c r="D580" s="115"/>
      <c r="E580" s="179"/>
      <c r="F580" s="81"/>
      <c r="G580" s="135"/>
      <c r="H580" s="135"/>
      <c r="I580" s="329"/>
      <c r="J580" s="75"/>
    </row>
    <row r="581" spans="1:10" ht="9.6" customHeight="1">
      <c r="A581" s="168"/>
      <c r="B581" s="116"/>
      <c r="C581" s="139"/>
      <c r="D581" s="116"/>
      <c r="E581" s="178"/>
      <c r="F581" s="82"/>
      <c r="G581" s="136"/>
      <c r="H581" s="150"/>
      <c r="I581" s="337"/>
      <c r="J581" s="75"/>
    </row>
    <row r="582" spans="1:10" ht="9.6" customHeight="1">
      <c r="A582" s="169"/>
      <c r="B582" s="117"/>
      <c r="C582" s="380" t="s">
        <v>297</v>
      </c>
      <c r="D582" s="373" t="s">
        <v>523</v>
      </c>
      <c r="E582" s="377" t="s">
        <v>314</v>
      </c>
      <c r="F582" s="83">
        <v>207</v>
      </c>
      <c r="G582" s="101"/>
      <c r="H582" s="149"/>
      <c r="I582" s="337"/>
      <c r="J582" s="76"/>
    </row>
    <row r="583" spans="1:10" ht="9.6" customHeight="1">
      <c r="A583" s="167"/>
      <c r="B583" s="142"/>
      <c r="C583" s="115"/>
      <c r="D583" s="137"/>
      <c r="E583" s="179"/>
      <c r="F583" s="84"/>
      <c r="G583" s="131"/>
      <c r="H583" s="135"/>
      <c r="I583" s="329"/>
      <c r="J583" s="77"/>
    </row>
    <row r="584" spans="1:10" ht="9.6" customHeight="1">
      <c r="A584" s="168"/>
      <c r="B584" s="143"/>
      <c r="C584" s="139"/>
      <c r="D584" s="137"/>
      <c r="E584" s="178"/>
      <c r="F584" s="84"/>
      <c r="G584" s="131"/>
      <c r="H584" s="150"/>
      <c r="I584" s="338"/>
      <c r="J584" s="77"/>
    </row>
    <row r="585" spans="1:10" ht="9.6" customHeight="1">
      <c r="A585" s="169"/>
      <c r="B585" s="176"/>
      <c r="C585" s="141"/>
      <c r="D585" s="117"/>
      <c r="E585" s="180"/>
      <c r="F585" s="192"/>
      <c r="G585" s="134"/>
      <c r="H585" s="149"/>
      <c r="I585" s="333"/>
      <c r="J585" s="78"/>
    </row>
    <row r="586" spans="1:10" ht="9.6" customHeight="1">
      <c r="A586" s="167"/>
      <c r="B586" s="142"/>
      <c r="C586" s="357"/>
      <c r="D586" s="115"/>
      <c r="E586" s="179"/>
      <c r="F586" s="81"/>
      <c r="G586" s="135"/>
      <c r="H586" s="135"/>
      <c r="I586" s="329"/>
      <c r="J586" s="75"/>
    </row>
    <row r="587" spans="1:10" ht="9.6" customHeight="1">
      <c r="A587" s="168"/>
      <c r="B587" s="100"/>
      <c r="C587" s="358"/>
      <c r="D587" s="116"/>
      <c r="E587" s="178"/>
      <c r="F587" s="82"/>
      <c r="G587" s="136"/>
      <c r="H587" s="150"/>
      <c r="I587" s="331"/>
      <c r="J587" s="75"/>
    </row>
    <row r="588" spans="1:10" ht="9.6" customHeight="1">
      <c r="A588" s="169"/>
      <c r="B588" s="163"/>
      <c r="C588" s="359"/>
      <c r="D588" s="117"/>
      <c r="E588" s="180"/>
      <c r="F588" s="83"/>
      <c r="G588" s="134"/>
      <c r="H588" s="149"/>
      <c r="I588" s="333"/>
      <c r="J588" s="76"/>
    </row>
    <row r="589" spans="1:10" ht="9.6" customHeight="1">
      <c r="A589" s="168"/>
      <c r="B589" s="116"/>
      <c r="C589" s="115"/>
      <c r="D589" s="115"/>
      <c r="E589" s="179"/>
      <c r="F589" s="81"/>
      <c r="G589" s="135"/>
      <c r="H589" s="135"/>
      <c r="I589" s="329"/>
      <c r="J589" s="75"/>
    </row>
    <row r="590" spans="1:10" ht="9.6" customHeight="1">
      <c r="A590" s="168"/>
      <c r="B590" s="116"/>
      <c r="C590" s="139"/>
      <c r="D590" s="116"/>
      <c r="E590" s="178"/>
      <c r="F590" s="82"/>
      <c r="G590" s="136"/>
      <c r="H590" s="136"/>
      <c r="I590" s="331"/>
      <c r="J590" s="75"/>
    </row>
    <row r="591" spans="1:10" ht="9.6" customHeight="1">
      <c r="A591" s="94"/>
      <c r="B591" s="161"/>
      <c r="C591" s="102" t="s">
        <v>10</v>
      </c>
      <c r="D591" s="349"/>
      <c r="E591" s="87"/>
      <c r="F591" s="85"/>
      <c r="G591" s="151"/>
      <c r="H591" s="183"/>
      <c r="I591" s="335"/>
      <c r="J591" s="76"/>
    </row>
    <row r="592" spans="1:10" ht="18.75">
      <c r="A592" s="96"/>
      <c r="B592" s="172"/>
      <c r="C592" s="172"/>
      <c r="D592" s="172"/>
      <c r="E592" s="173"/>
      <c r="F592" s="90"/>
      <c r="G592" s="174"/>
      <c r="H592" s="175"/>
      <c r="I592" s="336"/>
      <c r="J592" s="27"/>
    </row>
    <row r="593" spans="1:10" s="370" customFormat="1">
      <c r="A593" s="702" t="s">
        <v>1</v>
      </c>
      <c r="B593" s="704" t="s">
        <v>2</v>
      </c>
      <c r="C593" s="704" t="s">
        <v>3</v>
      </c>
      <c r="D593" s="704" t="s">
        <v>4</v>
      </c>
      <c r="E593" s="704" t="s">
        <v>224</v>
      </c>
      <c r="F593" s="706" t="s">
        <v>225</v>
      </c>
      <c r="G593" s="707"/>
      <c r="H593" s="708"/>
      <c r="I593" s="752" t="s">
        <v>7</v>
      </c>
      <c r="J593" s="30"/>
    </row>
    <row r="594" spans="1:10" s="370" customFormat="1">
      <c r="A594" s="703"/>
      <c r="B594" s="705"/>
      <c r="C594" s="705"/>
      <c r="D594" s="705"/>
      <c r="E594" s="705"/>
      <c r="F594" s="381" t="s">
        <v>223</v>
      </c>
      <c r="G594" s="381" t="s">
        <v>5</v>
      </c>
      <c r="H594" s="292" t="s">
        <v>6</v>
      </c>
      <c r="I594" s="753"/>
      <c r="J594" s="30"/>
    </row>
    <row r="595" spans="1:10" ht="9" customHeight="1">
      <c r="A595" s="378"/>
      <c r="B595" s="371"/>
      <c r="C595" s="371"/>
      <c r="D595" s="371"/>
      <c r="E595" s="379"/>
      <c r="F595" s="81"/>
      <c r="G595" s="135"/>
      <c r="H595" s="135"/>
      <c r="I595" s="329"/>
      <c r="J595" s="75"/>
    </row>
    <row r="596" spans="1:10" ht="9" customHeight="1">
      <c r="A596" s="97" t="s">
        <v>466</v>
      </c>
      <c r="B596" s="372"/>
      <c r="C596" s="139"/>
      <c r="D596" s="372"/>
      <c r="E596" s="374"/>
      <c r="F596" s="82"/>
      <c r="G596" s="136"/>
      <c r="H596" s="136"/>
      <c r="I596" s="338"/>
      <c r="J596" s="75"/>
    </row>
    <row r="597" spans="1:10" ht="9" customHeight="1">
      <c r="A597" s="169" t="s">
        <v>436</v>
      </c>
      <c r="B597" s="373"/>
      <c r="C597" s="170"/>
      <c r="D597" s="373"/>
      <c r="E597" s="377"/>
      <c r="F597" s="83"/>
      <c r="G597" s="134"/>
      <c r="H597" s="149"/>
      <c r="I597" s="333"/>
      <c r="J597" s="76"/>
    </row>
    <row r="598" spans="1:10" ht="9" customHeight="1">
      <c r="A598" s="378"/>
      <c r="B598" s="371"/>
      <c r="C598" s="371"/>
      <c r="D598" s="371"/>
      <c r="E598" s="379"/>
      <c r="F598" s="82"/>
      <c r="G598" s="136"/>
      <c r="H598" s="135"/>
      <c r="I598" s="329"/>
      <c r="J598" s="75"/>
    </row>
    <row r="599" spans="1:10" ht="9" customHeight="1">
      <c r="A599" s="168"/>
      <c r="B599" s="372"/>
      <c r="C599" s="139"/>
      <c r="D599" s="372"/>
      <c r="E599" s="374"/>
      <c r="F599" s="82"/>
      <c r="G599" s="136"/>
      <c r="H599" s="152"/>
      <c r="I599" s="338"/>
      <c r="J599" s="75"/>
    </row>
    <row r="600" spans="1:10" ht="9" customHeight="1">
      <c r="A600" s="169"/>
      <c r="B600" s="163" t="s">
        <v>372</v>
      </c>
      <c r="C600" s="170"/>
      <c r="D600" s="373"/>
      <c r="E600" s="377"/>
      <c r="F600" s="83"/>
      <c r="G600" s="134"/>
      <c r="H600" s="149"/>
      <c r="I600" s="333"/>
      <c r="J600" s="76"/>
    </row>
    <row r="601" spans="1:10" ht="9" customHeight="1">
      <c r="A601" s="147"/>
      <c r="B601" s="146"/>
      <c r="C601" s="371"/>
      <c r="D601" s="371"/>
      <c r="E601" s="379"/>
      <c r="F601" s="81"/>
      <c r="G601" s="136"/>
      <c r="H601" s="135"/>
      <c r="I601" s="329"/>
      <c r="J601" s="76"/>
    </row>
    <row r="602" spans="1:10" ht="9" customHeight="1">
      <c r="A602" s="147"/>
      <c r="B602" s="146"/>
      <c r="C602" s="139"/>
      <c r="D602" s="372"/>
      <c r="E602" s="374"/>
      <c r="F602" s="82"/>
      <c r="G602" s="136"/>
      <c r="H602" s="152"/>
      <c r="I602" s="338"/>
      <c r="J602" s="76"/>
    </row>
    <row r="603" spans="1:10" ht="9" customHeight="1">
      <c r="A603" s="147"/>
      <c r="B603" s="146"/>
      <c r="C603" s="170" t="s">
        <v>373</v>
      </c>
      <c r="D603" s="373"/>
      <c r="E603" s="377" t="s">
        <v>496</v>
      </c>
      <c r="F603" s="83">
        <v>1</v>
      </c>
      <c r="G603" s="134"/>
      <c r="H603" s="149"/>
      <c r="I603" s="333"/>
      <c r="J603" s="76"/>
    </row>
    <row r="604" spans="1:10" ht="9" customHeight="1">
      <c r="A604" s="378"/>
      <c r="B604" s="371"/>
      <c r="C604" s="371"/>
      <c r="D604" s="371"/>
      <c r="E604" s="379"/>
      <c r="F604" s="81"/>
      <c r="G604" s="136"/>
      <c r="H604" s="135"/>
      <c r="I604" s="329"/>
      <c r="J604" s="75"/>
    </row>
    <row r="605" spans="1:10" ht="9" customHeight="1">
      <c r="A605" s="168"/>
      <c r="B605" s="372"/>
      <c r="C605" s="139"/>
      <c r="D605" s="372"/>
      <c r="E605" s="374"/>
      <c r="F605" s="82"/>
      <c r="G605" s="136"/>
      <c r="H605" s="152"/>
      <c r="I605" s="338"/>
      <c r="J605" s="75"/>
    </row>
    <row r="606" spans="1:10" ht="9" customHeight="1">
      <c r="A606" s="147"/>
      <c r="B606" s="163"/>
      <c r="C606" s="170" t="s">
        <v>374</v>
      </c>
      <c r="D606" s="373"/>
      <c r="E606" s="377" t="s">
        <v>496</v>
      </c>
      <c r="F606" s="83">
        <v>1</v>
      </c>
      <c r="G606" s="134"/>
      <c r="H606" s="149"/>
      <c r="I606" s="333"/>
      <c r="J606" s="76"/>
    </row>
    <row r="607" spans="1:10" ht="9" customHeight="1">
      <c r="A607" s="378"/>
      <c r="B607" s="142"/>
      <c r="C607" s="371"/>
      <c r="D607" s="371"/>
      <c r="E607" s="379"/>
      <c r="F607" s="81"/>
      <c r="G607" s="135"/>
      <c r="H607" s="135"/>
      <c r="I607" s="329"/>
      <c r="J607" s="75"/>
    </row>
    <row r="608" spans="1:10" ht="9" customHeight="1">
      <c r="A608" s="168"/>
      <c r="B608" s="143"/>
      <c r="C608" s="139"/>
      <c r="D608" s="372"/>
      <c r="E608" s="374"/>
      <c r="F608" s="82"/>
      <c r="G608" s="136"/>
      <c r="H608" s="152"/>
      <c r="I608" s="338"/>
      <c r="J608" s="75"/>
    </row>
    <row r="609" spans="1:10" ht="9" customHeight="1">
      <c r="A609" s="169"/>
      <c r="B609" s="144"/>
      <c r="C609" s="141" t="s">
        <v>375</v>
      </c>
      <c r="D609" s="373"/>
      <c r="E609" s="377" t="s">
        <v>496</v>
      </c>
      <c r="F609" s="83">
        <v>1</v>
      </c>
      <c r="G609" s="134"/>
      <c r="H609" s="149"/>
      <c r="I609" s="333"/>
      <c r="J609" s="76"/>
    </row>
    <row r="610" spans="1:10" ht="9" customHeight="1">
      <c r="A610" s="378"/>
      <c r="B610" s="142"/>
      <c r="C610" s="371"/>
      <c r="D610" s="372"/>
      <c r="E610" s="379"/>
      <c r="F610" s="81"/>
      <c r="G610" s="136"/>
      <c r="H610" s="135"/>
      <c r="I610" s="329"/>
      <c r="J610" s="75"/>
    </row>
    <row r="611" spans="1:10" ht="9" customHeight="1">
      <c r="A611" s="168"/>
      <c r="B611" s="143"/>
      <c r="C611" s="139"/>
      <c r="D611" s="372"/>
      <c r="E611" s="374"/>
      <c r="F611" s="82"/>
      <c r="G611" s="136"/>
      <c r="H611" s="152"/>
      <c r="I611" s="338"/>
      <c r="J611" s="75"/>
    </row>
    <row r="612" spans="1:10" ht="9" customHeight="1">
      <c r="A612" s="169"/>
      <c r="B612" s="144"/>
      <c r="C612" s="141" t="s">
        <v>376</v>
      </c>
      <c r="D612" s="80"/>
      <c r="E612" s="377" t="s">
        <v>496</v>
      </c>
      <c r="F612" s="83">
        <v>1</v>
      </c>
      <c r="G612" s="134"/>
      <c r="H612" s="149"/>
      <c r="I612" s="333"/>
      <c r="J612" s="76"/>
    </row>
    <row r="613" spans="1:10" ht="9" customHeight="1">
      <c r="A613" s="378"/>
      <c r="B613" s="371"/>
      <c r="C613" s="371"/>
      <c r="D613" s="137"/>
      <c r="E613" s="379"/>
      <c r="F613" s="84"/>
      <c r="G613" s="131"/>
      <c r="H613" s="122"/>
      <c r="I613" s="329"/>
      <c r="J613" s="75"/>
    </row>
    <row r="614" spans="1:10" ht="9" customHeight="1">
      <c r="A614" s="168"/>
      <c r="B614" s="372"/>
      <c r="C614" s="139"/>
      <c r="D614" s="137"/>
      <c r="E614" s="374"/>
      <c r="F614" s="84"/>
      <c r="G614" s="131"/>
      <c r="H614" s="124"/>
      <c r="I614" s="331"/>
      <c r="J614" s="75"/>
    </row>
    <row r="615" spans="1:10" ht="9" customHeight="1">
      <c r="A615" s="147"/>
      <c r="B615" s="146"/>
      <c r="C615" s="141" t="s">
        <v>377</v>
      </c>
      <c r="D615" s="373"/>
      <c r="E615" s="377"/>
      <c r="F615" s="192"/>
      <c r="G615" s="101"/>
      <c r="H615" s="324"/>
      <c r="I615" s="333"/>
      <c r="J615" s="76"/>
    </row>
    <row r="616" spans="1:10" ht="9" customHeight="1">
      <c r="A616" s="378"/>
      <c r="B616" s="371"/>
      <c r="C616" s="115"/>
      <c r="D616" s="115"/>
      <c r="E616" s="179"/>
      <c r="F616" s="82"/>
      <c r="G616" s="136"/>
      <c r="H616" s="135"/>
      <c r="I616" s="329"/>
      <c r="J616" s="75"/>
    </row>
    <row r="617" spans="1:10" ht="9" customHeight="1">
      <c r="A617" s="168"/>
      <c r="B617" s="372"/>
      <c r="C617" s="139"/>
      <c r="D617" s="116"/>
      <c r="E617" s="178"/>
      <c r="F617" s="82"/>
      <c r="G617" s="136"/>
      <c r="H617" s="150"/>
      <c r="I617" s="338"/>
      <c r="J617" s="75"/>
    </row>
    <row r="618" spans="1:10" ht="9" customHeight="1">
      <c r="A618" s="147"/>
      <c r="B618" s="146"/>
      <c r="C618" s="170"/>
      <c r="D618" s="117"/>
      <c r="E618" s="180"/>
      <c r="F618" s="83"/>
      <c r="G618" s="134"/>
      <c r="H618" s="149"/>
      <c r="I618" s="333"/>
      <c r="J618" s="76"/>
    </row>
    <row r="619" spans="1:10" s="370" customFormat="1" ht="9" customHeight="1">
      <c r="A619" s="378"/>
      <c r="B619" s="371"/>
      <c r="C619" s="371"/>
      <c r="D619" s="371"/>
      <c r="E619" s="379"/>
      <c r="F619" s="82"/>
      <c r="G619" s="136"/>
      <c r="H619" s="135"/>
      <c r="I619" s="329"/>
      <c r="J619" s="76"/>
    </row>
    <row r="620" spans="1:10" s="370" customFormat="1" ht="9" customHeight="1">
      <c r="A620" s="168"/>
      <c r="B620" s="372"/>
      <c r="C620" s="139"/>
      <c r="D620" s="372"/>
      <c r="E620" s="374"/>
      <c r="F620" s="82"/>
      <c r="G620" s="136"/>
      <c r="H620" s="152"/>
      <c r="I620" s="338"/>
      <c r="J620" s="76"/>
    </row>
    <row r="621" spans="1:10" s="370" customFormat="1" ht="9" customHeight="1">
      <c r="A621" s="147"/>
      <c r="B621" s="146"/>
      <c r="C621" s="170"/>
      <c r="D621" s="373"/>
      <c r="E621" s="377"/>
      <c r="F621" s="83"/>
      <c r="G621" s="134"/>
      <c r="H621" s="149"/>
      <c r="I621" s="333"/>
      <c r="J621" s="76"/>
    </row>
    <row r="622" spans="1:10" s="370" customFormat="1" ht="9" customHeight="1">
      <c r="A622" s="378"/>
      <c r="B622" s="371"/>
      <c r="C622" s="371"/>
      <c r="D622" s="371"/>
      <c r="E622" s="379"/>
      <c r="F622" s="82"/>
      <c r="G622" s="136"/>
      <c r="H622" s="135"/>
      <c r="I622" s="329"/>
      <c r="J622" s="76"/>
    </row>
    <row r="623" spans="1:10" s="370" customFormat="1" ht="9" customHeight="1">
      <c r="A623" s="168"/>
      <c r="B623" s="372"/>
      <c r="C623" s="139"/>
      <c r="D623" s="372"/>
      <c r="E623" s="374"/>
      <c r="F623" s="82"/>
      <c r="G623" s="136"/>
      <c r="H623" s="152"/>
      <c r="I623" s="338"/>
      <c r="J623" s="76"/>
    </row>
    <row r="624" spans="1:10" s="370" customFormat="1" ht="9" customHeight="1">
      <c r="A624" s="147"/>
      <c r="B624" s="146"/>
      <c r="C624" s="170"/>
      <c r="D624" s="373"/>
      <c r="E624" s="377"/>
      <c r="F624" s="83"/>
      <c r="G624" s="134"/>
      <c r="H624" s="149"/>
      <c r="I624" s="333"/>
      <c r="J624" s="76"/>
    </row>
    <row r="625" spans="1:10" s="370" customFormat="1" ht="9" customHeight="1">
      <c r="A625" s="378"/>
      <c r="B625" s="371"/>
      <c r="C625" s="371"/>
      <c r="D625" s="371"/>
      <c r="E625" s="379"/>
      <c r="F625" s="82"/>
      <c r="G625" s="136"/>
      <c r="H625" s="135"/>
      <c r="I625" s="329"/>
      <c r="J625" s="76"/>
    </row>
    <row r="626" spans="1:10" s="370" customFormat="1" ht="9" customHeight="1">
      <c r="A626" s="168"/>
      <c r="B626" s="372"/>
      <c r="C626" s="139"/>
      <c r="D626" s="372"/>
      <c r="E626" s="374"/>
      <c r="F626" s="82"/>
      <c r="G626" s="136"/>
      <c r="H626" s="152"/>
      <c r="I626" s="338"/>
      <c r="J626" s="76"/>
    </row>
    <row r="627" spans="1:10" s="370" customFormat="1" ht="9" customHeight="1">
      <c r="A627" s="147"/>
      <c r="B627" s="146"/>
      <c r="C627" s="170"/>
      <c r="D627" s="373"/>
      <c r="E627" s="377"/>
      <c r="F627" s="83"/>
      <c r="G627" s="134"/>
      <c r="H627" s="149"/>
      <c r="I627" s="333"/>
      <c r="J627" s="76"/>
    </row>
    <row r="628" spans="1:10" s="370" customFormat="1" ht="9" customHeight="1">
      <c r="A628" s="378"/>
      <c r="B628" s="371"/>
      <c r="C628" s="371"/>
      <c r="D628" s="371"/>
      <c r="E628" s="379"/>
      <c r="F628" s="82"/>
      <c r="G628" s="136"/>
      <c r="H628" s="135"/>
      <c r="I628" s="329"/>
      <c r="J628" s="76"/>
    </row>
    <row r="629" spans="1:10" s="370" customFormat="1" ht="9" customHeight="1">
      <c r="A629" s="168"/>
      <c r="B629" s="372"/>
      <c r="C629" s="139"/>
      <c r="D629" s="372"/>
      <c r="E629" s="374"/>
      <c r="F629" s="82"/>
      <c r="G629" s="136"/>
      <c r="H629" s="152"/>
      <c r="I629" s="338"/>
      <c r="J629" s="76"/>
    </row>
    <row r="630" spans="1:10" s="370" customFormat="1" ht="9" customHeight="1">
      <c r="A630" s="147"/>
      <c r="B630" s="146"/>
      <c r="C630" s="170"/>
      <c r="D630" s="373"/>
      <c r="E630" s="377"/>
      <c r="F630" s="83"/>
      <c r="G630" s="134"/>
      <c r="H630" s="149"/>
      <c r="I630" s="333"/>
      <c r="J630" s="76"/>
    </row>
    <row r="631" spans="1:10" s="370" customFormat="1" ht="9" customHeight="1">
      <c r="A631" s="378"/>
      <c r="B631" s="371"/>
      <c r="C631" s="371"/>
      <c r="D631" s="371"/>
      <c r="E631" s="379"/>
      <c r="F631" s="82"/>
      <c r="G631" s="136"/>
      <c r="H631" s="135"/>
      <c r="I631" s="329"/>
      <c r="J631" s="76"/>
    </row>
    <row r="632" spans="1:10" s="370" customFormat="1" ht="9" customHeight="1">
      <c r="A632" s="168"/>
      <c r="B632" s="372"/>
      <c r="C632" s="139"/>
      <c r="D632" s="372"/>
      <c r="E632" s="374"/>
      <c r="F632" s="82"/>
      <c r="G632" s="136"/>
      <c r="H632" s="152"/>
      <c r="I632" s="338"/>
      <c r="J632" s="76"/>
    </row>
    <row r="633" spans="1:10" s="370" customFormat="1" ht="9" customHeight="1">
      <c r="A633" s="94"/>
      <c r="B633" s="161"/>
      <c r="C633" s="170"/>
      <c r="D633" s="373"/>
      <c r="E633" s="377"/>
      <c r="F633" s="83"/>
      <c r="G633" s="134"/>
      <c r="H633" s="149"/>
      <c r="I633" s="333"/>
      <c r="J633" s="76"/>
    </row>
    <row r="634" spans="1:10" s="27" customFormat="1" ht="26.1" customHeight="1">
      <c r="A634" s="96"/>
      <c r="B634" s="172"/>
      <c r="C634" s="172" t="s">
        <v>8</v>
      </c>
      <c r="D634" s="172"/>
      <c r="E634" s="173"/>
      <c r="F634" s="174" t="s">
        <v>11</v>
      </c>
      <c r="G634" s="174"/>
      <c r="H634" s="175"/>
      <c r="I634" s="336"/>
    </row>
    <row r="635" spans="1:10" s="370" customFormat="1">
      <c r="A635" s="702" t="s">
        <v>1</v>
      </c>
      <c r="B635" s="704" t="s">
        <v>2</v>
      </c>
      <c r="C635" s="704" t="s">
        <v>3</v>
      </c>
      <c r="D635" s="704" t="s">
        <v>4</v>
      </c>
      <c r="E635" s="704" t="s">
        <v>224</v>
      </c>
      <c r="F635" s="706" t="s">
        <v>226</v>
      </c>
      <c r="G635" s="707"/>
      <c r="H635" s="708"/>
      <c r="I635" s="752" t="s">
        <v>7</v>
      </c>
      <c r="J635" s="30"/>
    </row>
    <row r="636" spans="1:10" s="370" customFormat="1">
      <c r="A636" s="703"/>
      <c r="B636" s="705"/>
      <c r="C636" s="705"/>
      <c r="D636" s="705"/>
      <c r="E636" s="705"/>
      <c r="F636" s="381" t="s">
        <v>223</v>
      </c>
      <c r="G636" s="381" t="s">
        <v>5</v>
      </c>
      <c r="H636" s="292" t="s">
        <v>6</v>
      </c>
      <c r="I636" s="753"/>
      <c r="J636" s="30"/>
    </row>
    <row r="637" spans="1:10" ht="9" customHeight="1">
      <c r="A637" s="167"/>
      <c r="B637" s="116"/>
      <c r="C637" s="115"/>
      <c r="D637" s="115"/>
      <c r="E637" s="179"/>
      <c r="F637" s="82"/>
      <c r="G637" s="136"/>
      <c r="H637" s="135"/>
      <c r="I637" s="330"/>
      <c r="J637" s="75"/>
    </row>
    <row r="638" spans="1:10" ht="9" customHeight="1">
      <c r="A638" s="168"/>
      <c r="B638" s="116"/>
      <c r="C638" s="139"/>
      <c r="D638" s="116"/>
      <c r="E638" s="178"/>
      <c r="F638" s="82"/>
      <c r="G638" s="136"/>
      <c r="H638" s="152"/>
      <c r="I638" s="338"/>
      <c r="J638" s="75"/>
    </row>
    <row r="639" spans="1:10" ht="9" customHeight="1">
      <c r="A639" s="169"/>
      <c r="B639" s="117"/>
      <c r="C639" s="170"/>
      <c r="D639" s="117"/>
      <c r="E639" s="180"/>
      <c r="F639" s="83"/>
      <c r="G639" s="134"/>
      <c r="H639" s="149"/>
      <c r="I639" s="333"/>
      <c r="J639" s="76"/>
    </row>
    <row r="640" spans="1:10" s="370" customFormat="1" ht="9" customHeight="1">
      <c r="A640" s="378"/>
      <c r="B640" s="371"/>
      <c r="C640" s="371"/>
      <c r="D640" s="371"/>
      <c r="E640" s="379"/>
      <c r="F640" s="82"/>
      <c r="G640" s="136"/>
      <c r="H640" s="135"/>
      <c r="I640" s="329"/>
      <c r="J640" s="76"/>
    </row>
    <row r="641" spans="1:10" s="370" customFormat="1" ht="9" customHeight="1">
      <c r="A641" s="168"/>
      <c r="B641" s="372"/>
      <c r="C641" s="139"/>
      <c r="D641" s="372"/>
      <c r="E641" s="374"/>
      <c r="F641" s="82"/>
      <c r="G641" s="136"/>
      <c r="H641" s="152"/>
      <c r="I641" s="338"/>
      <c r="J641" s="76"/>
    </row>
    <row r="642" spans="1:10" s="370" customFormat="1" ht="9" customHeight="1">
      <c r="A642" s="147"/>
      <c r="B642" s="163"/>
      <c r="C642" s="170"/>
      <c r="D642" s="373"/>
      <c r="E642" s="377"/>
      <c r="F642" s="83"/>
      <c r="G642" s="134"/>
      <c r="H642" s="149"/>
      <c r="I642" s="333"/>
      <c r="J642" s="76"/>
    </row>
    <row r="643" spans="1:10" ht="9" customHeight="1">
      <c r="A643" s="378"/>
      <c r="B643" s="142"/>
      <c r="C643" s="115"/>
      <c r="D643" s="115"/>
      <c r="E643" s="179"/>
      <c r="F643" s="82"/>
      <c r="G643" s="136"/>
      <c r="H643" s="135"/>
      <c r="I643" s="329"/>
      <c r="J643" s="76"/>
    </row>
    <row r="644" spans="1:10" ht="9" customHeight="1">
      <c r="A644" s="168"/>
      <c r="B644" s="143"/>
      <c r="C644" s="139"/>
      <c r="D644" s="116"/>
      <c r="E644" s="178"/>
      <c r="F644" s="82"/>
      <c r="G644" s="136"/>
      <c r="H644" s="152"/>
      <c r="I644" s="338"/>
      <c r="J644" s="76"/>
    </row>
    <row r="645" spans="1:10" ht="9" customHeight="1">
      <c r="A645" s="169"/>
      <c r="B645" s="144"/>
      <c r="C645" s="170"/>
      <c r="D645" s="117"/>
      <c r="E645" s="180"/>
      <c r="F645" s="83"/>
      <c r="G645" s="134"/>
      <c r="H645" s="149"/>
      <c r="I645" s="333"/>
      <c r="J645" s="76"/>
    </row>
    <row r="646" spans="1:10" ht="9" customHeight="1">
      <c r="A646" s="167"/>
      <c r="B646" s="115"/>
      <c r="C646" s="115"/>
      <c r="D646" s="115"/>
      <c r="E646" s="179"/>
      <c r="F646" s="82"/>
      <c r="G646" s="136"/>
      <c r="H646" s="135"/>
      <c r="I646" s="329"/>
      <c r="J646" s="75"/>
    </row>
    <row r="647" spans="1:10" ht="9" customHeight="1">
      <c r="A647" s="168"/>
      <c r="B647" s="116"/>
      <c r="C647" s="139"/>
      <c r="D647" s="116"/>
      <c r="E647" s="178"/>
      <c r="F647" s="82"/>
      <c r="G647" s="136"/>
      <c r="H647" s="152"/>
      <c r="I647" s="338"/>
      <c r="J647" s="75"/>
    </row>
    <row r="648" spans="1:10" ht="9" customHeight="1">
      <c r="A648" s="147"/>
      <c r="B648" s="163"/>
      <c r="C648" s="170"/>
      <c r="D648" s="117"/>
      <c r="E648" s="180"/>
      <c r="F648" s="83"/>
      <c r="G648" s="134"/>
      <c r="H648" s="149"/>
      <c r="I648" s="333"/>
      <c r="J648" s="76"/>
    </row>
    <row r="649" spans="1:10" ht="9" customHeight="1">
      <c r="A649" s="167"/>
      <c r="B649" s="142"/>
      <c r="C649" s="115"/>
      <c r="D649" s="115"/>
      <c r="E649" s="179"/>
      <c r="F649" s="81"/>
      <c r="G649" s="135"/>
      <c r="H649" s="135"/>
      <c r="I649" s="329"/>
      <c r="J649" s="75"/>
    </row>
    <row r="650" spans="1:10" ht="9" customHeight="1">
      <c r="A650" s="168"/>
      <c r="B650" s="143"/>
      <c r="C650" s="139"/>
      <c r="D650" s="116"/>
      <c r="E650" s="178"/>
      <c r="F650" s="82"/>
      <c r="G650" s="136"/>
      <c r="H650" s="152"/>
      <c r="I650" s="338"/>
      <c r="J650" s="75"/>
    </row>
    <row r="651" spans="1:10" ht="9" customHeight="1">
      <c r="A651" s="169"/>
      <c r="B651" s="144"/>
      <c r="C651" s="141"/>
      <c r="D651" s="117"/>
      <c r="E651" s="180"/>
      <c r="F651" s="83"/>
      <c r="G651" s="134"/>
      <c r="H651" s="149"/>
      <c r="I651" s="333"/>
      <c r="J651" s="78"/>
    </row>
    <row r="652" spans="1:10" ht="9" customHeight="1">
      <c r="A652" s="167"/>
      <c r="B652" s="142"/>
      <c r="C652" s="115"/>
      <c r="D652" s="116"/>
      <c r="E652" s="179"/>
      <c r="F652" s="82"/>
      <c r="G652" s="136"/>
      <c r="H652" s="135"/>
      <c r="I652" s="329"/>
      <c r="J652" s="77"/>
    </row>
    <row r="653" spans="1:10" ht="9" customHeight="1">
      <c r="A653" s="168"/>
      <c r="B653" s="143"/>
      <c r="C653" s="139"/>
      <c r="D653" s="116"/>
      <c r="E653" s="178"/>
      <c r="F653" s="82"/>
      <c r="G653" s="136"/>
      <c r="H653" s="152"/>
      <c r="I653" s="338"/>
      <c r="J653" s="77"/>
    </row>
    <row r="654" spans="1:10" ht="9" customHeight="1">
      <c r="A654" s="169"/>
      <c r="B654" s="144"/>
      <c r="C654" s="141"/>
      <c r="D654" s="80"/>
      <c r="E654" s="180"/>
      <c r="F654" s="83"/>
      <c r="G654" s="134"/>
      <c r="H654" s="149"/>
      <c r="I654" s="333"/>
      <c r="J654" s="78"/>
    </row>
    <row r="655" spans="1:10" ht="9" customHeight="1">
      <c r="A655" s="167"/>
      <c r="B655" s="142"/>
      <c r="C655" s="115"/>
      <c r="D655" s="137"/>
      <c r="E655" s="179"/>
      <c r="F655" s="84"/>
      <c r="G655" s="131"/>
      <c r="H655" s="135"/>
      <c r="I655" s="329"/>
      <c r="J655" s="77"/>
    </row>
    <row r="656" spans="1:10" ht="9" customHeight="1">
      <c r="A656" s="168"/>
      <c r="B656" s="143"/>
      <c r="C656" s="139"/>
      <c r="D656" s="137"/>
      <c r="E656" s="178"/>
      <c r="F656" s="84"/>
      <c r="G656" s="131"/>
      <c r="H656" s="152"/>
      <c r="I656" s="338"/>
      <c r="J656" s="77"/>
    </row>
    <row r="657" spans="1:10" ht="9" customHeight="1">
      <c r="A657" s="169"/>
      <c r="B657" s="176"/>
      <c r="C657" s="141"/>
      <c r="D657" s="117"/>
      <c r="E657" s="180"/>
      <c r="F657" s="83"/>
      <c r="G657" s="134"/>
      <c r="H657" s="149"/>
      <c r="I657" s="333"/>
      <c r="J657" s="78"/>
    </row>
    <row r="658" spans="1:10" ht="9" customHeight="1">
      <c r="A658" s="167"/>
      <c r="B658" s="115"/>
      <c r="C658" s="115"/>
      <c r="D658" s="137"/>
      <c r="E658" s="179"/>
      <c r="F658" s="84"/>
      <c r="G658" s="131"/>
      <c r="H658" s="135"/>
      <c r="I658" s="330"/>
      <c r="J658" s="77"/>
    </row>
    <row r="659" spans="1:10" ht="9" customHeight="1">
      <c r="A659" s="168"/>
      <c r="B659" s="116"/>
      <c r="C659" s="139"/>
      <c r="D659" s="137"/>
      <c r="E659" s="178"/>
      <c r="F659" s="84"/>
      <c r="G659" s="131"/>
      <c r="H659" s="152"/>
      <c r="I659" s="338"/>
      <c r="J659" s="77"/>
    </row>
    <row r="660" spans="1:10" ht="9" customHeight="1">
      <c r="A660" s="147"/>
      <c r="B660" s="146"/>
      <c r="C660" s="141"/>
      <c r="D660" s="117"/>
      <c r="E660" s="180"/>
      <c r="F660" s="192"/>
      <c r="G660" s="101"/>
      <c r="H660" s="149"/>
      <c r="I660" s="333"/>
      <c r="J660" s="78"/>
    </row>
    <row r="661" spans="1:10" ht="9" customHeight="1">
      <c r="A661" s="167"/>
      <c r="B661" s="142"/>
      <c r="C661" s="115"/>
      <c r="D661" s="115"/>
      <c r="E661" s="179"/>
      <c r="F661" s="81"/>
      <c r="G661" s="135"/>
      <c r="H661" s="135"/>
      <c r="I661" s="329"/>
      <c r="J661" s="75"/>
    </row>
    <row r="662" spans="1:10" ht="9" customHeight="1">
      <c r="A662" s="168"/>
      <c r="B662" s="100"/>
      <c r="C662" s="139"/>
      <c r="D662" s="116"/>
      <c r="E662" s="178"/>
      <c r="F662" s="82"/>
      <c r="G662" s="136"/>
      <c r="H662" s="150"/>
      <c r="I662" s="331"/>
      <c r="J662" s="75"/>
    </row>
    <row r="663" spans="1:10" ht="9" customHeight="1">
      <c r="A663" s="169"/>
      <c r="B663" s="163"/>
      <c r="C663" s="170"/>
      <c r="D663" s="117"/>
      <c r="E663" s="180"/>
      <c r="F663" s="83"/>
      <c r="G663" s="101"/>
      <c r="H663" s="149"/>
      <c r="I663" s="333"/>
      <c r="J663" s="76"/>
    </row>
    <row r="664" spans="1:10" ht="9" customHeight="1">
      <c r="A664" s="167"/>
      <c r="B664" s="146"/>
      <c r="C664" s="115"/>
      <c r="D664" s="115"/>
      <c r="E664" s="179"/>
      <c r="F664" s="81"/>
      <c r="G664" s="135"/>
      <c r="H664" s="135"/>
      <c r="I664" s="329"/>
      <c r="J664" s="75"/>
    </row>
    <row r="665" spans="1:10" ht="9" customHeight="1">
      <c r="A665" s="168"/>
      <c r="B665" s="146"/>
      <c r="C665" s="139"/>
      <c r="D665" s="116"/>
      <c r="E665" s="178"/>
      <c r="F665" s="82"/>
      <c r="G665" s="136"/>
      <c r="H665" s="150"/>
      <c r="I665" s="338"/>
      <c r="J665" s="75"/>
    </row>
    <row r="666" spans="1:10" ht="9" customHeight="1">
      <c r="A666" s="169"/>
      <c r="B666" s="146"/>
      <c r="C666" s="170"/>
      <c r="D666" s="117"/>
      <c r="E666" s="180"/>
      <c r="F666" s="83"/>
      <c r="G666" s="101"/>
      <c r="H666" s="149"/>
      <c r="I666" s="333"/>
      <c r="J666" s="78"/>
    </row>
    <row r="667" spans="1:10" ht="9" customHeight="1">
      <c r="A667" s="167"/>
      <c r="B667" s="115"/>
      <c r="C667" s="115"/>
      <c r="D667" s="115"/>
      <c r="E667" s="179"/>
      <c r="F667" s="81"/>
      <c r="G667" s="135"/>
      <c r="H667" s="135"/>
      <c r="I667" s="329"/>
      <c r="J667" s="77"/>
    </row>
    <row r="668" spans="1:10" ht="9" customHeight="1">
      <c r="A668" s="168"/>
      <c r="B668" s="116"/>
      <c r="C668" s="139"/>
      <c r="D668" s="116"/>
      <c r="E668" s="178"/>
      <c r="F668" s="82"/>
      <c r="G668" s="136"/>
      <c r="H668" s="150"/>
      <c r="I668" s="337"/>
      <c r="J668" s="77"/>
    </row>
    <row r="669" spans="1:10" ht="9" customHeight="1">
      <c r="A669" s="169"/>
      <c r="B669" s="117"/>
      <c r="C669" s="170"/>
      <c r="D669" s="117"/>
      <c r="E669" s="180"/>
      <c r="F669" s="83"/>
      <c r="G669" s="134"/>
      <c r="H669" s="149"/>
      <c r="I669" s="337"/>
      <c r="J669" s="78"/>
    </row>
    <row r="670" spans="1:10" ht="9" customHeight="1">
      <c r="A670" s="168"/>
      <c r="B670" s="116"/>
      <c r="C670" s="115"/>
      <c r="D670" s="115"/>
      <c r="E670" s="179"/>
      <c r="F670" s="81"/>
      <c r="G670" s="135"/>
      <c r="H670" s="135"/>
      <c r="I670" s="329"/>
      <c r="J670" s="75"/>
    </row>
    <row r="671" spans="1:10" ht="9" customHeight="1">
      <c r="A671" s="168"/>
      <c r="B671" s="116"/>
      <c r="C671" s="139"/>
      <c r="D671" s="116"/>
      <c r="E671" s="178"/>
      <c r="F671" s="82"/>
      <c r="G671" s="136"/>
      <c r="H671" s="136"/>
      <c r="I671" s="331"/>
      <c r="J671" s="75"/>
    </row>
    <row r="672" spans="1:10" ht="9" customHeight="1">
      <c r="A672" s="169"/>
      <c r="B672" s="117"/>
      <c r="C672" s="170"/>
      <c r="D672" s="189"/>
      <c r="E672" s="180"/>
      <c r="F672" s="83"/>
      <c r="G672" s="134"/>
      <c r="H672" s="149"/>
      <c r="I672" s="333"/>
      <c r="J672" s="76"/>
    </row>
    <row r="673" spans="1:10" ht="9" customHeight="1">
      <c r="A673" s="167"/>
      <c r="B673" s="142"/>
      <c r="C673" s="115"/>
      <c r="D673" s="115"/>
      <c r="E673" s="179"/>
      <c r="F673" s="81"/>
      <c r="G673" s="135"/>
      <c r="H673" s="135"/>
      <c r="I673" s="329"/>
      <c r="J673" s="77"/>
    </row>
    <row r="674" spans="1:10" ht="9" customHeight="1">
      <c r="A674" s="168"/>
      <c r="B674" s="143"/>
      <c r="C674" s="139"/>
      <c r="D674" s="116"/>
      <c r="E674" s="178"/>
      <c r="F674" s="82"/>
      <c r="G674" s="136"/>
      <c r="H674" s="136"/>
      <c r="I674" s="338"/>
      <c r="J674" s="77"/>
    </row>
    <row r="675" spans="1:10" ht="9" customHeight="1">
      <c r="A675" s="94"/>
      <c r="B675" s="162"/>
      <c r="C675" s="187"/>
      <c r="D675" s="155"/>
      <c r="E675" s="87"/>
      <c r="F675" s="85"/>
      <c r="G675" s="99"/>
      <c r="H675" s="183"/>
      <c r="I675" s="335"/>
      <c r="J675" s="78"/>
    </row>
  </sheetData>
  <mergeCells count="112">
    <mergeCell ref="A425:A426"/>
    <mergeCell ref="B425:B426"/>
    <mergeCell ref="C425:C426"/>
    <mergeCell ref="D425:D426"/>
    <mergeCell ref="E425:E426"/>
    <mergeCell ref="F425:H425"/>
    <mergeCell ref="I425:I426"/>
    <mergeCell ref="A467:A468"/>
    <mergeCell ref="B467:B468"/>
    <mergeCell ref="C467:C468"/>
    <mergeCell ref="D467:D468"/>
    <mergeCell ref="E467:E468"/>
    <mergeCell ref="F467:H467"/>
    <mergeCell ref="I467:I468"/>
    <mergeCell ref="I2:I3"/>
    <mergeCell ref="A44:A45"/>
    <mergeCell ref="B44:B45"/>
    <mergeCell ref="C44:C45"/>
    <mergeCell ref="D44:D45"/>
    <mergeCell ref="E44:E45"/>
    <mergeCell ref="F44:H44"/>
    <mergeCell ref="I44:I45"/>
    <mergeCell ref="A2:A3"/>
    <mergeCell ref="B2:B3"/>
    <mergeCell ref="C2:C3"/>
    <mergeCell ref="D2:D3"/>
    <mergeCell ref="E2:E3"/>
    <mergeCell ref="F2:H2"/>
    <mergeCell ref="I86:I87"/>
    <mergeCell ref="A128:A129"/>
    <mergeCell ref="B128:B129"/>
    <mergeCell ref="C128:C129"/>
    <mergeCell ref="D128:D129"/>
    <mergeCell ref="E128:E129"/>
    <mergeCell ref="F128:H128"/>
    <mergeCell ref="I128:I129"/>
    <mergeCell ref="A86:A87"/>
    <mergeCell ref="B86:B87"/>
    <mergeCell ref="C86:C87"/>
    <mergeCell ref="D86:D87"/>
    <mergeCell ref="E86:E87"/>
    <mergeCell ref="F86:H86"/>
    <mergeCell ref="I170:I171"/>
    <mergeCell ref="A212:A213"/>
    <mergeCell ref="B212:B213"/>
    <mergeCell ref="C212:C213"/>
    <mergeCell ref="D212:D213"/>
    <mergeCell ref="E212:E213"/>
    <mergeCell ref="F212:H212"/>
    <mergeCell ref="I212:I213"/>
    <mergeCell ref="A170:A171"/>
    <mergeCell ref="B170:B171"/>
    <mergeCell ref="C170:C171"/>
    <mergeCell ref="D170:D171"/>
    <mergeCell ref="E170:E171"/>
    <mergeCell ref="F170:H170"/>
    <mergeCell ref="I341:I342"/>
    <mergeCell ref="A383:A384"/>
    <mergeCell ref="B383:B384"/>
    <mergeCell ref="C383:C384"/>
    <mergeCell ref="D383:D384"/>
    <mergeCell ref="E383:E384"/>
    <mergeCell ref="F383:H383"/>
    <mergeCell ref="I383:I384"/>
    <mergeCell ref="A341:A342"/>
    <mergeCell ref="B341:B342"/>
    <mergeCell ref="C341:C342"/>
    <mergeCell ref="D341:D342"/>
    <mergeCell ref="E341:E342"/>
    <mergeCell ref="F341:H341"/>
    <mergeCell ref="I509:I510"/>
    <mergeCell ref="A551:A552"/>
    <mergeCell ref="B551:B552"/>
    <mergeCell ref="C551:C552"/>
    <mergeCell ref="D551:D552"/>
    <mergeCell ref="E551:E552"/>
    <mergeCell ref="F551:H551"/>
    <mergeCell ref="I551:I552"/>
    <mergeCell ref="A509:A510"/>
    <mergeCell ref="B509:B510"/>
    <mergeCell ref="C509:C510"/>
    <mergeCell ref="D509:D510"/>
    <mergeCell ref="E509:E510"/>
    <mergeCell ref="F509:H509"/>
    <mergeCell ref="I593:I594"/>
    <mergeCell ref="A635:A636"/>
    <mergeCell ref="B635:B636"/>
    <mergeCell ref="C635:C636"/>
    <mergeCell ref="D635:D636"/>
    <mergeCell ref="E635:E636"/>
    <mergeCell ref="F635:H635"/>
    <mergeCell ref="I635:I636"/>
    <mergeCell ref="A593:A594"/>
    <mergeCell ref="B593:B594"/>
    <mergeCell ref="C593:C594"/>
    <mergeCell ref="D593:D594"/>
    <mergeCell ref="E593:E594"/>
    <mergeCell ref="F593:H593"/>
    <mergeCell ref="F257:H257"/>
    <mergeCell ref="I257:I258"/>
    <mergeCell ref="A299:A300"/>
    <mergeCell ref="B299:B300"/>
    <mergeCell ref="C299:C300"/>
    <mergeCell ref="D299:D300"/>
    <mergeCell ref="E299:E300"/>
    <mergeCell ref="F299:H299"/>
    <mergeCell ref="I299:I300"/>
    <mergeCell ref="A257:A258"/>
    <mergeCell ref="B257:B258"/>
    <mergeCell ref="C257:C258"/>
    <mergeCell ref="D257:D258"/>
    <mergeCell ref="E257:E258"/>
  </mergeCells>
  <phoneticPr fontId="68"/>
  <printOptions horizontalCentered="1" verticalCentered="1"/>
  <pageMargins left="0.9055118110236221" right="0.51181102362204722" top="0.74803149606299213" bottom="0.74803149606299213" header="0.31496062992125984" footer="0.31496062992125984"/>
  <pageSetup paperSize="9" scale="93" fitToHeight="100" orientation="portrait" horizontalDpi="4294967294" r:id="rId1"/>
  <rowBreaks count="7" manualBreakCount="7">
    <brk id="84" max="8" man="1"/>
    <brk id="168" max="8" man="1"/>
    <brk id="255" max="8" man="1"/>
    <brk id="339" max="8" man="1"/>
    <brk id="423" max="8" man="1"/>
    <brk id="507" max="8" man="1"/>
    <brk id="591" max="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8</vt:i4>
      </vt:variant>
    </vt:vector>
  </HeadingPairs>
  <TitlesOfParts>
    <vt:vector size="21" baseType="lpstr">
      <vt:lpstr>設計書表紙</vt:lpstr>
      <vt:lpstr>工事内訳書</vt:lpstr>
      <vt:lpstr>内訳書</vt:lpstr>
      <vt:lpstr>１明細表（土木）</vt:lpstr>
      <vt:lpstr>施工単価表（土木）</vt:lpstr>
      <vt:lpstr>未登録代価表（土木）</vt:lpstr>
      <vt:lpstr>運転単価表（土木）</vt:lpstr>
      <vt:lpstr>２号明細書 (機械)</vt:lpstr>
      <vt:lpstr>３号明細書 (電気)</vt:lpstr>
      <vt:lpstr>４号明細書 (運搬費) </vt:lpstr>
      <vt:lpstr>５号明細書 (安全費) </vt:lpstr>
      <vt:lpstr>６号明細書 (スクラップ) </vt:lpstr>
      <vt:lpstr>施工条件明示一覧表</vt:lpstr>
      <vt:lpstr>'２号明細書 (機械)'!Print_Area</vt:lpstr>
      <vt:lpstr>'３号明細書 (電気)'!Print_Area</vt:lpstr>
      <vt:lpstr>'４号明細書 (運搬費) '!Print_Area</vt:lpstr>
      <vt:lpstr>'５号明細書 (安全費) '!Print_Area</vt:lpstr>
      <vt:lpstr>'６号明細書 (スクラップ) '!Print_Area</vt:lpstr>
      <vt:lpstr>工事内訳書!Print_Area</vt:lpstr>
      <vt:lpstr>施工条件明示一覧表!Print_Area</vt:lpstr>
      <vt:lpstr>内訳書!Print_Area</vt:lpstr>
    </vt:vector>
  </TitlesOfParts>
  <LinksUpToDate>false</LinksUpToDate>
  <SharedDoc>false</SharedDoc>
  <HyperlinksChanged>false</HyperlinksChanged>
  <AppVersion>14.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18-11-19T09:25:42Z</cp:lastPrinted>
  <dcterms:created xsi:type="dcterms:W3CDTF">2014-03-20T05:03:09Z</dcterms:created>
  <dcterms:modified xsi:type="dcterms:W3CDTF">2018-11-19T10:41:30Z</dcterms:modified>
</cp:coreProperties>
</file>